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5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B$1:$KM$41</definedName>
    <definedName name="_xlnm.Print_Area" localSheetId="2">'第２-2表'!$B$1:$KM$41</definedName>
    <definedName name="_xlnm.Print_Area" localSheetId="3">'第２-3表'!$B$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H4" i="1" l="1"/>
  <c r="F1" i="34" l="1"/>
  <c r="G1" i="34" s="1"/>
  <c r="E1" i="34"/>
  <c r="F1" i="6"/>
  <c r="G1" i="6" s="1"/>
  <c r="I1" i="33"/>
  <c r="J1" i="33" s="1"/>
  <c r="H1" i="33"/>
  <c r="J1" i="5"/>
  <c r="K1" i="5" s="1"/>
  <c r="H1" i="5"/>
  <c r="J1" i="30"/>
  <c r="I1" i="25" l="1"/>
  <c r="J1" i="25" s="1"/>
  <c r="H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8">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0" fontId="0" fillId="0" borderId="3" xfId="0" applyBorder="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0" fontId="0" fillId="0" borderId="7" xfId="0"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182" fontId="3" fillId="0" borderId="0" xfId="0" applyNumberFormat="1" applyFont="1" applyAlignment="1">
      <alignment horizontal="left" vertical="center"/>
    </xf>
    <xf numFmtId="182" fontId="3" fillId="0" borderId="0" xfId="0" applyNumberFormat="1" applyFont="1" applyBorder="1" applyAlignment="1">
      <alignment horizontal="left"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0" fontId="3" fillId="0" borderId="96" xfId="0" applyFont="1" applyBorder="1" applyAlignment="1">
      <alignment horizontal="center" vertical="center"/>
    </xf>
    <xf numFmtId="182" fontId="3" fillId="0" borderId="0" xfId="0" applyNumberFormat="1" applyFont="1" applyBorder="1" applyAlignment="1">
      <alignment horizontal="center" vertical="center"/>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182" fontId="2" fillId="0" borderId="0" xfId="0" applyNumberFormat="1" applyFont="1" applyBorder="1" applyAlignment="1">
      <alignment horizontal="left"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502" t="s">
        <v>0</v>
      </c>
      <c r="F1" s="502"/>
      <c r="G1" s="502"/>
      <c r="H1" s="502"/>
      <c r="I1" s="2"/>
      <c r="J1" s="2"/>
      <c r="K1" s="2"/>
      <c r="L1" s="2"/>
    </row>
    <row r="2" spans="1:13" ht="24" customHeight="1" x14ac:dyDescent="0.2">
      <c r="A2" s="2"/>
      <c r="B2" s="2"/>
      <c r="C2" s="2"/>
      <c r="D2" s="2"/>
      <c r="E2" s="2"/>
      <c r="F2" s="366">
        <v>5</v>
      </c>
      <c r="G2" s="246">
        <v>4</v>
      </c>
      <c r="H2" s="2"/>
      <c r="I2" s="2"/>
      <c r="J2" s="2"/>
      <c r="K2" s="2"/>
      <c r="L2" s="2"/>
      <c r="M2" s="2"/>
    </row>
    <row r="3" spans="1:13" ht="24" customHeight="1" x14ac:dyDescent="0.2"/>
    <row r="4" spans="1:13" ht="20.25" customHeight="1" x14ac:dyDescent="0.2">
      <c r="D4" s="3"/>
      <c r="E4" s="4" t="s">
        <v>1</v>
      </c>
      <c r="F4" s="3"/>
      <c r="H4" s="253">
        <f>G2</f>
        <v>4</v>
      </c>
    </row>
    <row r="5" spans="1:13" ht="10.5" customHeight="1" thickBot="1" x14ac:dyDescent="0.25">
      <c r="E5" s="5"/>
    </row>
    <row r="6" spans="1:13" ht="21" customHeight="1" x14ac:dyDescent="0.2">
      <c r="E6" s="342"/>
      <c r="F6" s="503" t="s">
        <v>2</v>
      </c>
      <c r="G6" s="504"/>
      <c r="H6" s="504"/>
      <c r="I6" s="505"/>
    </row>
    <row r="7" spans="1:13" ht="21" customHeight="1" x14ac:dyDescent="0.2">
      <c r="E7" s="7"/>
      <c r="F7" s="8"/>
      <c r="G7" s="9" t="s">
        <v>3</v>
      </c>
      <c r="H7" s="345" t="s">
        <v>150</v>
      </c>
      <c r="I7" s="346" t="s">
        <v>149</v>
      </c>
    </row>
    <row r="8" spans="1:13" ht="21" customHeight="1" x14ac:dyDescent="0.2">
      <c r="E8" s="343" t="s">
        <v>4</v>
      </c>
      <c r="F8" s="373">
        <v>2343366</v>
      </c>
      <c r="G8" s="373">
        <v>1041248</v>
      </c>
      <c r="H8" s="373">
        <v>898696</v>
      </c>
      <c r="I8" s="374">
        <v>403422</v>
      </c>
    </row>
    <row r="9" spans="1:13" ht="21" customHeight="1" x14ac:dyDescent="0.2">
      <c r="E9" s="10" t="s">
        <v>5</v>
      </c>
      <c r="F9" s="375">
        <v>935001</v>
      </c>
      <c r="G9" s="375">
        <v>413777</v>
      </c>
      <c r="H9" s="375">
        <v>353988</v>
      </c>
      <c r="I9" s="376">
        <v>167236</v>
      </c>
    </row>
    <row r="10" spans="1:13" ht="21" customHeight="1" x14ac:dyDescent="0.2">
      <c r="E10" s="10" t="s">
        <v>6</v>
      </c>
      <c r="F10" s="375">
        <v>307711</v>
      </c>
      <c r="G10" s="375">
        <v>142485</v>
      </c>
      <c r="H10" s="375">
        <v>112416</v>
      </c>
      <c r="I10" s="376">
        <v>52810</v>
      </c>
    </row>
    <row r="11" spans="1:13" ht="21" customHeight="1" x14ac:dyDescent="0.2">
      <c r="E11" s="10" t="s">
        <v>14</v>
      </c>
      <c r="F11" s="375">
        <v>188370</v>
      </c>
      <c r="G11" s="375">
        <v>84854</v>
      </c>
      <c r="H11" s="375">
        <v>74763</v>
      </c>
      <c r="I11" s="376">
        <v>28753</v>
      </c>
    </row>
    <row r="12" spans="1:13" ht="21" customHeight="1" x14ac:dyDescent="0.2">
      <c r="E12" s="10" t="s">
        <v>7</v>
      </c>
      <c r="F12" s="375">
        <v>125458</v>
      </c>
      <c r="G12" s="375">
        <v>52865</v>
      </c>
      <c r="H12" s="375">
        <v>49993</v>
      </c>
      <c r="I12" s="376">
        <v>22600</v>
      </c>
    </row>
    <row r="13" spans="1:13" ht="21" customHeight="1" x14ac:dyDescent="0.2">
      <c r="E13" s="10" t="s">
        <v>8</v>
      </c>
      <c r="F13" s="375">
        <v>73400</v>
      </c>
      <c r="G13" s="375">
        <v>33329</v>
      </c>
      <c r="H13" s="375">
        <v>28184</v>
      </c>
      <c r="I13" s="376">
        <v>11887</v>
      </c>
    </row>
    <row r="14" spans="1:13" ht="21" customHeight="1" x14ac:dyDescent="0.2">
      <c r="E14" s="10" t="s">
        <v>9</v>
      </c>
      <c r="F14" s="375">
        <v>53557</v>
      </c>
      <c r="G14" s="375">
        <v>20714</v>
      </c>
      <c r="H14" s="375">
        <v>21002</v>
      </c>
      <c r="I14" s="376">
        <v>11841</v>
      </c>
    </row>
    <row r="15" spans="1:13" ht="21" customHeight="1" x14ac:dyDescent="0.2">
      <c r="E15" s="10" t="s">
        <v>10</v>
      </c>
      <c r="F15" s="375">
        <v>108373</v>
      </c>
      <c r="G15" s="375">
        <v>47105</v>
      </c>
      <c r="H15" s="375">
        <v>41783</v>
      </c>
      <c r="I15" s="376">
        <v>19485</v>
      </c>
    </row>
    <row r="16" spans="1:13" ht="21" customHeight="1" x14ac:dyDescent="0.2">
      <c r="E16" s="10" t="s">
        <v>11</v>
      </c>
      <c r="F16" s="375">
        <v>57330</v>
      </c>
      <c r="G16" s="375">
        <v>25642</v>
      </c>
      <c r="H16" s="375">
        <v>21616</v>
      </c>
      <c r="I16" s="376">
        <v>10072</v>
      </c>
    </row>
    <row r="17" spans="5:13" ht="21" customHeight="1" x14ac:dyDescent="0.2">
      <c r="E17" s="10" t="s">
        <v>12</v>
      </c>
      <c r="F17" s="375">
        <v>65748</v>
      </c>
      <c r="G17" s="375">
        <v>28449</v>
      </c>
      <c r="H17" s="375">
        <v>25538</v>
      </c>
      <c r="I17" s="376">
        <v>11761</v>
      </c>
    </row>
    <row r="18" spans="5:13" ht="21" customHeight="1" x14ac:dyDescent="0.2">
      <c r="E18" s="10" t="s">
        <v>13</v>
      </c>
      <c r="F18" s="375">
        <v>18584</v>
      </c>
      <c r="G18" s="375">
        <v>7146</v>
      </c>
      <c r="H18" s="375">
        <v>7320</v>
      </c>
      <c r="I18" s="376">
        <v>4118</v>
      </c>
      <c r="M18" s="1" t="s">
        <v>87</v>
      </c>
    </row>
    <row r="19" spans="5:13" ht="21" customHeight="1" x14ac:dyDescent="0.2">
      <c r="E19" s="10" t="s">
        <v>15</v>
      </c>
      <c r="F19" s="375">
        <v>16232</v>
      </c>
      <c r="G19" s="375">
        <v>7154</v>
      </c>
      <c r="H19" s="375">
        <v>6185</v>
      </c>
      <c r="I19" s="376">
        <v>2893</v>
      </c>
    </row>
    <row r="20" spans="5:13" ht="21" customHeight="1" x14ac:dyDescent="0.2">
      <c r="E20" s="10" t="s">
        <v>16</v>
      </c>
      <c r="F20" s="375">
        <v>49399</v>
      </c>
      <c r="G20" s="375">
        <v>23327</v>
      </c>
      <c r="H20" s="375">
        <v>19035</v>
      </c>
      <c r="I20" s="376">
        <v>7037</v>
      </c>
    </row>
    <row r="21" spans="5:13" ht="21" customHeight="1" x14ac:dyDescent="0.2">
      <c r="E21" s="10" t="s">
        <v>17</v>
      </c>
      <c r="F21" s="375">
        <v>58645</v>
      </c>
      <c r="G21" s="375">
        <v>27375</v>
      </c>
      <c r="H21" s="375">
        <v>23172</v>
      </c>
      <c r="I21" s="376">
        <v>8098</v>
      </c>
    </row>
    <row r="22" spans="5:13" ht="21" customHeight="1" x14ac:dyDescent="0.2">
      <c r="E22" s="10" t="s">
        <v>18</v>
      </c>
      <c r="F22" s="375">
        <v>58254</v>
      </c>
      <c r="G22" s="375">
        <v>25963</v>
      </c>
      <c r="H22" s="375">
        <v>23261</v>
      </c>
      <c r="I22" s="376">
        <v>9030</v>
      </c>
    </row>
    <row r="23" spans="5:13" ht="21" customHeight="1" x14ac:dyDescent="0.2">
      <c r="E23" s="10" t="s">
        <v>19</v>
      </c>
      <c r="F23" s="375">
        <v>26700</v>
      </c>
      <c r="G23" s="375">
        <v>12050</v>
      </c>
      <c r="H23" s="375">
        <v>10480</v>
      </c>
      <c r="I23" s="376">
        <v>4170</v>
      </c>
    </row>
    <row r="24" spans="5:13" ht="21" customHeight="1" x14ac:dyDescent="0.2">
      <c r="E24" s="10" t="s">
        <v>20</v>
      </c>
      <c r="F24" s="375">
        <v>34147</v>
      </c>
      <c r="G24" s="375">
        <v>15651</v>
      </c>
      <c r="H24" s="375">
        <v>13496</v>
      </c>
      <c r="I24" s="376">
        <v>5000</v>
      </c>
    </row>
    <row r="25" spans="5:13" ht="21" customHeight="1" x14ac:dyDescent="0.2">
      <c r="E25" s="10" t="s">
        <v>21</v>
      </c>
      <c r="F25" s="375">
        <v>34366</v>
      </c>
      <c r="G25" s="375">
        <v>15593</v>
      </c>
      <c r="H25" s="375">
        <v>13652</v>
      </c>
      <c r="I25" s="376">
        <v>5121</v>
      </c>
    </row>
    <row r="26" spans="5:13" ht="21" customHeight="1" x14ac:dyDescent="0.2">
      <c r="E26" s="10" t="s">
        <v>22</v>
      </c>
      <c r="F26" s="375">
        <v>13647</v>
      </c>
      <c r="G26" s="375">
        <v>5799</v>
      </c>
      <c r="H26" s="375">
        <v>5468</v>
      </c>
      <c r="I26" s="376">
        <v>2380</v>
      </c>
    </row>
    <row r="27" spans="5:13" ht="21" customHeight="1" x14ac:dyDescent="0.2">
      <c r="E27" s="10" t="s">
        <v>23</v>
      </c>
      <c r="F27" s="375">
        <v>22825</v>
      </c>
      <c r="G27" s="375">
        <v>9746</v>
      </c>
      <c r="H27" s="375">
        <v>9872</v>
      </c>
      <c r="I27" s="376">
        <v>3207</v>
      </c>
    </row>
    <row r="28" spans="5:13" ht="21" customHeight="1" x14ac:dyDescent="0.2">
      <c r="E28" s="10" t="s">
        <v>24</v>
      </c>
      <c r="F28" s="375">
        <v>10165</v>
      </c>
      <c r="G28" s="375">
        <v>3946</v>
      </c>
      <c r="H28" s="375">
        <v>4180</v>
      </c>
      <c r="I28" s="376">
        <v>2039</v>
      </c>
    </row>
    <row r="29" spans="5:13" ht="21" customHeight="1" x14ac:dyDescent="0.2">
      <c r="E29" s="10" t="s">
        <v>25</v>
      </c>
      <c r="F29" s="375">
        <v>13441</v>
      </c>
      <c r="G29" s="375">
        <v>6281</v>
      </c>
      <c r="H29" s="375">
        <v>5307</v>
      </c>
      <c r="I29" s="376">
        <v>1853</v>
      </c>
    </row>
    <row r="30" spans="5:13" ht="21" customHeight="1" x14ac:dyDescent="0.2">
      <c r="E30" s="10" t="s">
        <v>26</v>
      </c>
      <c r="F30" s="375">
        <v>11124</v>
      </c>
      <c r="G30" s="375">
        <v>4746</v>
      </c>
      <c r="H30" s="375">
        <v>4464</v>
      </c>
      <c r="I30" s="376">
        <v>1914</v>
      </c>
    </row>
    <row r="31" spans="5:13" ht="21" customHeight="1" x14ac:dyDescent="0.2">
      <c r="E31" s="10" t="s">
        <v>27</v>
      </c>
      <c r="F31" s="375">
        <v>9825</v>
      </c>
      <c r="G31" s="375">
        <v>3962</v>
      </c>
      <c r="H31" s="375">
        <v>3965</v>
      </c>
      <c r="I31" s="376">
        <v>1898</v>
      </c>
    </row>
    <row r="32" spans="5:13" ht="21" customHeight="1" x14ac:dyDescent="0.2">
      <c r="E32" s="10" t="s">
        <v>28</v>
      </c>
      <c r="F32" s="375">
        <v>3228</v>
      </c>
      <c r="G32" s="375">
        <v>1520</v>
      </c>
      <c r="H32" s="375">
        <v>1259</v>
      </c>
      <c r="I32" s="376">
        <v>449</v>
      </c>
    </row>
    <row r="33" spans="5:9" ht="21" customHeight="1" x14ac:dyDescent="0.2">
      <c r="E33" s="10" t="s">
        <v>29</v>
      </c>
      <c r="F33" s="375">
        <v>4994</v>
      </c>
      <c r="G33" s="375">
        <v>2262</v>
      </c>
      <c r="H33" s="375">
        <v>1984</v>
      </c>
      <c r="I33" s="376">
        <v>748</v>
      </c>
    </row>
    <row r="34" spans="5:9" ht="21" customHeight="1" x14ac:dyDescent="0.2">
      <c r="E34" s="10" t="s">
        <v>30</v>
      </c>
      <c r="F34" s="375">
        <v>3735</v>
      </c>
      <c r="G34" s="375">
        <v>1617</v>
      </c>
      <c r="H34" s="375">
        <v>1398</v>
      </c>
      <c r="I34" s="376">
        <v>720</v>
      </c>
    </row>
    <row r="35" spans="5:9" ht="21" customHeight="1" x14ac:dyDescent="0.2">
      <c r="E35" s="10" t="s">
        <v>31</v>
      </c>
      <c r="F35" s="375">
        <v>4020</v>
      </c>
      <c r="G35" s="375">
        <v>1882</v>
      </c>
      <c r="H35" s="375">
        <v>1382</v>
      </c>
      <c r="I35" s="376">
        <v>756</v>
      </c>
    </row>
    <row r="36" spans="5:9" ht="21" customHeight="1" x14ac:dyDescent="0.2">
      <c r="E36" s="10" t="s">
        <v>32</v>
      </c>
      <c r="F36" s="375">
        <v>4646</v>
      </c>
      <c r="G36" s="375">
        <v>2078</v>
      </c>
      <c r="H36" s="375">
        <v>1789</v>
      </c>
      <c r="I36" s="376">
        <v>779</v>
      </c>
    </row>
    <row r="37" spans="5:9" ht="21" customHeight="1" x14ac:dyDescent="0.2">
      <c r="E37" s="10" t="s">
        <v>33</v>
      </c>
      <c r="F37" s="375">
        <v>4142</v>
      </c>
      <c r="G37" s="375">
        <v>1834</v>
      </c>
      <c r="H37" s="375">
        <v>1606</v>
      </c>
      <c r="I37" s="376">
        <v>702</v>
      </c>
    </row>
    <row r="38" spans="5:9" ht="21" customHeight="1" x14ac:dyDescent="0.2">
      <c r="E38" s="10" t="s">
        <v>34</v>
      </c>
      <c r="F38" s="375">
        <v>3015</v>
      </c>
      <c r="G38" s="375">
        <v>1312</v>
      </c>
      <c r="H38" s="375">
        <v>1158</v>
      </c>
      <c r="I38" s="376">
        <v>545</v>
      </c>
    </row>
    <row r="39" spans="5:9" ht="21" customHeight="1" x14ac:dyDescent="0.2">
      <c r="E39" s="10" t="s">
        <v>35</v>
      </c>
      <c r="F39" s="375">
        <v>9840</v>
      </c>
      <c r="G39" s="375">
        <v>4143</v>
      </c>
      <c r="H39" s="375">
        <v>3908</v>
      </c>
      <c r="I39" s="376">
        <v>1789</v>
      </c>
    </row>
    <row r="40" spans="5:9" ht="21" customHeight="1" x14ac:dyDescent="0.2">
      <c r="E40" s="10" t="s">
        <v>36</v>
      </c>
      <c r="F40" s="375">
        <v>12380</v>
      </c>
      <c r="G40" s="375">
        <v>6093</v>
      </c>
      <c r="H40" s="375">
        <v>4709</v>
      </c>
      <c r="I40" s="376">
        <v>1578</v>
      </c>
    </row>
    <row r="41" spans="5:9" ht="21" customHeight="1" thickBot="1" x14ac:dyDescent="0.25">
      <c r="E41" s="11" t="s">
        <v>37</v>
      </c>
      <c r="F41" s="377">
        <v>1064</v>
      </c>
      <c r="G41" s="377">
        <v>548</v>
      </c>
      <c r="H41" s="377">
        <v>363</v>
      </c>
      <c r="I41" s="378">
        <v>153</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28"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6.777343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4">
        <f>第１表!F2</f>
        <v>5</v>
      </c>
      <c r="K1" s="524"/>
      <c r="L1" s="248">
        <f>第１表!G2</f>
        <v>4</v>
      </c>
      <c r="M1" s="529">
        <f>IF(L1&lt;3,L1+12-2,L1-2)</f>
        <v>2</v>
      </c>
      <c r="N1" s="529"/>
    </row>
    <row r="2" spans="2:112" ht="24" customHeight="1" thickBot="1" x14ac:dyDescent="0.25">
      <c r="B2" s="290" t="s">
        <v>131</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59" t="s">
        <v>44</v>
      </c>
      <c r="E5" s="382"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23" t="s">
        <v>43</v>
      </c>
      <c r="Z5" s="259" t="s">
        <v>44</v>
      </c>
      <c r="AA5" s="268" t="s">
        <v>45</v>
      </c>
      <c r="AB5" s="267" t="s">
        <v>83</v>
      </c>
      <c r="AC5" s="259" t="s">
        <v>47</v>
      </c>
      <c r="AD5" s="259" t="s">
        <v>48</v>
      </c>
      <c r="AE5" s="259" t="s">
        <v>49</v>
      </c>
      <c r="AF5" s="259" t="s">
        <v>50</v>
      </c>
      <c r="AG5" s="259" t="s">
        <v>51</v>
      </c>
      <c r="AH5" s="265" t="s">
        <v>45</v>
      </c>
      <c r="AI5" s="531"/>
      <c r="AJ5" s="323" t="s">
        <v>43</v>
      </c>
      <c r="AK5" s="259" t="s">
        <v>44</v>
      </c>
      <c r="AL5" s="265" t="s">
        <v>45</v>
      </c>
      <c r="AM5" s="267" t="s">
        <v>83</v>
      </c>
      <c r="AN5" s="259" t="s">
        <v>47</v>
      </c>
      <c r="AO5" s="259" t="s">
        <v>48</v>
      </c>
      <c r="AP5" s="259" t="s">
        <v>49</v>
      </c>
      <c r="AQ5" s="259" t="s">
        <v>50</v>
      </c>
      <c r="AR5" s="259" t="s">
        <v>51</v>
      </c>
      <c r="AS5" s="265" t="s">
        <v>45</v>
      </c>
      <c r="AT5" s="531"/>
      <c r="AU5" s="323" t="s">
        <v>43</v>
      </c>
      <c r="AV5" s="259" t="s">
        <v>44</v>
      </c>
      <c r="AW5" s="268" t="s">
        <v>45</v>
      </c>
      <c r="AX5" s="267" t="s">
        <v>83</v>
      </c>
      <c r="AY5" s="259" t="s">
        <v>47</v>
      </c>
      <c r="AZ5" s="259" t="s">
        <v>48</v>
      </c>
      <c r="BA5" s="259" t="s">
        <v>49</v>
      </c>
      <c r="BB5" s="259" t="s">
        <v>50</v>
      </c>
      <c r="BC5" s="259" t="s">
        <v>51</v>
      </c>
      <c r="BD5" s="268" t="s">
        <v>45</v>
      </c>
      <c r="BE5" s="531"/>
      <c r="BF5" s="323" t="s">
        <v>43</v>
      </c>
      <c r="BG5" s="259" t="s">
        <v>44</v>
      </c>
      <c r="BH5" s="265" t="s">
        <v>45</v>
      </c>
      <c r="BI5" s="267" t="s">
        <v>83</v>
      </c>
      <c r="BJ5" s="259" t="s">
        <v>47</v>
      </c>
      <c r="BK5" s="259" t="s">
        <v>48</v>
      </c>
      <c r="BL5" s="259" t="s">
        <v>49</v>
      </c>
      <c r="BM5" s="259" t="s">
        <v>50</v>
      </c>
      <c r="BN5" s="259" t="s">
        <v>51</v>
      </c>
      <c r="BO5" s="265" t="s">
        <v>45</v>
      </c>
      <c r="BP5" s="531"/>
      <c r="BQ5" s="323" t="s">
        <v>43</v>
      </c>
      <c r="BR5" s="259" t="s">
        <v>44</v>
      </c>
      <c r="BS5" s="265" t="s">
        <v>45</v>
      </c>
      <c r="BT5" s="267" t="s">
        <v>83</v>
      </c>
      <c r="BU5" s="259" t="s">
        <v>47</v>
      </c>
      <c r="BV5" s="259" t="s">
        <v>48</v>
      </c>
      <c r="BW5" s="259" t="s">
        <v>49</v>
      </c>
      <c r="BX5" s="259" t="s">
        <v>50</v>
      </c>
      <c r="BY5" s="259" t="s">
        <v>51</v>
      </c>
      <c r="BZ5" s="265" t="s">
        <v>45</v>
      </c>
      <c r="CA5" s="531"/>
      <c r="CB5" s="323" t="s">
        <v>43</v>
      </c>
      <c r="CC5" s="259" t="s">
        <v>44</v>
      </c>
      <c r="CD5" s="265" t="s">
        <v>45</v>
      </c>
      <c r="CE5" s="267" t="s">
        <v>83</v>
      </c>
      <c r="CF5" s="259" t="s">
        <v>47</v>
      </c>
      <c r="CG5" s="259" t="s">
        <v>48</v>
      </c>
      <c r="CH5" s="259" t="s">
        <v>49</v>
      </c>
      <c r="CI5" s="259" t="s">
        <v>50</v>
      </c>
      <c r="CJ5" s="259" t="s">
        <v>51</v>
      </c>
      <c r="CK5" s="265" t="s">
        <v>45</v>
      </c>
      <c r="CL5" s="531"/>
      <c r="CM5" s="323" t="s">
        <v>43</v>
      </c>
      <c r="CN5" s="259" t="s">
        <v>44</v>
      </c>
      <c r="CO5" s="265" t="s">
        <v>45</v>
      </c>
      <c r="CP5" s="267" t="s">
        <v>83</v>
      </c>
      <c r="CQ5" s="259" t="s">
        <v>47</v>
      </c>
      <c r="CR5" s="259" t="s">
        <v>48</v>
      </c>
      <c r="CS5" s="259" t="s">
        <v>49</v>
      </c>
      <c r="CT5" s="259" t="s">
        <v>50</v>
      </c>
      <c r="CU5" s="259" t="s">
        <v>51</v>
      </c>
      <c r="CV5" s="265" t="s">
        <v>45</v>
      </c>
      <c r="CW5" s="531"/>
      <c r="CX5" s="365"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0</v>
      </c>
      <c r="D6" s="273">
        <v>0</v>
      </c>
      <c r="E6" s="383">
        <v>0</v>
      </c>
      <c r="F6" s="272">
        <v>0</v>
      </c>
      <c r="G6" s="273">
        <v>12608</v>
      </c>
      <c r="H6" s="273">
        <v>17562</v>
      </c>
      <c r="I6" s="273">
        <v>19784</v>
      </c>
      <c r="J6" s="273">
        <v>20427</v>
      </c>
      <c r="K6" s="273">
        <v>18490</v>
      </c>
      <c r="L6" s="274">
        <v>88871</v>
      </c>
      <c r="M6" s="275">
        <v>88871</v>
      </c>
      <c r="N6" s="269">
        <v>0</v>
      </c>
      <c r="O6" s="273">
        <v>0</v>
      </c>
      <c r="P6" s="270">
        <v>0</v>
      </c>
      <c r="Q6" s="272">
        <v>0</v>
      </c>
      <c r="R6" s="273">
        <v>34</v>
      </c>
      <c r="S6" s="273">
        <v>100</v>
      </c>
      <c r="T6" s="273">
        <v>271</v>
      </c>
      <c r="U6" s="273">
        <v>567</v>
      </c>
      <c r="V6" s="273">
        <v>934</v>
      </c>
      <c r="W6" s="270">
        <v>1906</v>
      </c>
      <c r="X6" s="275">
        <v>1906</v>
      </c>
      <c r="Y6" s="269">
        <v>901</v>
      </c>
      <c r="Z6" s="273">
        <v>2360</v>
      </c>
      <c r="AA6" s="270">
        <v>3261</v>
      </c>
      <c r="AB6" s="272">
        <v>0</v>
      </c>
      <c r="AC6" s="273">
        <v>7626</v>
      </c>
      <c r="AD6" s="273">
        <v>11226</v>
      </c>
      <c r="AE6" s="273">
        <v>7277</v>
      </c>
      <c r="AF6" s="273">
        <v>6498</v>
      </c>
      <c r="AG6" s="273">
        <v>4469</v>
      </c>
      <c r="AH6" s="270">
        <v>37096</v>
      </c>
      <c r="AI6" s="275">
        <v>40357</v>
      </c>
      <c r="AJ6" s="269">
        <v>186</v>
      </c>
      <c r="AK6" s="273">
        <v>482</v>
      </c>
      <c r="AL6" s="270">
        <v>668</v>
      </c>
      <c r="AM6" s="272">
        <v>0</v>
      </c>
      <c r="AN6" s="273">
        <v>736</v>
      </c>
      <c r="AO6" s="273">
        <v>1608</v>
      </c>
      <c r="AP6" s="273">
        <v>962</v>
      </c>
      <c r="AQ6" s="273">
        <v>888</v>
      </c>
      <c r="AR6" s="273">
        <v>244</v>
      </c>
      <c r="AS6" s="270">
        <v>4438</v>
      </c>
      <c r="AT6" s="275">
        <v>5106</v>
      </c>
      <c r="AU6" s="269">
        <v>0</v>
      </c>
      <c r="AV6" s="273">
        <v>0</v>
      </c>
      <c r="AW6" s="270">
        <v>0</v>
      </c>
      <c r="AX6" s="272">
        <v>0</v>
      </c>
      <c r="AY6" s="273">
        <v>12077</v>
      </c>
      <c r="AZ6" s="273">
        <v>10331</v>
      </c>
      <c r="BA6" s="273">
        <v>6966</v>
      </c>
      <c r="BB6" s="273">
        <v>3128</v>
      </c>
      <c r="BC6" s="273">
        <v>1232</v>
      </c>
      <c r="BD6" s="274">
        <v>33734</v>
      </c>
      <c r="BE6" s="275">
        <v>33734</v>
      </c>
      <c r="BF6" s="269">
        <v>0</v>
      </c>
      <c r="BG6" s="273">
        <v>0</v>
      </c>
      <c r="BH6" s="270">
        <v>0</v>
      </c>
      <c r="BI6" s="272">
        <v>0</v>
      </c>
      <c r="BJ6" s="273">
        <v>2455</v>
      </c>
      <c r="BK6" s="273">
        <v>3513</v>
      </c>
      <c r="BL6" s="273">
        <v>2088</v>
      </c>
      <c r="BM6" s="273">
        <v>1204</v>
      </c>
      <c r="BN6" s="273">
        <v>336</v>
      </c>
      <c r="BO6" s="270">
        <v>9596</v>
      </c>
      <c r="BP6" s="275">
        <v>9596</v>
      </c>
      <c r="BQ6" s="269">
        <v>36</v>
      </c>
      <c r="BR6" s="273">
        <v>103</v>
      </c>
      <c r="BS6" s="270">
        <v>139</v>
      </c>
      <c r="BT6" s="272">
        <v>0</v>
      </c>
      <c r="BU6" s="273">
        <v>1120</v>
      </c>
      <c r="BV6" s="273">
        <v>2022</v>
      </c>
      <c r="BW6" s="273">
        <v>3629</v>
      </c>
      <c r="BX6" s="273">
        <v>2582</v>
      </c>
      <c r="BY6" s="273">
        <v>1042</v>
      </c>
      <c r="BZ6" s="270">
        <v>10395</v>
      </c>
      <c r="CA6" s="275">
        <v>10534</v>
      </c>
      <c r="CB6" s="269">
        <v>1</v>
      </c>
      <c r="CC6" s="273">
        <v>3</v>
      </c>
      <c r="CD6" s="270">
        <v>4</v>
      </c>
      <c r="CE6" s="272">
        <v>0</v>
      </c>
      <c r="CF6" s="273">
        <v>64</v>
      </c>
      <c r="CG6" s="273">
        <v>243</v>
      </c>
      <c r="CH6" s="273">
        <v>515</v>
      </c>
      <c r="CI6" s="273">
        <v>382</v>
      </c>
      <c r="CJ6" s="273">
        <v>138</v>
      </c>
      <c r="CK6" s="270">
        <v>1342</v>
      </c>
      <c r="CL6" s="275">
        <v>1346</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84">
        <v>0</v>
      </c>
      <c r="F7" s="279">
        <v>0</v>
      </c>
      <c r="G7" s="280">
        <v>4798</v>
      </c>
      <c r="H7" s="280">
        <v>7834</v>
      </c>
      <c r="I7" s="280">
        <v>8733</v>
      </c>
      <c r="J7" s="280">
        <v>7770</v>
      </c>
      <c r="K7" s="280">
        <v>8009</v>
      </c>
      <c r="L7" s="281">
        <v>37144</v>
      </c>
      <c r="M7" s="282">
        <v>37144</v>
      </c>
      <c r="N7" s="276">
        <v>0</v>
      </c>
      <c r="O7" s="280">
        <v>0</v>
      </c>
      <c r="P7" s="277">
        <v>0</v>
      </c>
      <c r="Q7" s="279">
        <v>0</v>
      </c>
      <c r="R7" s="280">
        <v>5</v>
      </c>
      <c r="S7" s="280">
        <v>49</v>
      </c>
      <c r="T7" s="280">
        <v>110</v>
      </c>
      <c r="U7" s="280">
        <v>243</v>
      </c>
      <c r="V7" s="280">
        <v>445</v>
      </c>
      <c r="W7" s="277">
        <v>852</v>
      </c>
      <c r="X7" s="282">
        <v>852</v>
      </c>
      <c r="Y7" s="276">
        <v>427</v>
      </c>
      <c r="Z7" s="280">
        <v>1365</v>
      </c>
      <c r="AA7" s="277">
        <v>1792</v>
      </c>
      <c r="AB7" s="279">
        <v>0</v>
      </c>
      <c r="AC7" s="280">
        <v>2979</v>
      </c>
      <c r="AD7" s="280">
        <v>5952</v>
      </c>
      <c r="AE7" s="280">
        <v>3983</v>
      </c>
      <c r="AF7" s="280">
        <v>3261</v>
      </c>
      <c r="AG7" s="280">
        <v>2109</v>
      </c>
      <c r="AH7" s="277">
        <v>18284</v>
      </c>
      <c r="AI7" s="282">
        <v>20076</v>
      </c>
      <c r="AJ7" s="276">
        <v>100</v>
      </c>
      <c r="AK7" s="280">
        <v>276</v>
      </c>
      <c r="AL7" s="277">
        <v>376</v>
      </c>
      <c r="AM7" s="279">
        <v>0</v>
      </c>
      <c r="AN7" s="280">
        <v>198</v>
      </c>
      <c r="AO7" s="280">
        <v>603</v>
      </c>
      <c r="AP7" s="280">
        <v>484</v>
      </c>
      <c r="AQ7" s="280">
        <v>355</v>
      </c>
      <c r="AR7" s="280">
        <v>58</v>
      </c>
      <c r="AS7" s="277">
        <v>1698</v>
      </c>
      <c r="AT7" s="282">
        <v>2074</v>
      </c>
      <c r="AU7" s="276">
        <v>0</v>
      </c>
      <c r="AV7" s="280">
        <v>0</v>
      </c>
      <c r="AW7" s="277">
        <v>0</v>
      </c>
      <c r="AX7" s="279">
        <v>0</v>
      </c>
      <c r="AY7" s="280">
        <v>4404</v>
      </c>
      <c r="AZ7" s="280">
        <v>4768</v>
      </c>
      <c r="BA7" s="280">
        <v>2752</v>
      </c>
      <c r="BB7" s="280">
        <v>1165</v>
      </c>
      <c r="BC7" s="280">
        <v>490</v>
      </c>
      <c r="BD7" s="281">
        <v>13579</v>
      </c>
      <c r="BE7" s="282">
        <v>13579</v>
      </c>
      <c r="BF7" s="276">
        <v>0</v>
      </c>
      <c r="BG7" s="280">
        <v>0</v>
      </c>
      <c r="BH7" s="277">
        <v>0</v>
      </c>
      <c r="BI7" s="279">
        <v>0</v>
      </c>
      <c r="BJ7" s="280">
        <v>833</v>
      </c>
      <c r="BK7" s="280">
        <v>1512</v>
      </c>
      <c r="BL7" s="280">
        <v>1027</v>
      </c>
      <c r="BM7" s="280">
        <v>595</v>
      </c>
      <c r="BN7" s="280">
        <v>174</v>
      </c>
      <c r="BO7" s="277">
        <v>4141</v>
      </c>
      <c r="BP7" s="282">
        <v>4141</v>
      </c>
      <c r="BQ7" s="276">
        <v>15</v>
      </c>
      <c r="BR7" s="280">
        <v>57</v>
      </c>
      <c r="BS7" s="277">
        <v>72</v>
      </c>
      <c r="BT7" s="279">
        <v>0</v>
      </c>
      <c r="BU7" s="280">
        <v>344</v>
      </c>
      <c r="BV7" s="280">
        <v>779</v>
      </c>
      <c r="BW7" s="280">
        <v>1527</v>
      </c>
      <c r="BX7" s="280">
        <v>1116</v>
      </c>
      <c r="BY7" s="280">
        <v>465</v>
      </c>
      <c r="BZ7" s="277">
        <v>4231</v>
      </c>
      <c r="CA7" s="282">
        <v>4303</v>
      </c>
      <c r="CB7" s="276">
        <v>1</v>
      </c>
      <c r="CC7" s="280">
        <v>0</v>
      </c>
      <c r="CD7" s="277">
        <v>1</v>
      </c>
      <c r="CE7" s="279">
        <v>0</v>
      </c>
      <c r="CF7" s="280">
        <v>18</v>
      </c>
      <c r="CG7" s="280">
        <v>162</v>
      </c>
      <c r="CH7" s="280">
        <v>346</v>
      </c>
      <c r="CI7" s="280">
        <v>253</v>
      </c>
      <c r="CJ7" s="280">
        <v>106</v>
      </c>
      <c r="CK7" s="277">
        <v>885</v>
      </c>
      <c r="CL7" s="282">
        <v>886</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4">
        <v>0</v>
      </c>
      <c r="F8" s="279">
        <v>0</v>
      </c>
      <c r="G8" s="280">
        <v>1488</v>
      </c>
      <c r="H8" s="280">
        <v>1726</v>
      </c>
      <c r="I8" s="280">
        <v>2157</v>
      </c>
      <c r="J8" s="280">
        <v>2153</v>
      </c>
      <c r="K8" s="280">
        <v>2552</v>
      </c>
      <c r="L8" s="281">
        <v>10076</v>
      </c>
      <c r="M8" s="282">
        <v>10076</v>
      </c>
      <c r="N8" s="276">
        <v>0</v>
      </c>
      <c r="O8" s="280">
        <v>0</v>
      </c>
      <c r="P8" s="277">
        <v>0</v>
      </c>
      <c r="Q8" s="279">
        <v>0</v>
      </c>
      <c r="R8" s="280">
        <v>11</v>
      </c>
      <c r="S8" s="280">
        <v>6</v>
      </c>
      <c r="T8" s="280">
        <v>32</v>
      </c>
      <c r="U8" s="280">
        <v>47</v>
      </c>
      <c r="V8" s="280">
        <v>120</v>
      </c>
      <c r="W8" s="277">
        <v>216</v>
      </c>
      <c r="X8" s="282">
        <v>216</v>
      </c>
      <c r="Y8" s="276">
        <v>146</v>
      </c>
      <c r="Z8" s="280">
        <v>321</v>
      </c>
      <c r="AA8" s="277">
        <v>467</v>
      </c>
      <c r="AB8" s="279">
        <v>0</v>
      </c>
      <c r="AC8" s="280">
        <v>1241</v>
      </c>
      <c r="AD8" s="280">
        <v>1602</v>
      </c>
      <c r="AE8" s="280">
        <v>830</v>
      </c>
      <c r="AF8" s="280">
        <v>1170</v>
      </c>
      <c r="AG8" s="280">
        <v>764</v>
      </c>
      <c r="AH8" s="277">
        <v>5607</v>
      </c>
      <c r="AI8" s="282">
        <v>6074</v>
      </c>
      <c r="AJ8" s="276">
        <v>16</v>
      </c>
      <c r="AK8" s="280">
        <v>0</v>
      </c>
      <c r="AL8" s="277">
        <v>16</v>
      </c>
      <c r="AM8" s="279">
        <v>0</v>
      </c>
      <c r="AN8" s="280">
        <v>71</v>
      </c>
      <c r="AO8" s="280">
        <v>233</v>
      </c>
      <c r="AP8" s="280">
        <v>50</v>
      </c>
      <c r="AQ8" s="280">
        <v>131</v>
      </c>
      <c r="AR8" s="280">
        <v>30</v>
      </c>
      <c r="AS8" s="277">
        <v>515</v>
      </c>
      <c r="AT8" s="282">
        <v>531</v>
      </c>
      <c r="AU8" s="276">
        <v>0</v>
      </c>
      <c r="AV8" s="280">
        <v>0</v>
      </c>
      <c r="AW8" s="277">
        <v>0</v>
      </c>
      <c r="AX8" s="279">
        <v>0</v>
      </c>
      <c r="AY8" s="280">
        <v>1602</v>
      </c>
      <c r="AZ8" s="280">
        <v>569</v>
      </c>
      <c r="BA8" s="280">
        <v>617</v>
      </c>
      <c r="BB8" s="280">
        <v>447</v>
      </c>
      <c r="BC8" s="280">
        <v>210</v>
      </c>
      <c r="BD8" s="281">
        <v>3445</v>
      </c>
      <c r="BE8" s="282">
        <v>3445</v>
      </c>
      <c r="BF8" s="276">
        <v>0</v>
      </c>
      <c r="BG8" s="280">
        <v>0</v>
      </c>
      <c r="BH8" s="277">
        <v>0</v>
      </c>
      <c r="BI8" s="279">
        <v>0</v>
      </c>
      <c r="BJ8" s="280">
        <v>298</v>
      </c>
      <c r="BK8" s="280">
        <v>427</v>
      </c>
      <c r="BL8" s="280">
        <v>197</v>
      </c>
      <c r="BM8" s="280">
        <v>129</v>
      </c>
      <c r="BN8" s="280">
        <v>53</v>
      </c>
      <c r="BO8" s="277">
        <v>1104</v>
      </c>
      <c r="BP8" s="282">
        <v>1104</v>
      </c>
      <c r="BQ8" s="276">
        <v>12</v>
      </c>
      <c r="BR8" s="280">
        <v>12</v>
      </c>
      <c r="BS8" s="277">
        <v>24</v>
      </c>
      <c r="BT8" s="279">
        <v>0</v>
      </c>
      <c r="BU8" s="280">
        <v>130</v>
      </c>
      <c r="BV8" s="280">
        <v>238</v>
      </c>
      <c r="BW8" s="280">
        <v>328</v>
      </c>
      <c r="BX8" s="280">
        <v>108</v>
      </c>
      <c r="BY8" s="280">
        <v>154</v>
      </c>
      <c r="BZ8" s="277">
        <v>958</v>
      </c>
      <c r="CA8" s="282">
        <v>982</v>
      </c>
      <c r="CB8" s="276">
        <v>0</v>
      </c>
      <c r="CC8" s="280">
        <v>0</v>
      </c>
      <c r="CD8" s="277">
        <v>0</v>
      </c>
      <c r="CE8" s="279">
        <v>0</v>
      </c>
      <c r="CF8" s="280">
        <v>21</v>
      </c>
      <c r="CG8" s="280">
        <v>14</v>
      </c>
      <c r="CH8" s="280">
        <v>52</v>
      </c>
      <c r="CI8" s="280">
        <v>39</v>
      </c>
      <c r="CJ8" s="280">
        <v>18</v>
      </c>
      <c r="CK8" s="277">
        <v>144</v>
      </c>
      <c r="CL8" s="282">
        <v>144</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4">
        <v>0</v>
      </c>
      <c r="F9" s="279">
        <v>0</v>
      </c>
      <c r="G9" s="280">
        <v>702</v>
      </c>
      <c r="H9" s="280">
        <v>1380</v>
      </c>
      <c r="I9" s="280">
        <v>1556</v>
      </c>
      <c r="J9" s="280">
        <v>1119</v>
      </c>
      <c r="K9" s="280">
        <v>675</v>
      </c>
      <c r="L9" s="281">
        <v>5432</v>
      </c>
      <c r="M9" s="282">
        <v>5432</v>
      </c>
      <c r="N9" s="276">
        <v>0</v>
      </c>
      <c r="O9" s="280">
        <v>0</v>
      </c>
      <c r="P9" s="277">
        <v>0</v>
      </c>
      <c r="Q9" s="279">
        <v>0</v>
      </c>
      <c r="R9" s="280">
        <v>0</v>
      </c>
      <c r="S9" s="280">
        <v>0</v>
      </c>
      <c r="T9" s="280">
        <v>2</v>
      </c>
      <c r="U9" s="280">
        <v>13</v>
      </c>
      <c r="V9" s="280">
        <v>41</v>
      </c>
      <c r="W9" s="277">
        <v>56</v>
      </c>
      <c r="X9" s="282">
        <v>56</v>
      </c>
      <c r="Y9" s="276">
        <v>26</v>
      </c>
      <c r="Z9" s="280">
        <v>168</v>
      </c>
      <c r="AA9" s="277">
        <v>194</v>
      </c>
      <c r="AB9" s="279">
        <v>0</v>
      </c>
      <c r="AC9" s="280">
        <v>319</v>
      </c>
      <c r="AD9" s="280">
        <v>814</v>
      </c>
      <c r="AE9" s="280">
        <v>569</v>
      </c>
      <c r="AF9" s="280">
        <v>269</v>
      </c>
      <c r="AG9" s="280">
        <v>297</v>
      </c>
      <c r="AH9" s="277">
        <v>2268</v>
      </c>
      <c r="AI9" s="282">
        <v>2462</v>
      </c>
      <c r="AJ9" s="276">
        <v>0</v>
      </c>
      <c r="AK9" s="280">
        <v>33</v>
      </c>
      <c r="AL9" s="277">
        <v>33</v>
      </c>
      <c r="AM9" s="279">
        <v>0</v>
      </c>
      <c r="AN9" s="280">
        <v>24</v>
      </c>
      <c r="AO9" s="280">
        <v>2</v>
      </c>
      <c r="AP9" s="280">
        <v>30</v>
      </c>
      <c r="AQ9" s="280">
        <v>62</v>
      </c>
      <c r="AR9" s="280">
        <v>0</v>
      </c>
      <c r="AS9" s="277">
        <v>118</v>
      </c>
      <c r="AT9" s="282">
        <v>151</v>
      </c>
      <c r="AU9" s="276">
        <v>0</v>
      </c>
      <c r="AV9" s="280">
        <v>0</v>
      </c>
      <c r="AW9" s="277">
        <v>0</v>
      </c>
      <c r="AX9" s="279">
        <v>0</v>
      </c>
      <c r="AY9" s="280">
        <v>902</v>
      </c>
      <c r="AZ9" s="280">
        <v>877</v>
      </c>
      <c r="BA9" s="280">
        <v>798</v>
      </c>
      <c r="BB9" s="280">
        <v>330</v>
      </c>
      <c r="BC9" s="280">
        <v>41</v>
      </c>
      <c r="BD9" s="281">
        <v>2948</v>
      </c>
      <c r="BE9" s="282">
        <v>2948</v>
      </c>
      <c r="BF9" s="276">
        <v>0</v>
      </c>
      <c r="BG9" s="280">
        <v>0</v>
      </c>
      <c r="BH9" s="277">
        <v>0</v>
      </c>
      <c r="BI9" s="279">
        <v>0</v>
      </c>
      <c r="BJ9" s="280">
        <v>87</v>
      </c>
      <c r="BK9" s="280">
        <v>177</v>
      </c>
      <c r="BL9" s="280">
        <v>127</v>
      </c>
      <c r="BM9" s="280">
        <v>80</v>
      </c>
      <c r="BN9" s="280">
        <v>0</v>
      </c>
      <c r="BO9" s="277">
        <v>471</v>
      </c>
      <c r="BP9" s="282">
        <v>471</v>
      </c>
      <c r="BQ9" s="276">
        <v>0</v>
      </c>
      <c r="BR9" s="280">
        <v>5</v>
      </c>
      <c r="BS9" s="277">
        <v>5</v>
      </c>
      <c r="BT9" s="279">
        <v>0</v>
      </c>
      <c r="BU9" s="280">
        <v>92</v>
      </c>
      <c r="BV9" s="280">
        <v>146</v>
      </c>
      <c r="BW9" s="280">
        <v>389</v>
      </c>
      <c r="BX9" s="280">
        <v>149</v>
      </c>
      <c r="BY9" s="280">
        <v>23</v>
      </c>
      <c r="BZ9" s="277">
        <v>799</v>
      </c>
      <c r="CA9" s="282">
        <v>804</v>
      </c>
      <c r="CB9" s="276">
        <v>0</v>
      </c>
      <c r="CC9" s="280">
        <v>0</v>
      </c>
      <c r="CD9" s="277">
        <v>0</v>
      </c>
      <c r="CE9" s="279">
        <v>0</v>
      </c>
      <c r="CF9" s="280">
        <v>0</v>
      </c>
      <c r="CG9" s="280">
        <v>8</v>
      </c>
      <c r="CH9" s="280">
        <v>3</v>
      </c>
      <c r="CI9" s="280">
        <v>6</v>
      </c>
      <c r="CJ9" s="280">
        <v>6</v>
      </c>
      <c r="CK9" s="277">
        <v>23</v>
      </c>
      <c r="CL9" s="282">
        <v>23</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4">
        <v>0</v>
      </c>
      <c r="F10" s="279">
        <v>0</v>
      </c>
      <c r="G10" s="280">
        <v>1334</v>
      </c>
      <c r="H10" s="280">
        <v>1597</v>
      </c>
      <c r="I10" s="280">
        <v>1566</v>
      </c>
      <c r="J10" s="280">
        <v>1599</v>
      </c>
      <c r="K10" s="280">
        <v>1288</v>
      </c>
      <c r="L10" s="281">
        <v>7384</v>
      </c>
      <c r="M10" s="282">
        <v>7384</v>
      </c>
      <c r="N10" s="276">
        <v>0</v>
      </c>
      <c r="O10" s="280">
        <v>0</v>
      </c>
      <c r="P10" s="277">
        <v>0</v>
      </c>
      <c r="Q10" s="279">
        <v>0</v>
      </c>
      <c r="R10" s="280">
        <v>4</v>
      </c>
      <c r="S10" s="280">
        <v>15</v>
      </c>
      <c r="T10" s="280">
        <v>36</v>
      </c>
      <c r="U10" s="280">
        <v>99</v>
      </c>
      <c r="V10" s="280">
        <v>51</v>
      </c>
      <c r="W10" s="277">
        <v>205</v>
      </c>
      <c r="X10" s="282">
        <v>205</v>
      </c>
      <c r="Y10" s="276">
        <v>11</v>
      </c>
      <c r="Z10" s="280">
        <v>22</v>
      </c>
      <c r="AA10" s="277">
        <v>33</v>
      </c>
      <c r="AB10" s="279">
        <v>0</v>
      </c>
      <c r="AC10" s="280">
        <v>447</v>
      </c>
      <c r="AD10" s="280">
        <v>396</v>
      </c>
      <c r="AE10" s="280">
        <v>281</v>
      </c>
      <c r="AF10" s="280">
        <v>220</v>
      </c>
      <c r="AG10" s="280">
        <v>187</v>
      </c>
      <c r="AH10" s="277">
        <v>1531</v>
      </c>
      <c r="AI10" s="282">
        <v>1564</v>
      </c>
      <c r="AJ10" s="276">
        <v>0</v>
      </c>
      <c r="AK10" s="280">
        <v>0</v>
      </c>
      <c r="AL10" s="277">
        <v>0</v>
      </c>
      <c r="AM10" s="279">
        <v>0</v>
      </c>
      <c r="AN10" s="280">
        <v>65</v>
      </c>
      <c r="AO10" s="280">
        <v>66</v>
      </c>
      <c r="AP10" s="280">
        <v>98</v>
      </c>
      <c r="AQ10" s="280">
        <v>52</v>
      </c>
      <c r="AR10" s="280">
        <v>9</v>
      </c>
      <c r="AS10" s="277">
        <v>290</v>
      </c>
      <c r="AT10" s="282">
        <v>290</v>
      </c>
      <c r="AU10" s="276">
        <v>0</v>
      </c>
      <c r="AV10" s="280">
        <v>0</v>
      </c>
      <c r="AW10" s="277">
        <v>0</v>
      </c>
      <c r="AX10" s="279">
        <v>0</v>
      </c>
      <c r="AY10" s="280">
        <v>1153</v>
      </c>
      <c r="AZ10" s="280">
        <v>634</v>
      </c>
      <c r="BA10" s="280">
        <v>410</v>
      </c>
      <c r="BB10" s="280">
        <v>150</v>
      </c>
      <c r="BC10" s="280">
        <v>91</v>
      </c>
      <c r="BD10" s="281">
        <v>2438</v>
      </c>
      <c r="BE10" s="282">
        <v>2438</v>
      </c>
      <c r="BF10" s="276">
        <v>0</v>
      </c>
      <c r="BG10" s="280">
        <v>0</v>
      </c>
      <c r="BH10" s="277">
        <v>0</v>
      </c>
      <c r="BI10" s="279">
        <v>0</v>
      </c>
      <c r="BJ10" s="280">
        <v>152</v>
      </c>
      <c r="BK10" s="280">
        <v>155</v>
      </c>
      <c r="BL10" s="280">
        <v>71</v>
      </c>
      <c r="BM10" s="280">
        <v>24</v>
      </c>
      <c r="BN10" s="280">
        <v>7</v>
      </c>
      <c r="BO10" s="277">
        <v>409</v>
      </c>
      <c r="BP10" s="282">
        <v>409</v>
      </c>
      <c r="BQ10" s="276">
        <v>0</v>
      </c>
      <c r="BR10" s="280">
        <v>0</v>
      </c>
      <c r="BS10" s="277">
        <v>0</v>
      </c>
      <c r="BT10" s="279">
        <v>0</v>
      </c>
      <c r="BU10" s="280">
        <v>126</v>
      </c>
      <c r="BV10" s="280">
        <v>182</v>
      </c>
      <c r="BW10" s="280">
        <v>175</v>
      </c>
      <c r="BX10" s="280">
        <v>104</v>
      </c>
      <c r="BY10" s="280">
        <v>39</v>
      </c>
      <c r="BZ10" s="277">
        <v>626</v>
      </c>
      <c r="CA10" s="282">
        <v>626</v>
      </c>
      <c r="CB10" s="276">
        <v>0</v>
      </c>
      <c r="CC10" s="280">
        <v>0</v>
      </c>
      <c r="CD10" s="277">
        <v>0</v>
      </c>
      <c r="CE10" s="279">
        <v>0</v>
      </c>
      <c r="CF10" s="280">
        <v>7</v>
      </c>
      <c r="CG10" s="280">
        <v>10</v>
      </c>
      <c r="CH10" s="280">
        <v>0</v>
      </c>
      <c r="CI10" s="280">
        <v>27</v>
      </c>
      <c r="CJ10" s="280">
        <v>0</v>
      </c>
      <c r="CK10" s="277">
        <v>44</v>
      </c>
      <c r="CL10" s="282">
        <v>44</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4">
        <v>0</v>
      </c>
      <c r="F11" s="279">
        <v>0</v>
      </c>
      <c r="G11" s="280">
        <v>297</v>
      </c>
      <c r="H11" s="280">
        <v>612</v>
      </c>
      <c r="I11" s="280">
        <v>712</v>
      </c>
      <c r="J11" s="280">
        <v>560</v>
      </c>
      <c r="K11" s="280">
        <v>377</v>
      </c>
      <c r="L11" s="281">
        <v>2558</v>
      </c>
      <c r="M11" s="282">
        <v>2558</v>
      </c>
      <c r="N11" s="276">
        <v>0</v>
      </c>
      <c r="O11" s="280">
        <v>0</v>
      </c>
      <c r="P11" s="277">
        <v>0</v>
      </c>
      <c r="Q11" s="279">
        <v>0</v>
      </c>
      <c r="R11" s="280">
        <v>0</v>
      </c>
      <c r="S11" s="280">
        <v>1</v>
      </c>
      <c r="T11" s="280">
        <v>8</v>
      </c>
      <c r="U11" s="280">
        <v>3</v>
      </c>
      <c r="V11" s="280">
        <v>20</v>
      </c>
      <c r="W11" s="277">
        <v>32</v>
      </c>
      <c r="X11" s="282">
        <v>32</v>
      </c>
      <c r="Y11" s="276">
        <v>11</v>
      </c>
      <c r="Z11" s="280">
        <v>20</v>
      </c>
      <c r="AA11" s="277">
        <v>31</v>
      </c>
      <c r="AB11" s="279">
        <v>0</v>
      </c>
      <c r="AC11" s="280">
        <v>136</v>
      </c>
      <c r="AD11" s="280">
        <v>128</v>
      </c>
      <c r="AE11" s="280">
        <v>173</v>
      </c>
      <c r="AF11" s="280">
        <v>142</v>
      </c>
      <c r="AG11" s="280">
        <v>123</v>
      </c>
      <c r="AH11" s="277">
        <v>702</v>
      </c>
      <c r="AI11" s="282">
        <v>733</v>
      </c>
      <c r="AJ11" s="276">
        <v>0</v>
      </c>
      <c r="AK11" s="280">
        <v>8</v>
      </c>
      <c r="AL11" s="277">
        <v>8</v>
      </c>
      <c r="AM11" s="279">
        <v>0</v>
      </c>
      <c r="AN11" s="280">
        <v>20</v>
      </c>
      <c r="AO11" s="280">
        <v>20</v>
      </c>
      <c r="AP11" s="280">
        <v>30</v>
      </c>
      <c r="AQ11" s="280">
        <v>20</v>
      </c>
      <c r="AR11" s="280">
        <v>0</v>
      </c>
      <c r="AS11" s="277">
        <v>90</v>
      </c>
      <c r="AT11" s="282">
        <v>98</v>
      </c>
      <c r="AU11" s="276">
        <v>0</v>
      </c>
      <c r="AV11" s="280">
        <v>0</v>
      </c>
      <c r="AW11" s="277">
        <v>0</v>
      </c>
      <c r="AX11" s="279">
        <v>0</v>
      </c>
      <c r="AY11" s="280">
        <v>254</v>
      </c>
      <c r="AZ11" s="280">
        <v>294</v>
      </c>
      <c r="BA11" s="280">
        <v>278</v>
      </c>
      <c r="BB11" s="280">
        <v>115</v>
      </c>
      <c r="BC11" s="280">
        <v>91</v>
      </c>
      <c r="BD11" s="281">
        <v>1032</v>
      </c>
      <c r="BE11" s="282">
        <v>1032</v>
      </c>
      <c r="BF11" s="276">
        <v>0</v>
      </c>
      <c r="BG11" s="280">
        <v>0</v>
      </c>
      <c r="BH11" s="277">
        <v>0</v>
      </c>
      <c r="BI11" s="279">
        <v>0</v>
      </c>
      <c r="BJ11" s="280">
        <v>72</v>
      </c>
      <c r="BK11" s="280">
        <v>60</v>
      </c>
      <c r="BL11" s="280">
        <v>48</v>
      </c>
      <c r="BM11" s="280">
        <v>22</v>
      </c>
      <c r="BN11" s="280">
        <v>0</v>
      </c>
      <c r="BO11" s="277">
        <v>202</v>
      </c>
      <c r="BP11" s="282">
        <v>202</v>
      </c>
      <c r="BQ11" s="276">
        <v>6</v>
      </c>
      <c r="BR11" s="280">
        <v>0</v>
      </c>
      <c r="BS11" s="277">
        <v>6</v>
      </c>
      <c r="BT11" s="279">
        <v>0</v>
      </c>
      <c r="BU11" s="280">
        <v>29</v>
      </c>
      <c r="BV11" s="280">
        <v>30</v>
      </c>
      <c r="BW11" s="280">
        <v>138</v>
      </c>
      <c r="BX11" s="280">
        <v>47</v>
      </c>
      <c r="BY11" s="280">
        <v>34</v>
      </c>
      <c r="BZ11" s="277">
        <v>278</v>
      </c>
      <c r="CA11" s="282">
        <v>284</v>
      </c>
      <c r="CB11" s="276">
        <v>0</v>
      </c>
      <c r="CC11" s="280">
        <v>0</v>
      </c>
      <c r="CD11" s="277">
        <v>0</v>
      </c>
      <c r="CE11" s="279">
        <v>0</v>
      </c>
      <c r="CF11" s="280">
        <v>0</v>
      </c>
      <c r="CG11" s="280">
        <v>4</v>
      </c>
      <c r="CH11" s="280">
        <v>7</v>
      </c>
      <c r="CI11" s="280">
        <v>0</v>
      </c>
      <c r="CJ11" s="280">
        <v>0</v>
      </c>
      <c r="CK11" s="277">
        <v>11</v>
      </c>
      <c r="CL11" s="282">
        <v>11</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4">
        <v>0</v>
      </c>
      <c r="F12" s="279">
        <v>0</v>
      </c>
      <c r="G12" s="280">
        <v>583</v>
      </c>
      <c r="H12" s="280">
        <v>653</v>
      </c>
      <c r="I12" s="280">
        <v>954</v>
      </c>
      <c r="J12" s="280">
        <v>1450</v>
      </c>
      <c r="K12" s="280">
        <v>963</v>
      </c>
      <c r="L12" s="281">
        <v>4603</v>
      </c>
      <c r="M12" s="282">
        <v>4603</v>
      </c>
      <c r="N12" s="276">
        <v>0</v>
      </c>
      <c r="O12" s="280">
        <v>0</v>
      </c>
      <c r="P12" s="277">
        <v>0</v>
      </c>
      <c r="Q12" s="279">
        <v>0</v>
      </c>
      <c r="R12" s="280">
        <v>0</v>
      </c>
      <c r="S12" s="280">
        <v>0</v>
      </c>
      <c r="T12" s="280">
        <v>9</v>
      </c>
      <c r="U12" s="280">
        <v>14</v>
      </c>
      <c r="V12" s="280">
        <v>32</v>
      </c>
      <c r="W12" s="277">
        <v>55</v>
      </c>
      <c r="X12" s="282">
        <v>55</v>
      </c>
      <c r="Y12" s="276">
        <v>26</v>
      </c>
      <c r="Z12" s="280">
        <v>46</v>
      </c>
      <c r="AA12" s="277">
        <v>72</v>
      </c>
      <c r="AB12" s="279">
        <v>0</v>
      </c>
      <c r="AC12" s="280">
        <v>403</v>
      </c>
      <c r="AD12" s="280">
        <v>322</v>
      </c>
      <c r="AE12" s="280">
        <v>260</v>
      </c>
      <c r="AF12" s="280">
        <v>213</v>
      </c>
      <c r="AG12" s="280">
        <v>184</v>
      </c>
      <c r="AH12" s="277">
        <v>1382</v>
      </c>
      <c r="AI12" s="282">
        <v>1454</v>
      </c>
      <c r="AJ12" s="276">
        <v>0</v>
      </c>
      <c r="AK12" s="280">
        <v>0</v>
      </c>
      <c r="AL12" s="277">
        <v>0</v>
      </c>
      <c r="AM12" s="279">
        <v>0</v>
      </c>
      <c r="AN12" s="280">
        <v>0</v>
      </c>
      <c r="AO12" s="280">
        <v>80</v>
      </c>
      <c r="AP12" s="280">
        <v>54</v>
      </c>
      <c r="AQ12" s="280">
        <v>71</v>
      </c>
      <c r="AR12" s="280">
        <v>12</v>
      </c>
      <c r="AS12" s="277">
        <v>217</v>
      </c>
      <c r="AT12" s="282">
        <v>217</v>
      </c>
      <c r="AU12" s="276">
        <v>0</v>
      </c>
      <c r="AV12" s="280">
        <v>0</v>
      </c>
      <c r="AW12" s="277">
        <v>0</v>
      </c>
      <c r="AX12" s="279">
        <v>0</v>
      </c>
      <c r="AY12" s="280">
        <v>271</v>
      </c>
      <c r="AZ12" s="280">
        <v>295</v>
      </c>
      <c r="BA12" s="280">
        <v>286</v>
      </c>
      <c r="BB12" s="280">
        <v>82</v>
      </c>
      <c r="BC12" s="280">
        <v>25</v>
      </c>
      <c r="BD12" s="281">
        <v>959</v>
      </c>
      <c r="BE12" s="282">
        <v>959</v>
      </c>
      <c r="BF12" s="276">
        <v>0</v>
      </c>
      <c r="BG12" s="280">
        <v>0</v>
      </c>
      <c r="BH12" s="277">
        <v>0</v>
      </c>
      <c r="BI12" s="279">
        <v>0</v>
      </c>
      <c r="BJ12" s="280">
        <v>143</v>
      </c>
      <c r="BK12" s="280">
        <v>96</v>
      </c>
      <c r="BL12" s="280">
        <v>101</v>
      </c>
      <c r="BM12" s="280">
        <v>36</v>
      </c>
      <c r="BN12" s="280">
        <v>12</v>
      </c>
      <c r="BO12" s="277">
        <v>388</v>
      </c>
      <c r="BP12" s="282">
        <v>388</v>
      </c>
      <c r="BQ12" s="276">
        <v>0</v>
      </c>
      <c r="BR12" s="280">
        <v>0</v>
      </c>
      <c r="BS12" s="277">
        <v>0</v>
      </c>
      <c r="BT12" s="279">
        <v>0</v>
      </c>
      <c r="BU12" s="280">
        <v>45</v>
      </c>
      <c r="BV12" s="280">
        <v>20</v>
      </c>
      <c r="BW12" s="280">
        <v>38</v>
      </c>
      <c r="BX12" s="280">
        <v>69</v>
      </c>
      <c r="BY12" s="280">
        <v>29</v>
      </c>
      <c r="BZ12" s="277">
        <v>201</v>
      </c>
      <c r="CA12" s="282">
        <v>201</v>
      </c>
      <c r="CB12" s="276">
        <v>0</v>
      </c>
      <c r="CC12" s="280">
        <v>0</v>
      </c>
      <c r="CD12" s="277">
        <v>0</v>
      </c>
      <c r="CE12" s="279">
        <v>0</v>
      </c>
      <c r="CF12" s="280">
        <v>0</v>
      </c>
      <c r="CG12" s="280">
        <v>3</v>
      </c>
      <c r="CH12" s="280">
        <v>9</v>
      </c>
      <c r="CI12" s="280">
        <v>7</v>
      </c>
      <c r="CJ12" s="280">
        <v>0</v>
      </c>
      <c r="CK12" s="277">
        <v>19</v>
      </c>
      <c r="CL12" s="282">
        <v>19</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4">
        <v>0</v>
      </c>
      <c r="F13" s="279">
        <v>0</v>
      </c>
      <c r="G13" s="280">
        <v>1089</v>
      </c>
      <c r="H13" s="280">
        <v>1096</v>
      </c>
      <c r="I13" s="280">
        <v>743</v>
      </c>
      <c r="J13" s="280">
        <v>1382</v>
      </c>
      <c r="K13" s="280">
        <v>1020</v>
      </c>
      <c r="L13" s="281">
        <v>5330</v>
      </c>
      <c r="M13" s="282">
        <v>5330</v>
      </c>
      <c r="N13" s="276">
        <v>0</v>
      </c>
      <c r="O13" s="280">
        <v>0</v>
      </c>
      <c r="P13" s="277">
        <v>0</v>
      </c>
      <c r="Q13" s="279">
        <v>0</v>
      </c>
      <c r="R13" s="280">
        <v>4</v>
      </c>
      <c r="S13" s="280">
        <v>2</v>
      </c>
      <c r="T13" s="280">
        <v>9</v>
      </c>
      <c r="U13" s="280">
        <v>46</v>
      </c>
      <c r="V13" s="280">
        <v>39</v>
      </c>
      <c r="W13" s="277">
        <v>100</v>
      </c>
      <c r="X13" s="282">
        <v>100</v>
      </c>
      <c r="Y13" s="276">
        <v>62</v>
      </c>
      <c r="Z13" s="280">
        <v>105</v>
      </c>
      <c r="AA13" s="277">
        <v>167</v>
      </c>
      <c r="AB13" s="279">
        <v>0</v>
      </c>
      <c r="AC13" s="280">
        <v>660</v>
      </c>
      <c r="AD13" s="280">
        <v>406</v>
      </c>
      <c r="AE13" s="280">
        <v>168</v>
      </c>
      <c r="AF13" s="280">
        <v>225</v>
      </c>
      <c r="AG13" s="280">
        <v>87</v>
      </c>
      <c r="AH13" s="277">
        <v>1546</v>
      </c>
      <c r="AI13" s="282">
        <v>1713</v>
      </c>
      <c r="AJ13" s="276">
        <v>20</v>
      </c>
      <c r="AK13" s="280">
        <v>20</v>
      </c>
      <c r="AL13" s="277">
        <v>40</v>
      </c>
      <c r="AM13" s="279">
        <v>0</v>
      </c>
      <c r="AN13" s="280">
        <v>125</v>
      </c>
      <c r="AO13" s="280">
        <v>70</v>
      </c>
      <c r="AP13" s="280">
        <v>17</v>
      </c>
      <c r="AQ13" s="280">
        <v>35</v>
      </c>
      <c r="AR13" s="280">
        <v>67</v>
      </c>
      <c r="AS13" s="277">
        <v>314</v>
      </c>
      <c r="AT13" s="282">
        <v>354</v>
      </c>
      <c r="AU13" s="276">
        <v>0</v>
      </c>
      <c r="AV13" s="280">
        <v>0</v>
      </c>
      <c r="AW13" s="277">
        <v>0</v>
      </c>
      <c r="AX13" s="279">
        <v>0</v>
      </c>
      <c r="AY13" s="280">
        <v>865</v>
      </c>
      <c r="AZ13" s="280">
        <v>622</v>
      </c>
      <c r="BA13" s="280">
        <v>344</v>
      </c>
      <c r="BB13" s="280">
        <v>167</v>
      </c>
      <c r="BC13" s="280">
        <v>66</v>
      </c>
      <c r="BD13" s="281">
        <v>2064</v>
      </c>
      <c r="BE13" s="282">
        <v>2064</v>
      </c>
      <c r="BF13" s="276">
        <v>0</v>
      </c>
      <c r="BG13" s="280">
        <v>0</v>
      </c>
      <c r="BH13" s="277">
        <v>0</v>
      </c>
      <c r="BI13" s="279">
        <v>0</v>
      </c>
      <c r="BJ13" s="280">
        <v>131</v>
      </c>
      <c r="BK13" s="280">
        <v>62</v>
      </c>
      <c r="BL13" s="280">
        <v>30</v>
      </c>
      <c r="BM13" s="280">
        <v>24</v>
      </c>
      <c r="BN13" s="280">
        <v>16</v>
      </c>
      <c r="BO13" s="277">
        <v>263</v>
      </c>
      <c r="BP13" s="282">
        <v>263</v>
      </c>
      <c r="BQ13" s="276">
        <v>0</v>
      </c>
      <c r="BR13" s="280">
        <v>21</v>
      </c>
      <c r="BS13" s="277">
        <v>21</v>
      </c>
      <c r="BT13" s="279">
        <v>0</v>
      </c>
      <c r="BU13" s="280">
        <v>85</v>
      </c>
      <c r="BV13" s="280">
        <v>103</v>
      </c>
      <c r="BW13" s="280">
        <v>218</v>
      </c>
      <c r="BX13" s="280">
        <v>197</v>
      </c>
      <c r="BY13" s="280">
        <v>6</v>
      </c>
      <c r="BZ13" s="277">
        <v>609</v>
      </c>
      <c r="CA13" s="282">
        <v>630</v>
      </c>
      <c r="CB13" s="276">
        <v>0</v>
      </c>
      <c r="CC13" s="280">
        <v>0</v>
      </c>
      <c r="CD13" s="277">
        <v>0</v>
      </c>
      <c r="CE13" s="279">
        <v>0</v>
      </c>
      <c r="CF13" s="280">
        <v>0</v>
      </c>
      <c r="CG13" s="280">
        <v>7</v>
      </c>
      <c r="CH13" s="280">
        <v>5</v>
      </c>
      <c r="CI13" s="280">
        <v>2</v>
      </c>
      <c r="CJ13" s="280">
        <v>0</v>
      </c>
      <c r="CK13" s="277">
        <v>14</v>
      </c>
      <c r="CL13" s="282">
        <v>14</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4">
        <v>0</v>
      </c>
      <c r="F14" s="279">
        <v>0</v>
      </c>
      <c r="G14" s="280">
        <v>52</v>
      </c>
      <c r="H14" s="280">
        <v>215</v>
      </c>
      <c r="I14" s="280">
        <v>277</v>
      </c>
      <c r="J14" s="280">
        <v>197</v>
      </c>
      <c r="K14" s="280">
        <v>522</v>
      </c>
      <c r="L14" s="281">
        <v>1263</v>
      </c>
      <c r="M14" s="282">
        <v>1263</v>
      </c>
      <c r="N14" s="276">
        <v>0</v>
      </c>
      <c r="O14" s="280">
        <v>0</v>
      </c>
      <c r="P14" s="277">
        <v>0</v>
      </c>
      <c r="Q14" s="279">
        <v>0</v>
      </c>
      <c r="R14" s="280">
        <v>1</v>
      </c>
      <c r="S14" s="280">
        <v>9</v>
      </c>
      <c r="T14" s="280">
        <v>9</v>
      </c>
      <c r="U14" s="280">
        <v>32</v>
      </c>
      <c r="V14" s="280">
        <v>25</v>
      </c>
      <c r="W14" s="277">
        <v>76</v>
      </c>
      <c r="X14" s="282">
        <v>76</v>
      </c>
      <c r="Y14" s="276">
        <v>15</v>
      </c>
      <c r="Z14" s="280">
        <v>34</v>
      </c>
      <c r="AA14" s="277">
        <v>49</v>
      </c>
      <c r="AB14" s="279">
        <v>0</v>
      </c>
      <c r="AC14" s="280">
        <v>216</v>
      </c>
      <c r="AD14" s="280">
        <v>174</v>
      </c>
      <c r="AE14" s="280">
        <v>75</v>
      </c>
      <c r="AF14" s="280">
        <v>121</v>
      </c>
      <c r="AG14" s="280">
        <v>99</v>
      </c>
      <c r="AH14" s="277">
        <v>685</v>
      </c>
      <c r="AI14" s="282">
        <v>734</v>
      </c>
      <c r="AJ14" s="276">
        <v>0</v>
      </c>
      <c r="AK14" s="280">
        <v>20</v>
      </c>
      <c r="AL14" s="277">
        <v>20</v>
      </c>
      <c r="AM14" s="279">
        <v>0</v>
      </c>
      <c r="AN14" s="280">
        <v>26</v>
      </c>
      <c r="AO14" s="280">
        <v>16</v>
      </c>
      <c r="AP14" s="280">
        <v>0</v>
      </c>
      <c r="AQ14" s="280">
        <v>51</v>
      </c>
      <c r="AR14" s="280">
        <v>28</v>
      </c>
      <c r="AS14" s="277">
        <v>121</v>
      </c>
      <c r="AT14" s="282">
        <v>141</v>
      </c>
      <c r="AU14" s="276">
        <v>0</v>
      </c>
      <c r="AV14" s="280">
        <v>0</v>
      </c>
      <c r="AW14" s="277">
        <v>0</v>
      </c>
      <c r="AX14" s="279">
        <v>0</v>
      </c>
      <c r="AY14" s="280">
        <v>256</v>
      </c>
      <c r="AZ14" s="280">
        <v>194</v>
      </c>
      <c r="BA14" s="280">
        <v>203</v>
      </c>
      <c r="BB14" s="280">
        <v>101</v>
      </c>
      <c r="BC14" s="280">
        <v>14</v>
      </c>
      <c r="BD14" s="281">
        <v>768</v>
      </c>
      <c r="BE14" s="282">
        <v>768</v>
      </c>
      <c r="BF14" s="276">
        <v>0</v>
      </c>
      <c r="BG14" s="280">
        <v>0</v>
      </c>
      <c r="BH14" s="277">
        <v>0</v>
      </c>
      <c r="BI14" s="279">
        <v>0</v>
      </c>
      <c r="BJ14" s="280">
        <v>119</v>
      </c>
      <c r="BK14" s="280">
        <v>76</v>
      </c>
      <c r="BL14" s="280">
        <v>29</v>
      </c>
      <c r="BM14" s="280">
        <v>62</v>
      </c>
      <c r="BN14" s="280">
        <v>6</v>
      </c>
      <c r="BO14" s="277">
        <v>292</v>
      </c>
      <c r="BP14" s="282">
        <v>292</v>
      </c>
      <c r="BQ14" s="276">
        <v>3</v>
      </c>
      <c r="BR14" s="280">
        <v>0</v>
      </c>
      <c r="BS14" s="277">
        <v>3</v>
      </c>
      <c r="BT14" s="279">
        <v>0</v>
      </c>
      <c r="BU14" s="280">
        <v>34</v>
      </c>
      <c r="BV14" s="280">
        <v>56</v>
      </c>
      <c r="BW14" s="280">
        <v>98</v>
      </c>
      <c r="BX14" s="280">
        <v>11</v>
      </c>
      <c r="BY14" s="280">
        <v>0</v>
      </c>
      <c r="BZ14" s="277">
        <v>199</v>
      </c>
      <c r="CA14" s="282">
        <v>202</v>
      </c>
      <c r="CB14" s="276">
        <v>0</v>
      </c>
      <c r="CC14" s="280">
        <v>0</v>
      </c>
      <c r="CD14" s="277">
        <v>0</v>
      </c>
      <c r="CE14" s="279">
        <v>0</v>
      </c>
      <c r="CF14" s="280">
        <v>0</v>
      </c>
      <c r="CG14" s="280">
        <v>9</v>
      </c>
      <c r="CH14" s="280">
        <v>0</v>
      </c>
      <c r="CI14" s="280">
        <v>0</v>
      </c>
      <c r="CJ14" s="280">
        <v>0</v>
      </c>
      <c r="CK14" s="277">
        <v>9</v>
      </c>
      <c r="CL14" s="282">
        <v>9</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4">
        <v>0</v>
      </c>
      <c r="F15" s="279">
        <v>0</v>
      </c>
      <c r="G15" s="280">
        <v>520</v>
      </c>
      <c r="H15" s="280">
        <v>444</v>
      </c>
      <c r="I15" s="280">
        <v>563</v>
      </c>
      <c r="J15" s="280">
        <v>1413</v>
      </c>
      <c r="K15" s="280">
        <v>461</v>
      </c>
      <c r="L15" s="281">
        <v>3401</v>
      </c>
      <c r="M15" s="282">
        <v>3401</v>
      </c>
      <c r="N15" s="276">
        <v>0</v>
      </c>
      <c r="O15" s="280">
        <v>0</v>
      </c>
      <c r="P15" s="277">
        <v>0</v>
      </c>
      <c r="Q15" s="279">
        <v>0</v>
      </c>
      <c r="R15" s="280">
        <v>0</v>
      </c>
      <c r="S15" s="280">
        <v>4</v>
      </c>
      <c r="T15" s="280">
        <v>11</v>
      </c>
      <c r="U15" s="280">
        <v>13</v>
      </c>
      <c r="V15" s="280">
        <v>10</v>
      </c>
      <c r="W15" s="277">
        <v>38</v>
      </c>
      <c r="X15" s="282">
        <v>38</v>
      </c>
      <c r="Y15" s="276">
        <v>70</v>
      </c>
      <c r="Z15" s="280">
        <v>77</v>
      </c>
      <c r="AA15" s="277">
        <v>147</v>
      </c>
      <c r="AB15" s="279">
        <v>0</v>
      </c>
      <c r="AC15" s="280">
        <v>153</v>
      </c>
      <c r="AD15" s="280">
        <v>239</v>
      </c>
      <c r="AE15" s="280">
        <v>242</v>
      </c>
      <c r="AF15" s="280">
        <v>96</v>
      </c>
      <c r="AG15" s="280">
        <v>77</v>
      </c>
      <c r="AH15" s="277">
        <v>807</v>
      </c>
      <c r="AI15" s="282">
        <v>954</v>
      </c>
      <c r="AJ15" s="276">
        <v>6</v>
      </c>
      <c r="AK15" s="280">
        <v>0</v>
      </c>
      <c r="AL15" s="277">
        <v>6</v>
      </c>
      <c r="AM15" s="279">
        <v>0</v>
      </c>
      <c r="AN15" s="280">
        <v>25</v>
      </c>
      <c r="AO15" s="280">
        <v>60</v>
      </c>
      <c r="AP15" s="280">
        <v>21</v>
      </c>
      <c r="AQ15" s="280">
        <v>16</v>
      </c>
      <c r="AR15" s="280">
        <v>0</v>
      </c>
      <c r="AS15" s="277">
        <v>122</v>
      </c>
      <c r="AT15" s="282">
        <v>128</v>
      </c>
      <c r="AU15" s="276">
        <v>0</v>
      </c>
      <c r="AV15" s="280">
        <v>0</v>
      </c>
      <c r="AW15" s="277">
        <v>0</v>
      </c>
      <c r="AX15" s="279">
        <v>0</v>
      </c>
      <c r="AY15" s="280">
        <v>445</v>
      </c>
      <c r="AZ15" s="280">
        <v>254</v>
      </c>
      <c r="BA15" s="280">
        <v>155</v>
      </c>
      <c r="BB15" s="280">
        <v>56</v>
      </c>
      <c r="BC15" s="280">
        <v>1</v>
      </c>
      <c r="BD15" s="281">
        <v>911</v>
      </c>
      <c r="BE15" s="282">
        <v>911</v>
      </c>
      <c r="BF15" s="276">
        <v>0</v>
      </c>
      <c r="BG15" s="280">
        <v>0</v>
      </c>
      <c r="BH15" s="277">
        <v>0</v>
      </c>
      <c r="BI15" s="279">
        <v>0</v>
      </c>
      <c r="BJ15" s="280">
        <v>34</v>
      </c>
      <c r="BK15" s="280">
        <v>101</v>
      </c>
      <c r="BL15" s="280">
        <v>75</v>
      </c>
      <c r="BM15" s="280">
        <v>54</v>
      </c>
      <c r="BN15" s="280">
        <v>17</v>
      </c>
      <c r="BO15" s="277">
        <v>281</v>
      </c>
      <c r="BP15" s="282">
        <v>281</v>
      </c>
      <c r="BQ15" s="276">
        <v>0</v>
      </c>
      <c r="BR15" s="280">
        <v>8</v>
      </c>
      <c r="BS15" s="277">
        <v>8</v>
      </c>
      <c r="BT15" s="279">
        <v>0</v>
      </c>
      <c r="BU15" s="280">
        <v>75</v>
      </c>
      <c r="BV15" s="280">
        <v>30</v>
      </c>
      <c r="BW15" s="280">
        <v>66</v>
      </c>
      <c r="BX15" s="280">
        <v>75</v>
      </c>
      <c r="BY15" s="280">
        <v>25</v>
      </c>
      <c r="BZ15" s="277">
        <v>271</v>
      </c>
      <c r="CA15" s="282">
        <v>279</v>
      </c>
      <c r="CB15" s="276">
        <v>0</v>
      </c>
      <c r="CC15" s="280">
        <v>0</v>
      </c>
      <c r="CD15" s="277">
        <v>0</v>
      </c>
      <c r="CE15" s="279">
        <v>0</v>
      </c>
      <c r="CF15" s="280">
        <v>0</v>
      </c>
      <c r="CG15" s="280">
        <v>7</v>
      </c>
      <c r="CH15" s="280">
        <v>0</v>
      </c>
      <c r="CI15" s="280">
        <v>0</v>
      </c>
      <c r="CJ15" s="280">
        <v>0</v>
      </c>
      <c r="CK15" s="277">
        <v>7</v>
      </c>
      <c r="CL15" s="282">
        <v>7</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4">
        <v>0</v>
      </c>
      <c r="F16" s="279">
        <v>0</v>
      </c>
      <c r="G16" s="280">
        <v>127</v>
      </c>
      <c r="H16" s="280">
        <v>284</v>
      </c>
      <c r="I16" s="280">
        <v>215</v>
      </c>
      <c r="J16" s="280">
        <v>354</v>
      </c>
      <c r="K16" s="280">
        <v>272</v>
      </c>
      <c r="L16" s="281">
        <v>1252</v>
      </c>
      <c r="M16" s="282">
        <v>1252</v>
      </c>
      <c r="N16" s="276">
        <v>0</v>
      </c>
      <c r="O16" s="280">
        <v>0</v>
      </c>
      <c r="P16" s="277">
        <v>0</v>
      </c>
      <c r="Q16" s="279">
        <v>0</v>
      </c>
      <c r="R16" s="280">
        <v>0</v>
      </c>
      <c r="S16" s="280">
        <v>2</v>
      </c>
      <c r="T16" s="280">
        <v>0</v>
      </c>
      <c r="U16" s="280">
        <v>2</v>
      </c>
      <c r="V16" s="280">
        <v>33</v>
      </c>
      <c r="W16" s="277">
        <v>37</v>
      </c>
      <c r="X16" s="282">
        <v>37</v>
      </c>
      <c r="Y16" s="276">
        <v>8</v>
      </c>
      <c r="Z16" s="280">
        <v>9</v>
      </c>
      <c r="AA16" s="277">
        <v>17</v>
      </c>
      <c r="AB16" s="279">
        <v>0</v>
      </c>
      <c r="AC16" s="280">
        <v>88</v>
      </c>
      <c r="AD16" s="280">
        <v>68</v>
      </c>
      <c r="AE16" s="280">
        <v>83</v>
      </c>
      <c r="AF16" s="280">
        <v>81</v>
      </c>
      <c r="AG16" s="280">
        <v>62</v>
      </c>
      <c r="AH16" s="277">
        <v>382</v>
      </c>
      <c r="AI16" s="282">
        <v>399</v>
      </c>
      <c r="AJ16" s="276">
        <v>0</v>
      </c>
      <c r="AK16" s="280">
        <v>8</v>
      </c>
      <c r="AL16" s="277">
        <v>8</v>
      </c>
      <c r="AM16" s="279">
        <v>0</v>
      </c>
      <c r="AN16" s="280">
        <v>30</v>
      </c>
      <c r="AO16" s="280">
        <v>0</v>
      </c>
      <c r="AP16" s="280">
        <v>0</v>
      </c>
      <c r="AQ16" s="280">
        <v>10</v>
      </c>
      <c r="AR16" s="280">
        <v>8</v>
      </c>
      <c r="AS16" s="277">
        <v>48</v>
      </c>
      <c r="AT16" s="282">
        <v>56</v>
      </c>
      <c r="AU16" s="276">
        <v>0</v>
      </c>
      <c r="AV16" s="280">
        <v>0</v>
      </c>
      <c r="AW16" s="277">
        <v>0</v>
      </c>
      <c r="AX16" s="279">
        <v>0</v>
      </c>
      <c r="AY16" s="280">
        <v>107</v>
      </c>
      <c r="AZ16" s="280">
        <v>138</v>
      </c>
      <c r="BA16" s="280">
        <v>72</v>
      </c>
      <c r="BB16" s="280">
        <v>37</v>
      </c>
      <c r="BC16" s="280">
        <v>38</v>
      </c>
      <c r="BD16" s="281">
        <v>392</v>
      </c>
      <c r="BE16" s="282">
        <v>392</v>
      </c>
      <c r="BF16" s="276">
        <v>0</v>
      </c>
      <c r="BG16" s="280">
        <v>0</v>
      </c>
      <c r="BH16" s="277">
        <v>0</v>
      </c>
      <c r="BI16" s="279">
        <v>0</v>
      </c>
      <c r="BJ16" s="280">
        <v>4</v>
      </c>
      <c r="BK16" s="280">
        <v>29</v>
      </c>
      <c r="BL16" s="280">
        <v>8</v>
      </c>
      <c r="BM16" s="280">
        <v>24</v>
      </c>
      <c r="BN16" s="280">
        <v>5</v>
      </c>
      <c r="BO16" s="277">
        <v>70</v>
      </c>
      <c r="BP16" s="282">
        <v>70</v>
      </c>
      <c r="BQ16" s="276">
        <v>0</v>
      </c>
      <c r="BR16" s="280">
        <v>0</v>
      </c>
      <c r="BS16" s="277">
        <v>0</v>
      </c>
      <c r="BT16" s="279">
        <v>0</v>
      </c>
      <c r="BU16" s="280">
        <v>0</v>
      </c>
      <c r="BV16" s="280">
        <v>33</v>
      </c>
      <c r="BW16" s="280">
        <v>20</v>
      </c>
      <c r="BX16" s="280">
        <v>46</v>
      </c>
      <c r="BY16" s="280">
        <v>5</v>
      </c>
      <c r="BZ16" s="277">
        <v>104</v>
      </c>
      <c r="CA16" s="282">
        <v>104</v>
      </c>
      <c r="CB16" s="276">
        <v>0</v>
      </c>
      <c r="CC16" s="280">
        <v>0</v>
      </c>
      <c r="CD16" s="277">
        <v>0</v>
      </c>
      <c r="CE16" s="279">
        <v>0</v>
      </c>
      <c r="CF16" s="280">
        <v>0</v>
      </c>
      <c r="CG16" s="280">
        <v>0</v>
      </c>
      <c r="CH16" s="280">
        <v>1</v>
      </c>
      <c r="CI16" s="280">
        <v>0</v>
      </c>
      <c r="CJ16" s="280">
        <v>0</v>
      </c>
      <c r="CK16" s="277">
        <v>1</v>
      </c>
      <c r="CL16" s="282">
        <v>1</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4">
        <v>0</v>
      </c>
      <c r="F17" s="279">
        <v>0</v>
      </c>
      <c r="G17" s="280">
        <v>50</v>
      </c>
      <c r="H17" s="280">
        <v>69</v>
      </c>
      <c r="I17" s="280">
        <v>135</v>
      </c>
      <c r="J17" s="280">
        <v>186</v>
      </c>
      <c r="K17" s="280">
        <v>96</v>
      </c>
      <c r="L17" s="281">
        <v>536</v>
      </c>
      <c r="M17" s="282">
        <v>536</v>
      </c>
      <c r="N17" s="276">
        <v>0</v>
      </c>
      <c r="O17" s="280">
        <v>0</v>
      </c>
      <c r="P17" s="277">
        <v>0</v>
      </c>
      <c r="Q17" s="279">
        <v>0</v>
      </c>
      <c r="R17" s="280">
        <v>0</v>
      </c>
      <c r="S17" s="280">
        <v>0</v>
      </c>
      <c r="T17" s="280">
        <v>0</v>
      </c>
      <c r="U17" s="280">
        <v>4</v>
      </c>
      <c r="V17" s="280">
        <v>0</v>
      </c>
      <c r="W17" s="277">
        <v>4</v>
      </c>
      <c r="X17" s="282">
        <v>4</v>
      </c>
      <c r="Y17" s="276">
        <v>0</v>
      </c>
      <c r="Z17" s="280">
        <v>8</v>
      </c>
      <c r="AA17" s="277">
        <v>8</v>
      </c>
      <c r="AB17" s="279">
        <v>0</v>
      </c>
      <c r="AC17" s="280">
        <v>12</v>
      </c>
      <c r="AD17" s="280">
        <v>26</v>
      </c>
      <c r="AE17" s="280">
        <v>16</v>
      </c>
      <c r="AF17" s="280">
        <v>26</v>
      </c>
      <c r="AG17" s="280">
        <v>0</v>
      </c>
      <c r="AH17" s="277">
        <v>80</v>
      </c>
      <c r="AI17" s="282">
        <v>88</v>
      </c>
      <c r="AJ17" s="276">
        <v>0</v>
      </c>
      <c r="AK17" s="280">
        <v>0</v>
      </c>
      <c r="AL17" s="277">
        <v>0</v>
      </c>
      <c r="AM17" s="279">
        <v>0</v>
      </c>
      <c r="AN17" s="280">
        <v>8</v>
      </c>
      <c r="AO17" s="280">
        <v>26</v>
      </c>
      <c r="AP17" s="280">
        <v>0</v>
      </c>
      <c r="AQ17" s="280">
        <v>0</v>
      </c>
      <c r="AR17" s="280">
        <v>0</v>
      </c>
      <c r="AS17" s="277">
        <v>34</v>
      </c>
      <c r="AT17" s="282">
        <v>34</v>
      </c>
      <c r="AU17" s="276">
        <v>0</v>
      </c>
      <c r="AV17" s="280">
        <v>0</v>
      </c>
      <c r="AW17" s="277">
        <v>0</v>
      </c>
      <c r="AX17" s="279">
        <v>0</v>
      </c>
      <c r="AY17" s="280">
        <v>38</v>
      </c>
      <c r="AZ17" s="280">
        <v>10</v>
      </c>
      <c r="BA17" s="280">
        <v>39</v>
      </c>
      <c r="BB17" s="280">
        <v>8</v>
      </c>
      <c r="BC17" s="280">
        <v>0</v>
      </c>
      <c r="BD17" s="281">
        <v>95</v>
      </c>
      <c r="BE17" s="282">
        <v>95</v>
      </c>
      <c r="BF17" s="276">
        <v>0</v>
      </c>
      <c r="BG17" s="280">
        <v>0</v>
      </c>
      <c r="BH17" s="277">
        <v>0</v>
      </c>
      <c r="BI17" s="279">
        <v>0</v>
      </c>
      <c r="BJ17" s="280">
        <v>0</v>
      </c>
      <c r="BK17" s="280">
        <v>18</v>
      </c>
      <c r="BL17" s="280">
        <v>23</v>
      </c>
      <c r="BM17" s="280">
        <v>5</v>
      </c>
      <c r="BN17" s="280">
        <v>0</v>
      </c>
      <c r="BO17" s="277">
        <v>46</v>
      </c>
      <c r="BP17" s="282">
        <v>46</v>
      </c>
      <c r="BQ17" s="276">
        <v>0</v>
      </c>
      <c r="BR17" s="280">
        <v>0</v>
      </c>
      <c r="BS17" s="277">
        <v>0</v>
      </c>
      <c r="BT17" s="279">
        <v>0</v>
      </c>
      <c r="BU17" s="280">
        <v>0</v>
      </c>
      <c r="BV17" s="280">
        <v>9</v>
      </c>
      <c r="BW17" s="280">
        <v>0</v>
      </c>
      <c r="BX17" s="280">
        <v>57</v>
      </c>
      <c r="BY17" s="280">
        <v>30</v>
      </c>
      <c r="BZ17" s="277">
        <v>96</v>
      </c>
      <c r="CA17" s="282">
        <v>96</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4">
        <v>0</v>
      </c>
      <c r="F18" s="279">
        <v>0</v>
      </c>
      <c r="G18" s="280">
        <v>116</v>
      </c>
      <c r="H18" s="280">
        <v>67</v>
      </c>
      <c r="I18" s="280">
        <v>55</v>
      </c>
      <c r="J18" s="280">
        <v>184</v>
      </c>
      <c r="K18" s="280">
        <v>83</v>
      </c>
      <c r="L18" s="281">
        <v>505</v>
      </c>
      <c r="M18" s="282">
        <v>505</v>
      </c>
      <c r="N18" s="276">
        <v>0</v>
      </c>
      <c r="O18" s="280">
        <v>0</v>
      </c>
      <c r="P18" s="277">
        <v>0</v>
      </c>
      <c r="Q18" s="279">
        <v>0</v>
      </c>
      <c r="R18" s="280">
        <v>0</v>
      </c>
      <c r="S18" s="280">
        <v>0</v>
      </c>
      <c r="T18" s="280">
        <v>0</v>
      </c>
      <c r="U18" s="280">
        <v>2</v>
      </c>
      <c r="V18" s="280">
        <v>12</v>
      </c>
      <c r="W18" s="277">
        <v>14</v>
      </c>
      <c r="X18" s="282">
        <v>14</v>
      </c>
      <c r="Y18" s="276">
        <v>7</v>
      </c>
      <c r="Z18" s="280">
        <v>23</v>
      </c>
      <c r="AA18" s="277">
        <v>30</v>
      </c>
      <c r="AB18" s="279">
        <v>0</v>
      </c>
      <c r="AC18" s="280">
        <v>121</v>
      </c>
      <c r="AD18" s="280">
        <v>103</v>
      </c>
      <c r="AE18" s="280">
        <v>43</v>
      </c>
      <c r="AF18" s="280">
        <v>114</v>
      </c>
      <c r="AG18" s="280">
        <v>45</v>
      </c>
      <c r="AH18" s="277">
        <v>426</v>
      </c>
      <c r="AI18" s="282">
        <v>456</v>
      </c>
      <c r="AJ18" s="276">
        <v>0</v>
      </c>
      <c r="AK18" s="280">
        <v>0</v>
      </c>
      <c r="AL18" s="277">
        <v>0</v>
      </c>
      <c r="AM18" s="279">
        <v>0</v>
      </c>
      <c r="AN18" s="280">
        <v>0</v>
      </c>
      <c r="AO18" s="280">
        <v>26</v>
      </c>
      <c r="AP18" s="280">
        <v>0</v>
      </c>
      <c r="AQ18" s="280">
        <v>0</v>
      </c>
      <c r="AR18" s="280">
        <v>0</v>
      </c>
      <c r="AS18" s="277">
        <v>26</v>
      </c>
      <c r="AT18" s="282">
        <v>26</v>
      </c>
      <c r="AU18" s="276">
        <v>0</v>
      </c>
      <c r="AV18" s="280">
        <v>0</v>
      </c>
      <c r="AW18" s="277">
        <v>0</v>
      </c>
      <c r="AX18" s="279">
        <v>0</v>
      </c>
      <c r="AY18" s="280">
        <v>164</v>
      </c>
      <c r="AZ18" s="280">
        <v>211</v>
      </c>
      <c r="BA18" s="280">
        <v>43</v>
      </c>
      <c r="BB18" s="280">
        <v>103</v>
      </c>
      <c r="BC18" s="280">
        <v>0</v>
      </c>
      <c r="BD18" s="281">
        <v>521</v>
      </c>
      <c r="BE18" s="282">
        <v>521</v>
      </c>
      <c r="BF18" s="276">
        <v>0</v>
      </c>
      <c r="BG18" s="280">
        <v>0</v>
      </c>
      <c r="BH18" s="277">
        <v>0</v>
      </c>
      <c r="BI18" s="279">
        <v>0</v>
      </c>
      <c r="BJ18" s="280">
        <v>137</v>
      </c>
      <c r="BK18" s="280">
        <v>243</v>
      </c>
      <c r="BL18" s="280">
        <v>43</v>
      </c>
      <c r="BM18" s="280">
        <v>15</v>
      </c>
      <c r="BN18" s="280">
        <v>0</v>
      </c>
      <c r="BO18" s="277">
        <v>438</v>
      </c>
      <c r="BP18" s="282">
        <v>438</v>
      </c>
      <c r="BQ18" s="276">
        <v>0</v>
      </c>
      <c r="BR18" s="280">
        <v>0</v>
      </c>
      <c r="BS18" s="277">
        <v>0</v>
      </c>
      <c r="BT18" s="279">
        <v>0</v>
      </c>
      <c r="BU18" s="280">
        <v>0</v>
      </c>
      <c r="BV18" s="280">
        <v>43</v>
      </c>
      <c r="BW18" s="280">
        <v>30</v>
      </c>
      <c r="BX18" s="280">
        <v>13</v>
      </c>
      <c r="BY18" s="280">
        <v>0</v>
      </c>
      <c r="BZ18" s="277">
        <v>86</v>
      </c>
      <c r="CA18" s="282">
        <v>86</v>
      </c>
      <c r="CB18" s="276">
        <v>0</v>
      </c>
      <c r="CC18" s="280">
        <v>0</v>
      </c>
      <c r="CD18" s="277">
        <v>0</v>
      </c>
      <c r="CE18" s="279">
        <v>0</v>
      </c>
      <c r="CF18" s="280">
        <v>0</v>
      </c>
      <c r="CG18" s="280">
        <v>10</v>
      </c>
      <c r="CH18" s="280">
        <v>0</v>
      </c>
      <c r="CI18" s="280">
        <v>3</v>
      </c>
      <c r="CJ18" s="280">
        <v>0</v>
      </c>
      <c r="CK18" s="277">
        <v>13</v>
      </c>
      <c r="CL18" s="282">
        <v>13</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4">
        <v>0</v>
      </c>
      <c r="F19" s="279">
        <v>0</v>
      </c>
      <c r="G19" s="280">
        <v>227</v>
      </c>
      <c r="H19" s="280">
        <v>225</v>
      </c>
      <c r="I19" s="280">
        <v>400</v>
      </c>
      <c r="J19" s="280">
        <v>144</v>
      </c>
      <c r="K19" s="280">
        <v>563</v>
      </c>
      <c r="L19" s="281">
        <v>1559</v>
      </c>
      <c r="M19" s="282">
        <v>1559</v>
      </c>
      <c r="N19" s="276">
        <v>0</v>
      </c>
      <c r="O19" s="280">
        <v>0</v>
      </c>
      <c r="P19" s="277">
        <v>0</v>
      </c>
      <c r="Q19" s="279">
        <v>0</v>
      </c>
      <c r="R19" s="280">
        <v>0</v>
      </c>
      <c r="S19" s="280">
        <v>1</v>
      </c>
      <c r="T19" s="280">
        <v>0</v>
      </c>
      <c r="U19" s="280">
        <v>4</v>
      </c>
      <c r="V19" s="280">
        <v>16</v>
      </c>
      <c r="W19" s="277">
        <v>21</v>
      </c>
      <c r="X19" s="282">
        <v>21</v>
      </c>
      <c r="Y19" s="276">
        <v>10</v>
      </c>
      <c r="Z19" s="280">
        <v>26</v>
      </c>
      <c r="AA19" s="277">
        <v>36</v>
      </c>
      <c r="AB19" s="279">
        <v>0</v>
      </c>
      <c r="AC19" s="280">
        <v>79</v>
      </c>
      <c r="AD19" s="280">
        <v>90</v>
      </c>
      <c r="AE19" s="280">
        <v>62</v>
      </c>
      <c r="AF19" s="280">
        <v>19</v>
      </c>
      <c r="AG19" s="280">
        <v>54</v>
      </c>
      <c r="AH19" s="277">
        <v>304</v>
      </c>
      <c r="AI19" s="282">
        <v>340</v>
      </c>
      <c r="AJ19" s="276">
        <v>0</v>
      </c>
      <c r="AK19" s="280">
        <v>30</v>
      </c>
      <c r="AL19" s="277">
        <v>30</v>
      </c>
      <c r="AM19" s="279">
        <v>0</v>
      </c>
      <c r="AN19" s="280">
        <v>0</v>
      </c>
      <c r="AO19" s="280">
        <v>37</v>
      </c>
      <c r="AP19" s="280">
        <v>0</v>
      </c>
      <c r="AQ19" s="280">
        <v>0</v>
      </c>
      <c r="AR19" s="280">
        <v>0</v>
      </c>
      <c r="AS19" s="277">
        <v>37</v>
      </c>
      <c r="AT19" s="282">
        <v>67</v>
      </c>
      <c r="AU19" s="276">
        <v>0</v>
      </c>
      <c r="AV19" s="280">
        <v>0</v>
      </c>
      <c r="AW19" s="277">
        <v>0</v>
      </c>
      <c r="AX19" s="279">
        <v>0</v>
      </c>
      <c r="AY19" s="280">
        <v>174</v>
      </c>
      <c r="AZ19" s="280">
        <v>262</v>
      </c>
      <c r="BA19" s="280">
        <v>69</v>
      </c>
      <c r="BB19" s="280">
        <v>52</v>
      </c>
      <c r="BC19" s="280">
        <v>23</v>
      </c>
      <c r="BD19" s="281">
        <v>580</v>
      </c>
      <c r="BE19" s="282">
        <v>580</v>
      </c>
      <c r="BF19" s="276">
        <v>0</v>
      </c>
      <c r="BG19" s="280">
        <v>0</v>
      </c>
      <c r="BH19" s="277">
        <v>0</v>
      </c>
      <c r="BI19" s="279">
        <v>0</v>
      </c>
      <c r="BJ19" s="280">
        <v>10</v>
      </c>
      <c r="BK19" s="280">
        <v>93</v>
      </c>
      <c r="BL19" s="280">
        <v>16</v>
      </c>
      <c r="BM19" s="280">
        <v>7</v>
      </c>
      <c r="BN19" s="280">
        <v>8</v>
      </c>
      <c r="BO19" s="277">
        <v>134</v>
      </c>
      <c r="BP19" s="282">
        <v>134</v>
      </c>
      <c r="BQ19" s="276">
        <v>0</v>
      </c>
      <c r="BR19" s="280">
        <v>0</v>
      </c>
      <c r="BS19" s="277">
        <v>0</v>
      </c>
      <c r="BT19" s="279">
        <v>0</v>
      </c>
      <c r="BU19" s="280">
        <v>18</v>
      </c>
      <c r="BV19" s="280">
        <v>38</v>
      </c>
      <c r="BW19" s="280">
        <v>42</v>
      </c>
      <c r="BX19" s="280">
        <v>164</v>
      </c>
      <c r="BY19" s="280">
        <v>48</v>
      </c>
      <c r="BZ19" s="277">
        <v>310</v>
      </c>
      <c r="CA19" s="282">
        <v>310</v>
      </c>
      <c r="CB19" s="276">
        <v>0</v>
      </c>
      <c r="CC19" s="280">
        <v>0</v>
      </c>
      <c r="CD19" s="277">
        <v>0</v>
      </c>
      <c r="CE19" s="279">
        <v>0</v>
      </c>
      <c r="CF19" s="280">
        <v>0</v>
      </c>
      <c r="CG19" s="280">
        <v>5</v>
      </c>
      <c r="CH19" s="280">
        <v>47</v>
      </c>
      <c r="CI19" s="280">
        <v>5</v>
      </c>
      <c r="CJ19" s="280">
        <v>0</v>
      </c>
      <c r="CK19" s="277">
        <v>57</v>
      </c>
      <c r="CL19" s="282">
        <v>57</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4">
        <v>0</v>
      </c>
      <c r="F20" s="279">
        <v>0</v>
      </c>
      <c r="G20" s="280">
        <v>168</v>
      </c>
      <c r="H20" s="280">
        <v>281</v>
      </c>
      <c r="I20" s="280">
        <v>464</v>
      </c>
      <c r="J20" s="280">
        <v>377</v>
      </c>
      <c r="K20" s="280">
        <v>117</v>
      </c>
      <c r="L20" s="281">
        <v>1407</v>
      </c>
      <c r="M20" s="282">
        <v>1407</v>
      </c>
      <c r="N20" s="276">
        <v>0</v>
      </c>
      <c r="O20" s="280">
        <v>0</v>
      </c>
      <c r="P20" s="277">
        <v>0</v>
      </c>
      <c r="Q20" s="279">
        <v>0</v>
      </c>
      <c r="R20" s="280">
        <v>1</v>
      </c>
      <c r="S20" s="280">
        <v>0</v>
      </c>
      <c r="T20" s="280">
        <v>7</v>
      </c>
      <c r="U20" s="280">
        <v>12</v>
      </c>
      <c r="V20" s="280">
        <v>17</v>
      </c>
      <c r="W20" s="277">
        <v>37</v>
      </c>
      <c r="X20" s="282">
        <v>37</v>
      </c>
      <c r="Y20" s="276">
        <v>8</v>
      </c>
      <c r="Z20" s="280">
        <v>11</v>
      </c>
      <c r="AA20" s="277">
        <v>19</v>
      </c>
      <c r="AB20" s="279">
        <v>0</v>
      </c>
      <c r="AC20" s="280">
        <v>121</v>
      </c>
      <c r="AD20" s="280">
        <v>100</v>
      </c>
      <c r="AE20" s="280">
        <v>87</v>
      </c>
      <c r="AF20" s="280">
        <v>115</v>
      </c>
      <c r="AG20" s="280">
        <v>24</v>
      </c>
      <c r="AH20" s="277">
        <v>447</v>
      </c>
      <c r="AI20" s="282">
        <v>466</v>
      </c>
      <c r="AJ20" s="276">
        <v>0</v>
      </c>
      <c r="AK20" s="280">
        <v>21</v>
      </c>
      <c r="AL20" s="277">
        <v>21</v>
      </c>
      <c r="AM20" s="279">
        <v>0</v>
      </c>
      <c r="AN20" s="280">
        <v>35</v>
      </c>
      <c r="AO20" s="280">
        <v>72</v>
      </c>
      <c r="AP20" s="280">
        <v>21</v>
      </c>
      <c r="AQ20" s="280">
        <v>0</v>
      </c>
      <c r="AR20" s="280">
        <v>0</v>
      </c>
      <c r="AS20" s="277">
        <v>128</v>
      </c>
      <c r="AT20" s="282">
        <v>149</v>
      </c>
      <c r="AU20" s="276">
        <v>0</v>
      </c>
      <c r="AV20" s="280">
        <v>0</v>
      </c>
      <c r="AW20" s="277">
        <v>0</v>
      </c>
      <c r="AX20" s="279">
        <v>0</v>
      </c>
      <c r="AY20" s="280">
        <v>302</v>
      </c>
      <c r="AZ20" s="280">
        <v>289</v>
      </c>
      <c r="BA20" s="280">
        <v>291</v>
      </c>
      <c r="BB20" s="280">
        <v>102</v>
      </c>
      <c r="BC20" s="280">
        <v>52</v>
      </c>
      <c r="BD20" s="281">
        <v>1036</v>
      </c>
      <c r="BE20" s="282">
        <v>1036</v>
      </c>
      <c r="BF20" s="276">
        <v>0</v>
      </c>
      <c r="BG20" s="280">
        <v>0</v>
      </c>
      <c r="BH20" s="277">
        <v>0</v>
      </c>
      <c r="BI20" s="279">
        <v>0</v>
      </c>
      <c r="BJ20" s="280">
        <v>94</v>
      </c>
      <c r="BK20" s="280">
        <v>82</v>
      </c>
      <c r="BL20" s="280">
        <v>72</v>
      </c>
      <c r="BM20" s="280">
        <v>10</v>
      </c>
      <c r="BN20" s="280">
        <v>14</v>
      </c>
      <c r="BO20" s="277">
        <v>272</v>
      </c>
      <c r="BP20" s="282">
        <v>272</v>
      </c>
      <c r="BQ20" s="276">
        <v>0</v>
      </c>
      <c r="BR20" s="280">
        <v>0</v>
      </c>
      <c r="BS20" s="277">
        <v>0</v>
      </c>
      <c r="BT20" s="279">
        <v>0</v>
      </c>
      <c r="BU20" s="280">
        <v>22</v>
      </c>
      <c r="BV20" s="280">
        <v>61</v>
      </c>
      <c r="BW20" s="280">
        <v>238</v>
      </c>
      <c r="BX20" s="280">
        <v>103</v>
      </c>
      <c r="BY20" s="280">
        <v>71</v>
      </c>
      <c r="BZ20" s="277">
        <v>495</v>
      </c>
      <c r="CA20" s="282">
        <v>495</v>
      </c>
      <c r="CB20" s="276">
        <v>0</v>
      </c>
      <c r="CC20" s="280">
        <v>0</v>
      </c>
      <c r="CD20" s="277">
        <v>0</v>
      </c>
      <c r="CE20" s="279">
        <v>0</v>
      </c>
      <c r="CF20" s="280">
        <v>0</v>
      </c>
      <c r="CG20" s="280">
        <v>0</v>
      </c>
      <c r="CH20" s="280">
        <v>19</v>
      </c>
      <c r="CI20" s="280">
        <v>0</v>
      </c>
      <c r="CJ20" s="280">
        <v>0</v>
      </c>
      <c r="CK20" s="277">
        <v>19</v>
      </c>
      <c r="CL20" s="282">
        <v>19</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4">
        <v>0</v>
      </c>
      <c r="F21" s="279">
        <v>0</v>
      </c>
      <c r="G21" s="280">
        <v>51</v>
      </c>
      <c r="H21" s="280">
        <v>112</v>
      </c>
      <c r="I21" s="280">
        <v>154</v>
      </c>
      <c r="J21" s="280">
        <v>209</v>
      </c>
      <c r="K21" s="280">
        <v>92</v>
      </c>
      <c r="L21" s="281">
        <v>618</v>
      </c>
      <c r="M21" s="282">
        <v>618</v>
      </c>
      <c r="N21" s="276">
        <v>0</v>
      </c>
      <c r="O21" s="280">
        <v>0</v>
      </c>
      <c r="P21" s="277">
        <v>0</v>
      </c>
      <c r="Q21" s="279">
        <v>0</v>
      </c>
      <c r="R21" s="280">
        <v>0</v>
      </c>
      <c r="S21" s="280">
        <v>0</v>
      </c>
      <c r="T21" s="280">
        <v>16</v>
      </c>
      <c r="U21" s="280">
        <v>1</v>
      </c>
      <c r="V21" s="280">
        <v>8</v>
      </c>
      <c r="W21" s="277">
        <v>25</v>
      </c>
      <c r="X21" s="282">
        <v>25</v>
      </c>
      <c r="Y21" s="276">
        <v>3</v>
      </c>
      <c r="Z21" s="280">
        <v>4</v>
      </c>
      <c r="AA21" s="277">
        <v>7</v>
      </c>
      <c r="AB21" s="279">
        <v>0</v>
      </c>
      <c r="AC21" s="280">
        <v>51</v>
      </c>
      <c r="AD21" s="280">
        <v>83</v>
      </c>
      <c r="AE21" s="280">
        <v>59</v>
      </c>
      <c r="AF21" s="280">
        <v>68</v>
      </c>
      <c r="AG21" s="280">
        <v>46</v>
      </c>
      <c r="AH21" s="277">
        <v>307</v>
      </c>
      <c r="AI21" s="282">
        <v>314</v>
      </c>
      <c r="AJ21" s="276">
        <v>0</v>
      </c>
      <c r="AK21" s="280">
        <v>0</v>
      </c>
      <c r="AL21" s="277">
        <v>0</v>
      </c>
      <c r="AM21" s="279">
        <v>0</v>
      </c>
      <c r="AN21" s="280">
        <v>0</v>
      </c>
      <c r="AO21" s="280">
        <v>23</v>
      </c>
      <c r="AP21" s="280">
        <v>16</v>
      </c>
      <c r="AQ21" s="280">
        <v>8</v>
      </c>
      <c r="AR21" s="280">
        <v>0</v>
      </c>
      <c r="AS21" s="277">
        <v>47</v>
      </c>
      <c r="AT21" s="282">
        <v>47</v>
      </c>
      <c r="AU21" s="276">
        <v>0</v>
      </c>
      <c r="AV21" s="280">
        <v>0</v>
      </c>
      <c r="AW21" s="277">
        <v>0</v>
      </c>
      <c r="AX21" s="279">
        <v>0</v>
      </c>
      <c r="AY21" s="280">
        <v>155</v>
      </c>
      <c r="AZ21" s="280">
        <v>112</v>
      </c>
      <c r="BA21" s="280">
        <v>60</v>
      </c>
      <c r="BB21" s="280">
        <v>15</v>
      </c>
      <c r="BC21" s="280">
        <v>7</v>
      </c>
      <c r="BD21" s="281">
        <v>349</v>
      </c>
      <c r="BE21" s="282">
        <v>349</v>
      </c>
      <c r="BF21" s="276">
        <v>0</v>
      </c>
      <c r="BG21" s="280">
        <v>0</v>
      </c>
      <c r="BH21" s="277">
        <v>0</v>
      </c>
      <c r="BI21" s="279">
        <v>0</v>
      </c>
      <c r="BJ21" s="280">
        <v>73</v>
      </c>
      <c r="BK21" s="280">
        <v>43</v>
      </c>
      <c r="BL21" s="280">
        <v>15</v>
      </c>
      <c r="BM21" s="280">
        <v>25</v>
      </c>
      <c r="BN21" s="280">
        <v>0</v>
      </c>
      <c r="BO21" s="277">
        <v>156</v>
      </c>
      <c r="BP21" s="282">
        <v>156</v>
      </c>
      <c r="BQ21" s="276">
        <v>0</v>
      </c>
      <c r="BR21" s="280">
        <v>0</v>
      </c>
      <c r="BS21" s="277">
        <v>0</v>
      </c>
      <c r="BT21" s="279">
        <v>0</v>
      </c>
      <c r="BU21" s="280">
        <v>0</v>
      </c>
      <c r="BV21" s="280">
        <v>0</v>
      </c>
      <c r="BW21" s="280">
        <v>14</v>
      </c>
      <c r="BX21" s="280">
        <v>0</v>
      </c>
      <c r="BY21" s="280">
        <v>0</v>
      </c>
      <c r="BZ21" s="277">
        <v>14</v>
      </c>
      <c r="CA21" s="282">
        <v>14</v>
      </c>
      <c r="CB21" s="276">
        <v>0</v>
      </c>
      <c r="CC21" s="280">
        <v>0</v>
      </c>
      <c r="CD21" s="277">
        <v>0</v>
      </c>
      <c r="CE21" s="279">
        <v>0</v>
      </c>
      <c r="CF21" s="280">
        <v>3</v>
      </c>
      <c r="CG21" s="280">
        <v>0</v>
      </c>
      <c r="CH21" s="280">
        <v>5</v>
      </c>
      <c r="CI21" s="280">
        <v>0</v>
      </c>
      <c r="CJ21" s="280">
        <v>0</v>
      </c>
      <c r="CK21" s="277">
        <v>8</v>
      </c>
      <c r="CL21" s="282">
        <v>8</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4">
        <v>0</v>
      </c>
      <c r="F22" s="279">
        <v>0</v>
      </c>
      <c r="G22" s="280">
        <v>330</v>
      </c>
      <c r="H22" s="280">
        <v>266</v>
      </c>
      <c r="I22" s="280">
        <v>285</v>
      </c>
      <c r="J22" s="280">
        <v>276</v>
      </c>
      <c r="K22" s="280">
        <v>209</v>
      </c>
      <c r="L22" s="281">
        <v>1366</v>
      </c>
      <c r="M22" s="282">
        <v>1366</v>
      </c>
      <c r="N22" s="276">
        <v>0</v>
      </c>
      <c r="O22" s="280">
        <v>0</v>
      </c>
      <c r="P22" s="277">
        <v>0</v>
      </c>
      <c r="Q22" s="279">
        <v>0</v>
      </c>
      <c r="R22" s="280">
        <v>3</v>
      </c>
      <c r="S22" s="280">
        <v>0</v>
      </c>
      <c r="T22" s="280">
        <v>0</v>
      </c>
      <c r="U22" s="280">
        <v>4</v>
      </c>
      <c r="V22" s="280">
        <v>8</v>
      </c>
      <c r="W22" s="277">
        <v>15</v>
      </c>
      <c r="X22" s="282">
        <v>15</v>
      </c>
      <c r="Y22" s="276">
        <v>13</v>
      </c>
      <c r="Z22" s="280">
        <v>8</v>
      </c>
      <c r="AA22" s="277">
        <v>21</v>
      </c>
      <c r="AB22" s="279">
        <v>0</v>
      </c>
      <c r="AC22" s="280">
        <v>263</v>
      </c>
      <c r="AD22" s="280">
        <v>196</v>
      </c>
      <c r="AE22" s="280">
        <v>42</v>
      </c>
      <c r="AF22" s="280">
        <v>35</v>
      </c>
      <c r="AG22" s="280">
        <v>58</v>
      </c>
      <c r="AH22" s="277">
        <v>594</v>
      </c>
      <c r="AI22" s="282">
        <v>615</v>
      </c>
      <c r="AJ22" s="276">
        <v>8</v>
      </c>
      <c r="AK22" s="280">
        <v>14</v>
      </c>
      <c r="AL22" s="277">
        <v>22</v>
      </c>
      <c r="AM22" s="279">
        <v>0</v>
      </c>
      <c r="AN22" s="280">
        <v>60</v>
      </c>
      <c r="AO22" s="280">
        <v>141</v>
      </c>
      <c r="AP22" s="280">
        <v>51</v>
      </c>
      <c r="AQ22" s="280">
        <v>8</v>
      </c>
      <c r="AR22" s="280">
        <v>0</v>
      </c>
      <c r="AS22" s="277">
        <v>260</v>
      </c>
      <c r="AT22" s="282">
        <v>282</v>
      </c>
      <c r="AU22" s="276">
        <v>0</v>
      </c>
      <c r="AV22" s="280">
        <v>0</v>
      </c>
      <c r="AW22" s="277">
        <v>0</v>
      </c>
      <c r="AX22" s="279">
        <v>0</v>
      </c>
      <c r="AY22" s="280">
        <v>152</v>
      </c>
      <c r="AZ22" s="280">
        <v>150</v>
      </c>
      <c r="BA22" s="280">
        <v>97</v>
      </c>
      <c r="BB22" s="280">
        <v>16</v>
      </c>
      <c r="BC22" s="280">
        <v>0</v>
      </c>
      <c r="BD22" s="281">
        <v>415</v>
      </c>
      <c r="BE22" s="282">
        <v>415</v>
      </c>
      <c r="BF22" s="276">
        <v>0</v>
      </c>
      <c r="BG22" s="280">
        <v>0</v>
      </c>
      <c r="BH22" s="277">
        <v>0</v>
      </c>
      <c r="BI22" s="279">
        <v>0</v>
      </c>
      <c r="BJ22" s="280">
        <v>69</v>
      </c>
      <c r="BK22" s="280">
        <v>87</v>
      </c>
      <c r="BL22" s="280">
        <v>57</v>
      </c>
      <c r="BM22" s="280">
        <v>37</v>
      </c>
      <c r="BN22" s="280">
        <v>0</v>
      </c>
      <c r="BO22" s="277">
        <v>250</v>
      </c>
      <c r="BP22" s="282">
        <v>250</v>
      </c>
      <c r="BQ22" s="276">
        <v>0</v>
      </c>
      <c r="BR22" s="280">
        <v>0</v>
      </c>
      <c r="BS22" s="277">
        <v>0</v>
      </c>
      <c r="BT22" s="279">
        <v>0</v>
      </c>
      <c r="BU22" s="280">
        <v>26</v>
      </c>
      <c r="BV22" s="280">
        <v>43</v>
      </c>
      <c r="BW22" s="280">
        <v>85</v>
      </c>
      <c r="BX22" s="280">
        <v>114</v>
      </c>
      <c r="BY22" s="280">
        <v>0</v>
      </c>
      <c r="BZ22" s="277">
        <v>268</v>
      </c>
      <c r="CA22" s="282">
        <v>268</v>
      </c>
      <c r="CB22" s="276">
        <v>0</v>
      </c>
      <c r="CC22" s="280">
        <v>0</v>
      </c>
      <c r="CD22" s="277">
        <v>0</v>
      </c>
      <c r="CE22" s="279">
        <v>0</v>
      </c>
      <c r="CF22" s="280">
        <v>0</v>
      </c>
      <c r="CG22" s="280">
        <v>0</v>
      </c>
      <c r="CH22" s="280">
        <v>12</v>
      </c>
      <c r="CI22" s="280">
        <v>13</v>
      </c>
      <c r="CJ22" s="280">
        <v>0</v>
      </c>
      <c r="CK22" s="277">
        <v>25</v>
      </c>
      <c r="CL22" s="282">
        <v>25</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4">
        <v>0</v>
      </c>
      <c r="F23" s="279">
        <v>0</v>
      </c>
      <c r="G23" s="280">
        <v>87</v>
      </c>
      <c r="H23" s="280">
        <v>132</v>
      </c>
      <c r="I23" s="280">
        <v>53</v>
      </c>
      <c r="J23" s="280">
        <v>395</v>
      </c>
      <c r="K23" s="280">
        <v>123</v>
      </c>
      <c r="L23" s="281">
        <v>790</v>
      </c>
      <c r="M23" s="282">
        <v>790</v>
      </c>
      <c r="N23" s="276">
        <v>0</v>
      </c>
      <c r="O23" s="280">
        <v>0</v>
      </c>
      <c r="P23" s="277">
        <v>0</v>
      </c>
      <c r="Q23" s="279">
        <v>0</v>
      </c>
      <c r="R23" s="280">
        <v>0</v>
      </c>
      <c r="S23" s="280">
        <v>0</v>
      </c>
      <c r="T23" s="280">
        <v>2</v>
      </c>
      <c r="U23" s="280">
        <v>0</v>
      </c>
      <c r="V23" s="280">
        <v>18</v>
      </c>
      <c r="W23" s="277">
        <v>20</v>
      </c>
      <c r="X23" s="282">
        <v>20</v>
      </c>
      <c r="Y23" s="276">
        <v>14</v>
      </c>
      <c r="Z23" s="280">
        <v>16</v>
      </c>
      <c r="AA23" s="277">
        <v>30</v>
      </c>
      <c r="AB23" s="279">
        <v>0</v>
      </c>
      <c r="AC23" s="280">
        <v>101</v>
      </c>
      <c r="AD23" s="280">
        <v>245</v>
      </c>
      <c r="AE23" s="280">
        <v>71</v>
      </c>
      <c r="AF23" s="280">
        <v>143</v>
      </c>
      <c r="AG23" s="280">
        <v>86</v>
      </c>
      <c r="AH23" s="277">
        <v>646</v>
      </c>
      <c r="AI23" s="282">
        <v>676</v>
      </c>
      <c r="AJ23" s="276">
        <v>0</v>
      </c>
      <c r="AK23" s="280">
        <v>4</v>
      </c>
      <c r="AL23" s="277">
        <v>4</v>
      </c>
      <c r="AM23" s="279">
        <v>0</v>
      </c>
      <c r="AN23" s="280">
        <v>16</v>
      </c>
      <c r="AO23" s="280">
        <v>18</v>
      </c>
      <c r="AP23" s="280">
        <v>33</v>
      </c>
      <c r="AQ23" s="280">
        <v>18</v>
      </c>
      <c r="AR23" s="280">
        <v>16</v>
      </c>
      <c r="AS23" s="277">
        <v>101</v>
      </c>
      <c r="AT23" s="282">
        <v>105</v>
      </c>
      <c r="AU23" s="276">
        <v>0</v>
      </c>
      <c r="AV23" s="280">
        <v>0</v>
      </c>
      <c r="AW23" s="277">
        <v>0</v>
      </c>
      <c r="AX23" s="279">
        <v>0</v>
      </c>
      <c r="AY23" s="280">
        <v>117</v>
      </c>
      <c r="AZ23" s="280">
        <v>119</v>
      </c>
      <c r="BA23" s="280">
        <v>90</v>
      </c>
      <c r="BB23" s="280">
        <v>27</v>
      </c>
      <c r="BC23" s="280">
        <v>25</v>
      </c>
      <c r="BD23" s="281">
        <v>378</v>
      </c>
      <c r="BE23" s="282">
        <v>378</v>
      </c>
      <c r="BF23" s="276">
        <v>0</v>
      </c>
      <c r="BG23" s="280">
        <v>0</v>
      </c>
      <c r="BH23" s="277">
        <v>0</v>
      </c>
      <c r="BI23" s="279">
        <v>0</v>
      </c>
      <c r="BJ23" s="280">
        <v>64</v>
      </c>
      <c r="BK23" s="280">
        <v>67</v>
      </c>
      <c r="BL23" s="280">
        <v>8</v>
      </c>
      <c r="BM23" s="280">
        <v>7</v>
      </c>
      <c r="BN23" s="280">
        <v>0</v>
      </c>
      <c r="BO23" s="277">
        <v>146</v>
      </c>
      <c r="BP23" s="282">
        <v>146</v>
      </c>
      <c r="BQ23" s="276">
        <v>0</v>
      </c>
      <c r="BR23" s="280">
        <v>0</v>
      </c>
      <c r="BS23" s="277">
        <v>0</v>
      </c>
      <c r="BT23" s="279">
        <v>0</v>
      </c>
      <c r="BU23" s="280">
        <v>30</v>
      </c>
      <c r="BV23" s="280">
        <v>16</v>
      </c>
      <c r="BW23" s="280">
        <v>94</v>
      </c>
      <c r="BX23" s="280">
        <v>89</v>
      </c>
      <c r="BY23" s="280">
        <v>38</v>
      </c>
      <c r="BZ23" s="277">
        <v>267</v>
      </c>
      <c r="CA23" s="282">
        <v>267</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4">
        <v>0</v>
      </c>
      <c r="F24" s="279">
        <v>0</v>
      </c>
      <c r="G24" s="280">
        <v>56</v>
      </c>
      <c r="H24" s="280">
        <v>59</v>
      </c>
      <c r="I24" s="280">
        <v>14</v>
      </c>
      <c r="J24" s="280">
        <v>132</v>
      </c>
      <c r="K24" s="280">
        <v>140</v>
      </c>
      <c r="L24" s="281">
        <v>401</v>
      </c>
      <c r="M24" s="282">
        <v>401</v>
      </c>
      <c r="N24" s="276">
        <v>0</v>
      </c>
      <c r="O24" s="280">
        <v>0</v>
      </c>
      <c r="P24" s="277">
        <v>0</v>
      </c>
      <c r="Q24" s="279">
        <v>0</v>
      </c>
      <c r="R24" s="280">
        <v>1</v>
      </c>
      <c r="S24" s="280">
        <v>0</v>
      </c>
      <c r="T24" s="280">
        <v>0</v>
      </c>
      <c r="U24" s="280">
        <v>8</v>
      </c>
      <c r="V24" s="280">
        <v>0</v>
      </c>
      <c r="W24" s="277">
        <v>9</v>
      </c>
      <c r="X24" s="282">
        <v>9</v>
      </c>
      <c r="Y24" s="276">
        <v>0</v>
      </c>
      <c r="Z24" s="280">
        <v>2</v>
      </c>
      <c r="AA24" s="277">
        <v>2</v>
      </c>
      <c r="AB24" s="279">
        <v>0</v>
      </c>
      <c r="AC24" s="280">
        <v>15</v>
      </c>
      <c r="AD24" s="280">
        <v>13</v>
      </c>
      <c r="AE24" s="280">
        <v>42</v>
      </c>
      <c r="AF24" s="280">
        <v>12</v>
      </c>
      <c r="AG24" s="280">
        <v>16</v>
      </c>
      <c r="AH24" s="277">
        <v>98</v>
      </c>
      <c r="AI24" s="282">
        <v>100</v>
      </c>
      <c r="AJ24" s="276">
        <v>0</v>
      </c>
      <c r="AK24" s="280">
        <v>0</v>
      </c>
      <c r="AL24" s="277">
        <v>0</v>
      </c>
      <c r="AM24" s="279">
        <v>0</v>
      </c>
      <c r="AN24" s="280">
        <v>0</v>
      </c>
      <c r="AO24" s="280">
        <v>21</v>
      </c>
      <c r="AP24" s="280">
        <v>12</v>
      </c>
      <c r="AQ24" s="280">
        <v>0</v>
      </c>
      <c r="AR24" s="280">
        <v>0</v>
      </c>
      <c r="AS24" s="277">
        <v>33</v>
      </c>
      <c r="AT24" s="282">
        <v>33</v>
      </c>
      <c r="AU24" s="276">
        <v>0</v>
      </c>
      <c r="AV24" s="280">
        <v>0</v>
      </c>
      <c r="AW24" s="277">
        <v>0</v>
      </c>
      <c r="AX24" s="279">
        <v>0</v>
      </c>
      <c r="AY24" s="280">
        <v>56</v>
      </c>
      <c r="AZ24" s="280">
        <v>60</v>
      </c>
      <c r="BA24" s="280">
        <v>63</v>
      </c>
      <c r="BB24" s="280">
        <v>33</v>
      </c>
      <c r="BC24" s="280">
        <v>12</v>
      </c>
      <c r="BD24" s="281">
        <v>224</v>
      </c>
      <c r="BE24" s="282">
        <v>224</v>
      </c>
      <c r="BF24" s="276">
        <v>0</v>
      </c>
      <c r="BG24" s="280">
        <v>0</v>
      </c>
      <c r="BH24" s="277">
        <v>0</v>
      </c>
      <c r="BI24" s="279">
        <v>0</v>
      </c>
      <c r="BJ24" s="280">
        <v>16</v>
      </c>
      <c r="BK24" s="280">
        <v>16</v>
      </c>
      <c r="BL24" s="280">
        <v>13</v>
      </c>
      <c r="BM24" s="280">
        <v>6</v>
      </c>
      <c r="BN24" s="280">
        <v>7</v>
      </c>
      <c r="BO24" s="277">
        <v>58</v>
      </c>
      <c r="BP24" s="282">
        <v>58</v>
      </c>
      <c r="BQ24" s="276">
        <v>0</v>
      </c>
      <c r="BR24" s="280">
        <v>0</v>
      </c>
      <c r="BS24" s="277">
        <v>0</v>
      </c>
      <c r="BT24" s="279">
        <v>0</v>
      </c>
      <c r="BU24" s="280">
        <v>27</v>
      </c>
      <c r="BV24" s="280">
        <v>0</v>
      </c>
      <c r="BW24" s="280">
        <v>7</v>
      </c>
      <c r="BX24" s="280">
        <v>27</v>
      </c>
      <c r="BY24" s="280">
        <v>0</v>
      </c>
      <c r="BZ24" s="277">
        <v>61</v>
      </c>
      <c r="CA24" s="282">
        <v>61</v>
      </c>
      <c r="CB24" s="276">
        <v>0</v>
      </c>
      <c r="CC24" s="280">
        <v>0</v>
      </c>
      <c r="CD24" s="277">
        <v>0</v>
      </c>
      <c r="CE24" s="279">
        <v>0</v>
      </c>
      <c r="CF24" s="280">
        <v>0</v>
      </c>
      <c r="CG24" s="280">
        <v>0</v>
      </c>
      <c r="CH24" s="280">
        <v>3</v>
      </c>
      <c r="CI24" s="280">
        <v>12</v>
      </c>
      <c r="CJ24" s="280">
        <v>0</v>
      </c>
      <c r="CK24" s="277">
        <v>15</v>
      </c>
      <c r="CL24" s="282">
        <v>15</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4">
        <v>0</v>
      </c>
      <c r="F25" s="279">
        <v>0</v>
      </c>
      <c r="G25" s="280">
        <v>70</v>
      </c>
      <c r="H25" s="280">
        <v>145</v>
      </c>
      <c r="I25" s="280">
        <v>138</v>
      </c>
      <c r="J25" s="280">
        <v>116</v>
      </c>
      <c r="K25" s="280">
        <v>158</v>
      </c>
      <c r="L25" s="281">
        <v>627</v>
      </c>
      <c r="M25" s="282">
        <v>627</v>
      </c>
      <c r="N25" s="276">
        <v>0</v>
      </c>
      <c r="O25" s="280">
        <v>0</v>
      </c>
      <c r="P25" s="277">
        <v>0</v>
      </c>
      <c r="Q25" s="279">
        <v>0</v>
      </c>
      <c r="R25" s="280">
        <v>0</v>
      </c>
      <c r="S25" s="280">
        <v>4</v>
      </c>
      <c r="T25" s="280">
        <v>0</v>
      </c>
      <c r="U25" s="280">
        <v>0</v>
      </c>
      <c r="V25" s="280">
        <v>0</v>
      </c>
      <c r="W25" s="277">
        <v>4</v>
      </c>
      <c r="X25" s="282">
        <v>4</v>
      </c>
      <c r="Y25" s="276">
        <v>15</v>
      </c>
      <c r="Z25" s="280">
        <v>28</v>
      </c>
      <c r="AA25" s="277">
        <v>43</v>
      </c>
      <c r="AB25" s="279">
        <v>0</v>
      </c>
      <c r="AC25" s="280">
        <v>65</v>
      </c>
      <c r="AD25" s="280">
        <v>109</v>
      </c>
      <c r="AE25" s="280">
        <v>44</v>
      </c>
      <c r="AF25" s="280">
        <v>44</v>
      </c>
      <c r="AG25" s="280">
        <v>2</v>
      </c>
      <c r="AH25" s="277">
        <v>264</v>
      </c>
      <c r="AI25" s="282">
        <v>307</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126</v>
      </c>
      <c r="AZ25" s="280">
        <v>99</v>
      </c>
      <c r="BA25" s="280">
        <v>68</v>
      </c>
      <c r="BB25" s="280">
        <v>27</v>
      </c>
      <c r="BC25" s="280">
        <v>2</v>
      </c>
      <c r="BD25" s="281">
        <v>322</v>
      </c>
      <c r="BE25" s="282">
        <v>322</v>
      </c>
      <c r="BF25" s="276">
        <v>0</v>
      </c>
      <c r="BG25" s="280">
        <v>0</v>
      </c>
      <c r="BH25" s="277">
        <v>0</v>
      </c>
      <c r="BI25" s="279">
        <v>0</v>
      </c>
      <c r="BJ25" s="280">
        <v>21</v>
      </c>
      <c r="BK25" s="280">
        <v>19</v>
      </c>
      <c r="BL25" s="280">
        <v>25</v>
      </c>
      <c r="BM25" s="280">
        <v>32</v>
      </c>
      <c r="BN25" s="280">
        <v>13</v>
      </c>
      <c r="BO25" s="277">
        <v>110</v>
      </c>
      <c r="BP25" s="282">
        <v>110</v>
      </c>
      <c r="BQ25" s="276">
        <v>0</v>
      </c>
      <c r="BR25" s="280">
        <v>0</v>
      </c>
      <c r="BS25" s="277">
        <v>0</v>
      </c>
      <c r="BT25" s="279">
        <v>0</v>
      </c>
      <c r="BU25" s="280">
        <v>6</v>
      </c>
      <c r="BV25" s="280">
        <v>81</v>
      </c>
      <c r="BW25" s="280">
        <v>49</v>
      </c>
      <c r="BX25" s="280">
        <v>37</v>
      </c>
      <c r="BY25" s="280">
        <v>8</v>
      </c>
      <c r="BZ25" s="277">
        <v>181</v>
      </c>
      <c r="CA25" s="282">
        <v>181</v>
      </c>
      <c r="CB25" s="276">
        <v>0</v>
      </c>
      <c r="CC25" s="280">
        <v>3</v>
      </c>
      <c r="CD25" s="277">
        <v>3</v>
      </c>
      <c r="CE25" s="279">
        <v>0</v>
      </c>
      <c r="CF25" s="280">
        <v>3</v>
      </c>
      <c r="CG25" s="280">
        <v>0</v>
      </c>
      <c r="CH25" s="280">
        <v>0</v>
      </c>
      <c r="CI25" s="280">
        <v>0</v>
      </c>
      <c r="CJ25" s="280">
        <v>8</v>
      </c>
      <c r="CK25" s="277">
        <v>11</v>
      </c>
      <c r="CL25" s="282">
        <v>14</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4">
        <v>0</v>
      </c>
      <c r="F26" s="279">
        <v>0</v>
      </c>
      <c r="G26" s="280">
        <v>111</v>
      </c>
      <c r="H26" s="280">
        <v>82</v>
      </c>
      <c r="I26" s="280">
        <v>68</v>
      </c>
      <c r="J26" s="280">
        <v>54</v>
      </c>
      <c r="K26" s="280">
        <v>294</v>
      </c>
      <c r="L26" s="281">
        <v>609</v>
      </c>
      <c r="M26" s="282">
        <v>609</v>
      </c>
      <c r="N26" s="276">
        <v>0</v>
      </c>
      <c r="O26" s="280">
        <v>0</v>
      </c>
      <c r="P26" s="277">
        <v>0</v>
      </c>
      <c r="Q26" s="279">
        <v>0</v>
      </c>
      <c r="R26" s="280">
        <v>0</v>
      </c>
      <c r="S26" s="280">
        <v>3</v>
      </c>
      <c r="T26" s="280">
        <v>0</v>
      </c>
      <c r="U26" s="280">
        <v>12</v>
      </c>
      <c r="V26" s="280">
        <v>9</v>
      </c>
      <c r="W26" s="277">
        <v>24</v>
      </c>
      <c r="X26" s="282">
        <v>24</v>
      </c>
      <c r="Y26" s="276">
        <v>11</v>
      </c>
      <c r="Z26" s="280">
        <v>24</v>
      </c>
      <c r="AA26" s="277">
        <v>35</v>
      </c>
      <c r="AB26" s="279">
        <v>0</v>
      </c>
      <c r="AC26" s="280">
        <v>37</v>
      </c>
      <c r="AD26" s="280">
        <v>33</v>
      </c>
      <c r="AE26" s="280">
        <v>53</v>
      </c>
      <c r="AF26" s="280">
        <v>18</v>
      </c>
      <c r="AG26" s="280">
        <v>31</v>
      </c>
      <c r="AH26" s="277">
        <v>172</v>
      </c>
      <c r="AI26" s="282">
        <v>207</v>
      </c>
      <c r="AJ26" s="276">
        <v>0</v>
      </c>
      <c r="AK26" s="280">
        <v>0</v>
      </c>
      <c r="AL26" s="277">
        <v>0</v>
      </c>
      <c r="AM26" s="279">
        <v>0</v>
      </c>
      <c r="AN26" s="280">
        <v>9</v>
      </c>
      <c r="AO26" s="280">
        <v>28</v>
      </c>
      <c r="AP26" s="280">
        <v>0</v>
      </c>
      <c r="AQ26" s="280">
        <v>21</v>
      </c>
      <c r="AR26" s="280">
        <v>0</v>
      </c>
      <c r="AS26" s="277">
        <v>58</v>
      </c>
      <c r="AT26" s="282">
        <v>58</v>
      </c>
      <c r="AU26" s="276">
        <v>0</v>
      </c>
      <c r="AV26" s="280">
        <v>0</v>
      </c>
      <c r="AW26" s="277">
        <v>0</v>
      </c>
      <c r="AX26" s="279">
        <v>0</v>
      </c>
      <c r="AY26" s="280">
        <v>111</v>
      </c>
      <c r="AZ26" s="280">
        <v>59</v>
      </c>
      <c r="BA26" s="280">
        <v>57</v>
      </c>
      <c r="BB26" s="280">
        <v>0</v>
      </c>
      <c r="BC26" s="280">
        <v>4</v>
      </c>
      <c r="BD26" s="281">
        <v>231</v>
      </c>
      <c r="BE26" s="282">
        <v>231</v>
      </c>
      <c r="BF26" s="276">
        <v>0</v>
      </c>
      <c r="BG26" s="280">
        <v>0</v>
      </c>
      <c r="BH26" s="277">
        <v>0</v>
      </c>
      <c r="BI26" s="279">
        <v>0</v>
      </c>
      <c r="BJ26" s="280">
        <v>6</v>
      </c>
      <c r="BK26" s="280">
        <v>27</v>
      </c>
      <c r="BL26" s="280">
        <v>31</v>
      </c>
      <c r="BM26" s="280">
        <v>0</v>
      </c>
      <c r="BN26" s="280">
        <v>0</v>
      </c>
      <c r="BO26" s="277">
        <v>64</v>
      </c>
      <c r="BP26" s="282">
        <v>64</v>
      </c>
      <c r="BQ26" s="276">
        <v>0</v>
      </c>
      <c r="BR26" s="280">
        <v>0</v>
      </c>
      <c r="BS26" s="277">
        <v>0</v>
      </c>
      <c r="BT26" s="279">
        <v>0</v>
      </c>
      <c r="BU26" s="280">
        <v>9</v>
      </c>
      <c r="BV26" s="280">
        <v>20</v>
      </c>
      <c r="BW26" s="280">
        <v>9</v>
      </c>
      <c r="BX26" s="280">
        <v>0</v>
      </c>
      <c r="BY26" s="280">
        <v>0</v>
      </c>
      <c r="BZ26" s="277">
        <v>38</v>
      </c>
      <c r="CA26" s="282">
        <v>38</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4">
        <v>0</v>
      </c>
      <c r="F27" s="279">
        <v>0</v>
      </c>
      <c r="G27" s="280">
        <v>79</v>
      </c>
      <c r="H27" s="280">
        <v>38</v>
      </c>
      <c r="I27" s="280">
        <v>181</v>
      </c>
      <c r="J27" s="280">
        <v>0</v>
      </c>
      <c r="K27" s="280">
        <v>0</v>
      </c>
      <c r="L27" s="281">
        <v>298</v>
      </c>
      <c r="M27" s="282">
        <v>298</v>
      </c>
      <c r="N27" s="276">
        <v>0</v>
      </c>
      <c r="O27" s="280">
        <v>0</v>
      </c>
      <c r="P27" s="277">
        <v>0</v>
      </c>
      <c r="Q27" s="279">
        <v>0</v>
      </c>
      <c r="R27" s="280">
        <v>0</v>
      </c>
      <c r="S27" s="280">
        <v>0</v>
      </c>
      <c r="T27" s="280">
        <v>5</v>
      </c>
      <c r="U27" s="280">
        <v>0</v>
      </c>
      <c r="V27" s="280">
        <v>0</v>
      </c>
      <c r="W27" s="277">
        <v>5</v>
      </c>
      <c r="X27" s="282">
        <v>5</v>
      </c>
      <c r="Y27" s="276">
        <v>0</v>
      </c>
      <c r="Z27" s="280">
        <v>7</v>
      </c>
      <c r="AA27" s="277">
        <v>7</v>
      </c>
      <c r="AB27" s="279">
        <v>0</v>
      </c>
      <c r="AC27" s="280">
        <v>31</v>
      </c>
      <c r="AD27" s="280">
        <v>28</v>
      </c>
      <c r="AE27" s="280">
        <v>25</v>
      </c>
      <c r="AF27" s="280">
        <v>12</v>
      </c>
      <c r="AG27" s="280">
        <v>0</v>
      </c>
      <c r="AH27" s="277">
        <v>96</v>
      </c>
      <c r="AI27" s="282">
        <v>103</v>
      </c>
      <c r="AJ27" s="276">
        <v>0</v>
      </c>
      <c r="AK27" s="280">
        <v>22</v>
      </c>
      <c r="AL27" s="277">
        <v>22</v>
      </c>
      <c r="AM27" s="279">
        <v>0</v>
      </c>
      <c r="AN27" s="280">
        <v>0</v>
      </c>
      <c r="AO27" s="280">
        <v>0</v>
      </c>
      <c r="AP27" s="280">
        <v>14</v>
      </c>
      <c r="AQ27" s="280">
        <v>0</v>
      </c>
      <c r="AR27" s="280">
        <v>0</v>
      </c>
      <c r="AS27" s="277">
        <v>14</v>
      </c>
      <c r="AT27" s="282">
        <v>36</v>
      </c>
      <c r="AU27" s="276">
        <v>0</v>
      </c>
      <c r="AV27" s="280">
        <v>0</v>
      </c>
      <c r="AW27" s="277">
        <v>0</v>
      </c>
      <c r="AX27" s="279">
        <v>0</v>
      </c>
      <c r="AY27" s="280">
        <v>72</v>
      </c>
      <c r="AZ27" s="280">
        <v>22</v>
      </c>
      <c r="BA27" s="280">
        <v>12</v>
      </c>
      <c r="BB27" s="280">
        <v>29</v>
      </c>
      <c r="BC27" s="280">
        <v>0</v>
      </c>
      <c r="BD27" s="281">
        <v>135</v>
      </c>
      <c r="BE27" s="282">
        <v>135</v>
      </c>
      <c r="BF27" s="276">
        <v>0</v>
      </c>
      <c r="BG27" s="280">
        <v>0</v>
      </c>
      <c r="BH27" s="277">
        <v>0</v>
      </c>
      <c r="BI27" s="279">
        <v>0</v>
      </c>
      <c r="BJ27" s="280">
        <v>12</v>
      </c>
      <c r="BK27" s="280">
        <v>37</v>
      </c>
      <c r="BL27" s="280">
        <v>30</v>
      </c>
      <c r="BM27" s="280">
        <v>3</v>
      </c>
      <c r="BN27" s="280">
        <v>0</v>
      </c>
      <c r="BO27" s="277">
        <v>82</v>
      </c>
      <c r="BP27" s="282">
        <v>82</v>
      </c>
      <c r="BQ27" s="276">
        <v>0</v>
      </c>
      <c r="BR27" s="280">
        <v>0</v>
      </c>
      <c r="BS27" s="277">
        <v>0</v>
      </c>
      <c r="BT27" s="279">
        <v>0</v>
      </c>
      <c r="BU27" s="280">
        <v>4</v>
      </c>
      <c r="BV27" s="280">
        <v>0</v>
      </c>
      <c r="BW27" s="280">
        <v>0</v>
      </c>
      <c r="BX27" s="280">
        <v>18</v>
      </c>
      <c r="BY27" s="280">
        <v>0</v>
      </c>
      <c r="BZ27" s="277">
        <v>22</v>
      </c>
      <c r="CA27" s="282">
        <v>22</v>
      </c>
      <c r="CB27" s="276">
        <v>0</v>
      </c>
      <c r="CC27" s="280">
        <v>0</v>
      </c>
      <c r="CD27" s="277">
        <v>0</v>
      </c>
      <c r="CE27" s="279">
        <v>0</v>
      </c>
      <c r="CF27" s="280">
        <v>10</v>
      </c>
      <c r="CG27" s="280">
        <v>0</v>
      </c>
      <c r="CH27" s="280">
        <v>0</v>
      </c>
      <c r="CI27" s="280">
        <v>0</v>
      </c>
      <c r="CJ27" s="280">
        <v>0</v>
      </c>
      <c r="CK27" s="277">
        <v>10</v>
      </c>
      <c r="CL27" s="282">
        <v>10</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4">
        <v>0</v>
      </c>
      <c r="F28" s="279">
        <v>0</v>
      </c>
      <c r="G28" s="280">
        <v>116</v>
      </c>
      <c r="H28" s="280">
        <v>52</v>
      </c>
      <c r="I28" s="280">
        <v>143</v>
      </c>
      <c r="J28" s="280">
        <v>11</v>
      </c>
      <c r="K28" s="280">
        <v>0</v>
      </c>
      <c r="L28" s="281">
        <v>322</v>
      </c>
      <c r="M28" s="282">
        <v>322</v>
      </c>
      <c r="N28" s="276">
        <v>0</v>
      </c>
      <c r="O28" s="280">
        <v>0</v>
      </c>
      <c r="P28" s="277">
        <v>0</v>
      </c>
      <c r="Q28" s="279">
        <v>0</v>
      </c>
      <c r="R28" s="280">
        <v>0</v>
      </c>
      <c r="S28" s="280">
        <v>0</v>
      </c>
      <c r="T28" s="280">
        <v>0</v>
      </c>
      <c r="U28" s="280">
        <v>8</v>
      </c>
      <c r="V28" s="280">
        <v>0</v>
      </c>
      <c r="W28" s="277">
        <v>8</v>
      </c>
      <c r="X28" s="282">
        <v>8</v>
      </c>
      <c r="Y28" s="276">
        <v>0</v>
      </c>
      <c r="Z28" s="280">
        <v>0</v>
      </c>
      <c r="AA28" s="277">
        <v>0</v>
      </c>
      <c r="AB28" s="279">
        <v>0</v>
      </c>
      <c r="AC28" s="280">
        <v>13</v>
      </c>
      <c r="AD28" s="280">
        <v>16</v>
      </c>
      <c r="AE28" s="280">
        <v>15</v>
      </c>
      <c r="AF28" s="280">
        <v>15</v>
      </c>
      <c r="AG28" s="280">
        <v>4</v>
      </c>
      <c r="AH28" s="277">
        <v>63</v>
      </c>
      <c r="AI28" s="282">
        <v>63</v>
      </c>
      <c r="AJ28" s="276">
        <v>0</v>
      </c>
      <c r="AK28" s="280">
        <v>0</v>
      </c>
      <c r="AL28" s="277">
        <v>0</v>
      </c>
      <c r="AM28" s="279">
        <v>0</v>
      </c>
      <c r="AN28" s="280">
        <v>0</v>
      </c>
      <c r="AO28" s="280">
        <v>0</v>
      </c>
      <c r="AP28" s="280">
        <v>14</v>
      </c>
      <c r="AQ28" s="280">
        <v>0</v>
      </c>
      <c r="AR28" s="280">
        <v>0</v>
      </c>
      <c r="AS28" s="277">
        <v>14</v>
      </c>
      <c r="AT28" s="282">
        <v>14</v>
      </c>
      <c r="AU28" s="276">
        <v>0</v>
      </c>
      <c r="AV28" s="280">
        <v>0</v>
      </c>
      <c r="AW28" s="277">
        <v>0</v>
      </c>
      <c r="AX28" s="279">
        <v>0</v>
      </c>
      <c r="AY28" s="280">
        <v>62</v>
      </c>
      <c r="AZ28" s="280">
        <v>50</v>
      </c>
      <c r="BA28" s="280">
        <v>33</v>
      </c>
      <c r="BB28" s="280">
        <v>7</v>
      </c>
      <c r="BC28" s="280">
        <v>28</v>
      </c>
      <c r="BD28" s="281">
        <v>180</v>
      </c>
      <c r="BE28" s="282">
        <v>180</v>
      </c>
      <c r="BF28" s="276">
        <v>0</v>
      </c>
      <c r="BG28" s="280">
        <v>0</v>
      </c>
      <c r="BH28" s="277">
        <v>0</v>
      </c>
      <c r="BI28" s="279">
        <v>0</v>
      </c>
      <c r="BJ28" s="280">
        <v>8</v>
      </c>
      <c r="BK28" s="280">
        <v>34</v>
      </c>
      <c r="BL28" s="280">
        <v>8</v>
      </c>
      <c r="BM28" s="280">
        <v>0</v>
      </c>
      <c r="BN28" s="280">
        <v>0</v>
      </c>
      <c r="BO28" s="277">
        <v>50</v>
      </c>
      <c r="BP28" s="282">
        <v>50</v>
      </c>
      <c r="BQ28" s="276">
        <v>0</v>
      </c>
      <c r="BR28" s="280">
        <v>0</v>
      </c>
      <c r="BS28" s="277">
        <v>0</v>
      </c>
      <c r="BT28" s="279">
        <v>0</v>
      </c>
      <c r="BU28" s="280">
        <v>18</v>
      </c>
      <c r="BV28" s="280">
        <v>44</v>
      </c>
      <c r="BW28" s="280">
        <v>39</v>
      </c>
      <c r="BX28" s="280">
        <v>27</v>
      </c>
      <c r="BY28" s="280">
        <v>0</v>
      </c>
      <c r="BZ28" s="277">
        <v>128</v>
      </c>
      <c r="CA28" s="282">
        <v>128</v>
      </c>
      <c r="CB28" s="276">
        <v>0</v>
      </c>
      <c r="CC28" s="280">
        <v>0</v>
      </c>
      <c r="CD28" s="277">
        <v>0</v>
      </c>
      <c r="CE28" s="279">
        <v>0</v>
      </c>
      <c r="CF28" s="280">
        <v>0</v>
      </c>
      <c r="CG28" s="280">
        <v>4</v>
      </c>
      <c r="CH28" s="280">
        <v>6</v>
      </c>
      <c r="CI28" s="280">
        <v>0</v>
      </c>
      <c r="CJ28" s="280">
        <v>0</v>
      </c>
      <c r="CK28" s="277">
        <v>10</v>
      </c>
      <c r="CL28" s="282">
        <v>10</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4">
        <v>0</v>
      </c>
      <c r="F29" s="279">
        <v>0</v>
      </c>
      <c r="G29" s="280">
        <v>12</v>
      </c>
      <c r="H29" s="280">
        <v>54</v>
      </c>
      <c r="I29" s="280">
        <v>143</v>
      </c>
      <c r="J29" s="280">
        <v>146</v>
      </c>
      <c r="K29" s="280">
        <v>105</v>
      </c>
      <c r="L29" s="281">
        <v>460</v>
      </c>
      <c r="M29" s="282">
        <v>460</v>
      </c>
      <c r="N29" s="276">
        <v>0</v>
      </c>
      <c r="O29" s="280">
        <v>0</v>
      </c>
      <c r="P29" s="277">
        <v>0</v>
      </c>
      <c r="Q29" s="279">
        <v>0</v>
      </c>
      <c r="R29" s="280">
        <v>0</v>
      </c>
      <c r="S29" s="280">
        <v>0</v>
      </c>
      <c r="T29" s="280">
        <v>0</v>
      </c>
      <c r="U29" s="280">
        <v>0</v>
      </c>
      <c r="V29" s="280">
        <v>8</v>
      </c>
      <c r="W29" s="277">
        <v>8</v>
      </c>
      <c r="X29" s="282">
        <v>8</v>
      </c>
      <c r="Y29" s="276">
        <v>8</v>
      </c>
      <c r="Z29" s="280">
        <v>16</v>
      </c>
      <c r="AA29" s="277">
        <v>24</v>
      </c>
      <c r="AB29" s="279">
        <v>0</v>
      </c>
      <c r="AC29" s="280">
        <v>25</v>
      </c>
      <c r="AD29" s="280">
        <v>51</v>
      </c>
      <c r="AE29" s="280">
        <v>29</v>
      </c>
      <c r="AF29" s="280">
        <v>34</v>
      </c>
      <c r="AG29" s="280">
        <v>44</v>
      </c>
      <c r="AH29" s="277">
        <v>183</v>
      </c>
      <c r="AI29" s="282">
        <v>207</v>
      </c>
      <c r="AJ29" s="276">
        <v>0</v>
      </c>
      <c r="AK29" s="280">
        <v>0</v>
      </c>
      <c r="AL29" s="277">
        <v>0</v>
      </c>
      <c r="AM29" s="279">
        <v>0</v>
      </c>
      <c r="AN29" s="280">
        <v>0</v>
      </c>
      <c r="AO29" s="280">
        <v>9</v>
      </c>
      <c r="AP29" s="280">
        <v>0</v>
      </c>
      <c r="AQ29" s="280">
        <v>0</v>
      </c>
      <c r="AR29" s="280">
        <v>0</v>
      </c>
      <c r="AS29" s="277">
        <v>9</v>
      </c>
      <c r="AT29" s="282">
        <v>9</v>
      </c>
      <c r="AU29" s="276">
        <v>0</v>
      </c>
      <c r="AV29" s="280">
        <v>0</v>
      </c>
      <c r="AW29" s="277">
        <v>0</v>
      </c>
      <c r="AX29" s="279">
        <v>0</v>
      </c>
      <c r="AY29" s="280">
        <v>77</v>
      </c>
      <c r="AZ29" s="280">
        <v>64</v>
      </c>
      <c r="BA29" s="280">
        <v>59</v>
      </c>
      <c r="BB29" s="280">
        <v>33</v>
      </c>
      <c r="BC29" s="280">
        <v>0</v>
      </c>
      <c r="BD29" s="281">
        <v>233</v>
      </c>
      <c r="BE29" s="282">
        <v>233</v>
      </c>
      <c r="BF29" s="276">
        <v>0</v>
      </c>
      <c r="BG29" s="280">
        <v>0</v>
      </c>
      <c r="BH29" s="277">
        <v>0</v>
      </c>
      <c r="BI29" s="279">
        <v>0</v>
      </c>
      <c r="BJ29" s="280">
        <v>7</v>
      </c>
      <c r="BK29" s="280">
        <v>31</v>
      </c>
      <c r="BL29" s="280">
        <v>11</v>
      </c>
      <c r="BM29" s="280">
        <v>0</v>
      </c>
      <c r="BN29" s="280">
        <v>0</v>
      </c>
      <c r="BO29" s="277">
        <v>49</v>
      </c>
      <c r="BP29" s="282">
        <v>49</v>
      </c>
      <c r="BQ29" s="276">
        <v>0</v>
      </c>
      <c r="BR29" s="280">
        <v>0</v>
      </c>
      <c r="BS29" s="277">
        <v>0</v>
      </c>
      <c r="BT29" s="279">
        <v>0</v>
      </c>
      <c r="BU29" s="280">
        <v>0</v>
      </c>
      <c r="BV29" s="280">
        <v>9</v>
      </c>
      <c r="BW29" s="280">
        <v>7</v>
      </c>
      <c r="BX29" s="280">
        <v>4</v>
      </c>
      <c r="BY29" s="280">
        <v>3</v>
      </c>
      <c r="BZ29" s="277">
        <v>23</v>
      </c>
      <c r="CA29" s="282">
        <v>23</v>
      </c>
      <c r="CB29" s="276">
        <v>0</v>
      </c>
      <c r="CC29" s="280">
        <v>0</v>
      </c>
      <c r="CD29" s="277">
        <v>0</v>
      </c>
      <c r="CE29" s="279">
        <v>0</v>
      </c>
      <c r="CF29" s="280">
        <v>2</v>
      </c>
      <c r="CG29" s="280">
        <v>0</v>
      </c>
      <c r="CH29" s="280">
        <v>0</v>
      </c>
      <c r="CI29" s="280">
        <v>0</v>
      </c>
      <c r="CJ29" s="280">
        <v>0</v>
      </c>
      <c r="CK29" s="277">
        <v>2</v>
      </c>
      <c r="CL29" s="282">
        <v>2</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4">
        <v>0</v>
      </c>
      <c r="F30" s="279">
        <v>0</v>
      </c>
      <c r="G30" s="280">
        <v>0</v>
      </c>
      <c r="H30" s="280">
        <v>0</v>
      </c>
      <c r="I30" s="280">
        <v>0</v>
      </c>
      <c r="J30" s="280">
        <v>44</v>
      </c>
      <c r="K30" s="280">
        <v>0</v>
      </c>
      <c r="L30" s="281">
        <v>44</v>
      </c>
      <c r="M30" s="282">
        <v>44</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v>
      </c>
      <c r="AE30" s="280">
        <v>0</v>
      </c>
      <c r="AF30" s="280">
        <v>18</v>
      </c>
      <c r="AG30" s="280">
        <v>0</v>
      </c>
      <c r="AH30" s="277">
        <v>19</v>
      </c>
      <c r="AI30" s="282">
        <v>19</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26</v>
      </c>
      <c r="AZ30" s="280">
        <v>4</v>
      </c>
      <c r="BA30" s="280">
        <v>0</v>
      </c>
      <c r="BB30" s="280">
        <v>0</v>
      </c>
      <c r="BC30" s="280">
        <v>0</v>
      </c>
      <c r="BD30" s="281">
        <v>30</v>
      </c>
      <c r="BE30" s="282">
        <v>30</v>
      </c>
      <c r="BF30" s="276">
        <v>0</v>
      </c>
      <c r="BG30" s="280">
        <v>0</v>
      </c>
      <c r="BH30" s="277">
        <v>0</v>
      </c>
      <c r="BI30" s="279">
        <v>0</v>
      </c>
      <c r="BJ30" s="280">
        <v>0</v>
      </c>
      <c r="BK30" s="280">
        <v>0</v>
      </c>
      <c r="BL30" s="280">
        <v>4</v>
      </c>
      <c r="BM30" s="280">
        <v>0</v>
      </c>
      <c r="BN30" s="280">
        <v>0</v>
      </c>
      <c r="BO30" s="277">
        <v>4</v>
      </c>
      <c r="BP30" s="282">
        <v>4</v>
      </c>
      <c r="BQ30" s="276">
        <v>0</v>
      </c>
      <c r="BR30" s="280">
        <v>0</v>
      </c>
      <c r="BS30" s="277">
        <v>0</v>
      </c>
      <c r="BT30" s="279">
        <v>0</v>
      </c>
      <c r="BU30" s="280">
        <v>0</v>
      </c>
      <c r="BV30" s="280">
        <v>0</v>
      </c>
      <c r="BW30" s="280">
        <v>7</v>
      </c>
      <c r="BX30" s="280">
        <v>0</v>
      </c>
      <c r="BY30" s="280">
        <v>16</v>
      </c>
      <c r="BZ30" s="277">
        <v>23</v>
      </c>
      <c r="CA30" s="282">
        <v>23</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4">
        <v>0</v>
      </c>
      <c r="F31" s="279">
        <v>0</v>
      </c>
      <c r="G31" s="280">
        <v>0</v>
      </c>
      <c r="H31" s="280">
        <v>24</v>
      </c>
      <c r="I31" s="280">
        <v>0</v>
      </c>
      <c r="J31" s="280">
        <v>0</v>
      </c>
      <c r="K31" s="280">
        <v>0</v>
      </c>
      <c r="L31" s="281">
        <v>24</v>
      </c>
      <c r="M31" s="282">
        <v>24</v>
      </c>
      <c r="N31" s="276">
        <v>0</v>
      </c>
      <c r="O31" s="280">
        <v>0</v>
      </c>
      <c r="P31" s="277">
        <v>0</v>
      </c>
      <c r="Q31" s="279">
        <v>0</v>
      </c>
      <c r="R31" s="280">
        <v>0</v>
      </c>
      <c r="S31" s="280">
        <v>0</v>
      </c>
      <c r="T31" s="280">
        <v>0</v>
      </c>
      <c r="U31" s="280">
        <v>0</v>
      </c>
      <c r="V31" s="280">
        <v>6</v>
      </c>
      <c r="W31" s="277">
        <v>6</v>
      </c>
      <c r="X31" s="282">
        <v>6</v>
      </c>
      <c r="Y31" s="276">
        <v>0</v>
      </c>
      <c r="Z31" s="280">
        <v>2</v>
      </c>
      <c r="AA31" s="277">
        <v>2</v>
      </c>
      <c r="AB31" s="279">
        <v>0</v>
      </c>
      <c r="AC31" s="280">
        <v>0</v>
      </c>
      <c r="AD31" s="280">
        <v>4</v>
      </c>
      <c r="AE31" s="280">
        <v>0</v>
      </c>
      <c r="AF31" s="280">
        <v>0</v>
      </c>
      <c r="AG31" s="280">
        <v>0</v>
      </c>
      <c r="AH31" s="277">
        <v>4</v>
      </c>
      <c r="AI31" s="282">
        <v>6</v>
      </c>
      <c r="AJ31" s="276">
        <v>0</v>
      </c>
      <c r="AK31" s="280">
        <v>0</v>
      </c>
      <c r="AL31" s="277">
        <v>0</v>
      </c>
      <c r="AM31" s="279">
        <v>0</v>
      </c>
      <c r="AN31" s="280">
        <v>0</v>
      </c>
      <c r="AO31" s="280">
        <v>12</v>
      </c>
      <c r="AP31" s="280">
        <v>0</v>
      </c>
      <c r="AQ31" s="280">
        <v>0</v>
      </c>
      <c r="AR31" s="280">
        <v>0</v>
      </c>
      <c r="AS31" s="277">
        <v>12</v>
      </c>
      <c r="AT31" s="282">
        <v>12</v>
      </c>
      <c r="AU31" s="276">
        <v>0</v>
      </c>
      <c r="AV31" s="280">
        <v>0</v>
      </c>
      <c r="AW31" s="277">
        <v>0</v>
      </c>
      <c r="AX31" s="279">
        <v>0</v>
      </c>
      <c r="AY31" s="280">
        <v>38</v>
      </c>
      <c r="AZ31" s="280">
        <v>52</v>
      </c>
      <c r="BA31" s="280">
        <v>0</v>
      </c>
      <c r="BB31" s="280">
        <v>8</v>
      </c>
      <c r="BC31" s="280">
        <v>0</v>
      </c>
      <c r="BD31" s="281">
        <v>98</v>
      </c>
      <c r="BE31" s="282">
        <v>98</v>
      </c>
      <c r="BF31" s="276">
        <v>0</v>
      </c>
      <c r="BG31" s="280">
        <v>0</v>
      </c>
      <c r="BH31" s="277">
        <v>0</v>
      </c>
      <c r="BI31" s="279">
        <v>0</v>
      </c>
      <c r="BJ31" s="280">
        <v>13</v>
      </c>
      <c r="BK31" s="280">
        <v>0</v>
      </c>
      <c r="BL31" s="280">
        <v>0</v>
      </c>
      <c r="BM31" s="280">
        <v>0</v>
      </c>
      <c r="BN31" s="280">
        <v>0</v>
      </c>
      <c r="BO31" s="277">
        <v>13</v>
      </c>
      <c r="BP31" s="282">
        <v>13</v>
      </c>
      <c r="BQ31" s="276">
        <v>0</v>
      </c>
      <c r="BR31" s="280">
        <v>0</v>
      </c>
      <c r="BS31" s="277">
        <v>0</v>
      </c>
      <c r="BT31" s="279">
        <v>0</v>
      </c>
      <c r="BU31" s="280">
        <v>0</v>
      </c>
      <c r="BV31" s="280">
        <v>13</v>
      </c>
      <c r="BW31" s="280">
        <v>0</v>
      </c>
      <c r="BX31" s="280">
        <v>0</v>
      </c>
      <c r="BY31" s="280">
        <v>8</v>
      </c>
      <c r="BZ31" s="277">
        <v>21</v>
      </c>
      <c r="CA31" s="282">
        <v>21</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4">
        <v>0</v>
      </c>
      <c r="F32" s="279">
        <v>0</v>
      </c>
      <c r="G32" s="280">
        <v>10</v>
      </c>
      <c r="H32" s="280">
        <v>8</v>
      </c>
      <c r="I32" s="280">
        <v>8</v>
      </c>
      <c r="J32" s="280">
        <v>11</v>
      </c>
      <c r="K32" s="280">
        <v>117</v>
      </c>
      <c r="L32" s="281">
        <v>154</v>
      </c>
      <c r="M32" s="282">
        <v>154</v>
      </c>
      <c r="N32" s="276">
        <v>0</v>
      </c>
      <c r="O32" s="280">
        <v>0</v>
      </c>
      <c r="P32" s="277">
        <v>0</v>
      </c>
      <c r="Q32" s="279">
        <v>0</v>
      </c>
      <c r="R32" s="280">
        <v>0</v>
      </c>
      <c r="S32" s="280">
        <v>0</v>
      </c>
      <c r="T32" s="280">
        <v>0</v>
      </c>
      <c r="U32" s="280">
        <v>0</v>
      </c>
      <c r="V32" s="280">
        <v>0</v>
      </c>
      <c r="W32" s="277">
        <v>0</v>
      </c>
      <c r="X32" s="282">
        <v>0</v>
      </c>
      <c r="Y32" s="276">
        <v>0</v>
      </c>
      <c r="Z32" s="280">
        <v>8</v>
      </c>
      <c r="AA32" s="277">
        <v>8</v>
      </c>
      <c r="AB32" s="279">
        <v>0</v>
      </c>
      <c r="AC32" s="280">
        <v>0</v>
      </c>
      <c r="AD32" s="280">
        <v>0</v>
      </c>
      <c r="AE32" s="280">
        <v>3</v>
      </c>
      <c r="AF32" s="280">
        <v>7</v>
      </c>
      <c r="AG32" s="280">
        <v>2</v>
      </c>
      <c r="AH32" s="277">
        <v>12</v>
      </c>
      <c r="AI32" s="282">
        <v>20</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7</v>
      </c>
      <c r="AZ32" s="280">
        <v>0</v>
      </c>
      <c r="BA32" s="280">
        <v>0</v>
      </c>
      <c r="BB32" s="280">
        <v>10</v>
      </c>
      <c r="BC32" s="280">
        <v>0</v>
      </c>
      <c r="BD32" s="281">
        <v>17</v>
      </c>
      <c r="BE32" s="282">
        <v>17</v>
      </c>
      <c r="BF32" s="276">
        <v>0</v>
      </c>
      <c r="BG32" s="280">
        <v>0</v>
      </c>
      <c r="BH32" s="277">
        <v>0</v>
      </c>
      <c r="BI32" s="279">
        <v>0</v>
      </c>
      <c r="BJ32" s="280">
        <v>0</v>
      </c>
      <c r="BK32" s="280">
        <v>0</v>
      </c>
      <c r="BL32" s="280">
        <v>9</v>
      </c>
      <c r="BM32" s="280">
        <v>0</v>
      </c>
      <c r="BN32" s="280">
        <v>0</v>
      </c>
      <c r="BO32" s="277">
        <v>9</v>
      </c>
      <c r="BP32" s="282">
        <v>9</v>
      </c>
      <c r="BQ32" s="276">
        <v>0</v>
      </c>
      <c r="BR32" s="280">
        <v>0</v>
      </c>
      <c r="BS32" s="277">
        <v>0</v>
      </c>
      <c r="BT32" s="279">
        <v>0</v>
      </c>
      <c r="BU32" s="280">
        <v>0</v>
      </c>
      <c r="BV32" s="280">
        <v>0</v>
      </c>
      <c r="BW32" s="280">
        <v>4</v>
      </c>
      <c r="BX32" s="280">
        <v>4</v>
      </c>
      <c r="BY32" s="280">
        <v>0</v>
      </c>
      <c r="BZ32" s="277">
        <v>8</v>
      </c>
      <c r="CA32" s="282">
        <v>8</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4">
        <v>0</v>
      </c>
      <c r="F33" s="279">
        <v>0</v>
      </c>
      <c r="G33" s="280">
        <v>4</v>
      </c>
      <c r="H33" s="280">
        <v>0</v>
      </c>
      <c r="I33" s="280">
        <v>14</v>
      </c>
      <c r="J33" s="280">
        <v>0</v>
      </c>
      <c r="K33" s="280">
        <v>0</v>
      </c>
      <c r="L33" s="281">
        <v>18</v>
      </c>
      <c r="M33" s="282">
        <v>18</v>
      </c>
      <c r="N33" s="276">
        <v>0</v>
      </c>
      <c r="O33" s="280">
        <v>0</v>
      </c>
      <c r="P33" s="277">
        <v>0</v>
      </c>
      <c r="Q33" s="279">
        <v>0</v>
      </c>
      <c r="R33" s="280">
        <v>0</v>
      </c>
      <c r="S33" s="280">
        <v>4</v>
      </c>
      <c r="T33" s="280">
        <v>8</v>
      </c>
      <c r="U33" s="280">
        <v>0</v>
      </c>
      <c r="V33" s="280">
        <v>0</v>
      </c>
      <c r="W33" s="277">
        <v>12</v>
      </c>
      <c r="X33" s="282">
        <v>12</v>
      </c>
      <c r="Y33" s="276">
        <v>1</v>
      </c>
      <c r="Z33" s="280">
        <v>0</v>
      </c>
      <c r="AA33" s="277">
        <v>1</v>
      </c>
      <c r="AB33" s="279">
        <v>0</v>
      </c>
      <c r="AC33" s="280">
        <v>0</v>
      </c>
      <c r="AD33" s="280">
        <v>0</v>
      </c>
      <c r="AE33" s="280">
        <v>10</v>
      </c>
      <c r="AF33" s="280">
        <v>8</v>
      </c>
      <c r="AG33" s="280">
        <v>0</v>
      </c>
      <c r="AH33" s="277">
        <v>18</v>
      </c>
      <c r="AI33" s="282">
        <v>19</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24</v>
      </c>
      <c r="AZ33" s="280">
        <v>23</v>
      </c>
      <c r="BA33" s="280">
        <v>4</v>
      </c>
      <c r="BB33" s="280">
        <v>4</v>
      </c>
      <c r="BC33" s="280">
        <v>0</v>
      </c>
      <c r="BD33" s="281">
        <v>55</v>
      </c>
      <c r="BE33" s="282">
        <v>55</v>
      </c>
      <c r="BF33" s="276">
        <v>0</v>
      </c>
      <c r="BG33" s="280">
        <v>0</v>
      </c>
      <c r="BH33" s="277">
        <v>0</v>
      </c>
      <c r="BI33" s="279">
        <v>0</v>
      </c>
      <c r="BJ33" s="280">
        <v>5</v>
      </c>
      <c r="BK33" s="280">
        <v>7</v>
      </c>
      <c r="BL33" s="280">
        <v>7</v>
      </c>
      <c r="BM33" s="280">
        <v>0</v>
      </c>
      <c r="BN33" s="280">
        <v>0</v>
      </c>
      <c r="BO33" s="277">
        <v>19</v>
      </c>
      <c r="BP33" s="282">
        <v>19</v>
      </c>
      <c r="BQ33" s="276">
        <v>0</v>
      </c>
      <c r="BR33" s="280">
        <v>0</v>
      </c>
      <c r="BS33" s="277">
        <v>0</v>
      </c>
      <c r="BT33" s="279">
        <v>0</v>
      </c>
      <c r="BU33" s="280">
        <v>0</v>
      </c>
      <c r="BV33" s="280">
        <v>18</v>
      </c>
      <c r="BW33" s="280">
        <v>5</v>
      </c>
      <c r="BX33" s="280">
        <v>3</v>
      </c>
      <c r="BY33" s="280">
        <v>33</v>
      </c>
      <c r="BZ33" s="277">
        <v>59</v>
      </c>
      <c r="CA33" s="282">
        <v>59</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4">
        <v>0</v>
      </c>
      <c r="F34" s="279">
        <v>0</v>
      </c>
      <c r="G34" s="280">
        <v>8</v>
      </c>
      <c r="H34" s="280">
        <v>36</v>
      </c>
      <c r="I34" s="280">
        <v>40</v>
      </c>
      <c r="J34" s="280">
        <v>120</v>
      </c>
      <c r="K34" s="280">
        <v>80</v>
      </c>
      <c r="L34" s="281">
        <v>284</v>
      </c>
      <c r="M34" s="282">
        <v>284</v>
      </c>
      <c r="N34" s="276">
        <v>0</v>
      </c>
      <c r="O34" s="280">
        <v>0</v>
      </c>
      <c r="P34" s="277">
        <v>0</v>
      </c>
      <c r="Q34" s="279">
        <v>0</v>
      </c>
      <c r="R34" s="280">
        <v>0</v>
      </c>
      <c r="S34" s="280">
        <v>0</v>
      </c>
      <c r="T34" s="280">
        <v>0</v>
      </c>
      <c r="U34" s="280">
        <v>0</v>
      </c>
      <c r="V34" s="280">
        <v>4</v>
      </c>
      <c r="W34" s="277">
        <v>4</v>
      </c>
      <c r="X34" s="282">
        <v>4</v>
      </c>
      <c r="Y34" s="276">
        <v>0</v>
      </c>
      <c r="Z34" s="280">
        <v>2</v>
      </c>
      <c r="AA34" s="277">
        <v>2</v>
      </c>
      <c r="AB34" s="279">
        <v>0</v>
      </c>
      <c r="AC34" s="280">
        <v>3</v>
      </c>
      <c r="AD34" s="280">
        <v>16</v>
      </c>
      <c r="AE34" s="280">
        <v>12</v>
      </c>
      <c r="AF34" s="280">
        <v>0</v>
      </c>
      <c r="AG34" s="280">
        <v>0</v>
      </c>
      <c r="AH34" s="277">
        <v>31</v>
      </c>
      <c r="AI34" s="282">
        <v>33</v>
      </c>
      <c r="AJ34" s="276">
        <v>0</v>
      </c>
      <c r="AK34" s="280">
        <v>0</v>
      </c>
      <c r="AL34" s="277">
        <v>0</v>
      </c>
      <c r="AM34" s="279">
        <v>0</v>
      </c>
      <c r="AN34" s="280">
        <v>0</v>
      </c>
      <c r="AO34" s="280">
        <v>15</v>
      </c>
      <c r="AP34" s="280">
        <v>0</v>
      </c>
      <c r="AQ34" s="280">
        <v>0</v>
      </c>
      <c r="AR34" s="280">
        <v>0</v>
      </c>
      <c r="AS34" s="277">
        <v>15</v>
      </c>
      <c r="AT34" s="282">
        <v>15</v>
      </c>
      <c r="AU34" s="276">
        <v>0</v>
      </c>
      <c r="AV34" s="280">
        <v>0</v>
      </c>
      <c r="AW34" s="277">
        <v>0</v>
      </c>
      <c r="AX34" s="279">
        <v>0</v>
      </c>
      <c r="AY34" s="280">
        <v>23</v>
      </c>
      <c r="AZ34" s="280">
        <v>20</v>
      </c>
      <c r="BA34" s="280">
        <v>38</v>
      </c>
      <c r="BB34" s="280">
        <v>0</v>
      </c>
      <c r="BC34" s="280">
        <v>12</v>
      </c>
      <c r="BD34" s="281">
        <v>93</v>
      </c>
      <c r="BE34" s="282">
        <v>93</v>
      </c>
      <c r="BF34" s="276">
        <v>0</v>
      </c>
      <c r="BG34" s="280">
        <v>0</v>
      </c>
      <c r="BH34" s="277">
        <v>0</v>
      </c>
      <c r="BI34" s="279">
        <v>0</v>
      </c>
      <c r="BJ34" s="280">
        <v>19</v>
      </c>
      <c r="BK34" s="280">
        <v>8</v>
      </c>
      <c r="BL34" s="280">
        <v>0</v>
      </c>
      <c r="BM34" s="280">
        <v>0</v>
      </c>
      <c r="BN34" s="280">
        <v>4</v>
      </c>
      <c r="BO34" s="277">
        <v>31</v>
      </c>
      <c r="BP34" s="282">
        <v>31</v>
      </c>
      <c r="BQ34" s="276">
        <v>0</v>
      </c>
      <c r="BR34" s="280">
        <v>0</v>
      </c>
      <c r="BS34" s="277">
        <v>0</v>
      </c>
      <c r="BT34" s="279">
        <v>0</v>
      </c>
      <c r="BU34" s="280">
        <v>0</v>
      </c>
      <c r="BV34" s="280">
        <v>0</v>
      </c>
      <c r="BW34" s="280">
        <v>0</v>
      </c>
      <c r="BX34" s="280">
        <v>0</v>
      </c>
      <c r="BY34" s="280">
        <v>7</v>
      </c>
      <c r="BZ34" s="277">
        <v>7</v>
      </c>
      <c r="CA34" s="282">
        <v>7</v>
      </c>
      <c r="CB34" s="276">
        <v>0</v>
      </c>
      <c r="CC34" s="280">
        <v>0</v>
      </c>
      <c r="CD34" s="277">
        <v>0</v>
      </c>
      <c r="CE34" s="279">
        <v>0</v>
      </c>
      <c r="CF34" s="280">
        <v>0</v>
      </c>
      <c r="CG34" s="280">
        <v>0</v>
      </c>
      <c r="CH34" s="280">
        <v>0</v>
      </c>
      <c r="CI34" s="280">
        <v>15</v>
      </c>
      <c r="CJ34" s="280">
        <v>0</v>
      </c>
      <c r="CK34" s="277">
        <v>15</v>
      </c>
      <c r="CL34" s="282">
        <v>15</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4">
        <v>0</v>
      </c>
      <c r="F35" s="279">
        <v>0</v>
      </c>
      <c r="G35" s="280">
        <v>7</v>
      </c>
      <c r="H35" s="280">
        <v>0</v>
      </c>
      <c r="I35" s="280">
        <v>0</v>
      </c>
      <c r="J35" s="280">
        <v>0</v>
      </c>
      <c r="K35" s="280">
        <v>8</v>
      </c>
      <c r="L35" s="281">
        <v>15</v>
      </c>
      <c r="M35" s="282">
        <v>15</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4</v>
      </c>
      <c r="AD35" s="280">
        <v>3</v>
      </c>
      <c r="AE35" s="280">
        <v>0</v>
      </c>
      <c r="AF35" s="280">
        <v>0</v>
      </c>
      <c r="AG35" s="280">
        <v>3</v>
      </c>
      <c r="AH35" s="277">
        <v>10</v>
      </c>
      <c r="AI35" s="282">
        <v>10</v>
      </c>
      <c r="AJ35" s="276">
        <v>30</v>
      </c>
      <c r="AK35" s="280">
        <v>12</v>
      </c>
      <c r="AL35" s="277">
        <v>42</v>
      </c>
      <c r="AM35" s="279">
        <v>0</v>
      </c>
      <c r="AN35" s="280">
        <v>12</v>
      </c>
      <c r="AO35" s="280">
        <v>0</v>
      </c>
      <c r="AP35" s="280">
        <v>9</v>
      </c>
      <c r="AQ35" s="280">
        <v>0</v>
      </c>
      <c r="AR35" s="280">
        <v>16</v>
      </c>
      <c r="AS35" s="277">
        <v>37</v>
      </c>
      <c r="AT35" s="282">
        <v>79</v>
      </c>
      <c r="AU35" s="276">
        <v>0</v>
      </c>
      <c r="AV35" s="280">
        <v>0</v>
      </c>
      <c r="AW35" s="277">
        <v>0</v>
      </c>
      <c r="AX35" s="279">
        <v>0</v>
      </c>
      <c r="AY35" s="280">
        <v>4</v>
      </c>
      <c r="AZ35" s="280">
        <v>0</v>
      </c>
      <c r="BA35" s="280">
        <v>0</v>
      </c>
      <c r="BB35" s="280">
        <v>0</v>
      </c>
      <c r="BC35" s="280">
        <v>0</v>
      </c>
      <c r="BD35" s="281">
        <v>4</v>
      </c>
      <c r="BE35" s="282">
        <v>4</v>
      </c>
      <c r="BF35" s="276">
        <v>0</v>
      </c>
      <c r="BG35" s="280">
        <v>0</v>
      </c>
      <c r="BH35" s="277">
        <v>0</v>
      </c>
      <c r="BI35" s="279">
        <v>0</v>
      </c>
      <c r="BJ35" s="280">
        <v>6</v>
      </c>
      <c r="BK35" s="280">
        <v>6</v>
      </c>
      <c r="BL35" s="280">
        <v>0</v>
      </c>
      <c r="BM35" s="280">
        <v>0</v>
      </c>
      <c r="BN35" s="280">
        <v>0</v>
      </c>
      <c r="BO35" s="277">
        <v>12</v>
      </c>
      <c r="BP35" s="282">
        <v>12</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4">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v>
      </c>
      <c r="AD36" s="280">
        <v>0</v>
      </c>
      <c r="AE36" s="280">
        <v>0</v>
      </c>
      <c r="AF36" s="280">
        <v>0</v>
      </c>
      <c r="AG36" s="280">
        <v>0</v>
      </c>
      <c r="AH36" s="277">
        <v>1</v>
      </c>
      <c r="AI36" s="282">
        <v>1</v>
      </c>
      <c r="AJ36" s="276">
        <v>0</v>
      </c>
      <c r="AK36" s="280">
        <v>0</v>
      </c>
      <c r="AL36" s="277">
        <v>0</v>
      </c>
      <c r="AM36" s="279">
        <v>0</v>
      </c>
      <c r="AN36" s="280">
        <v>0</v>
      </c>
      <c r="AO36" s="280">
        <v>22</v>
      </c>
      <c r="AP36" s="280">
        <v>0</v>
      </c>
      <c r="AQ36" s="280">
        <v>0</v>
      </c>
      <c r="AR36" s="280">
        <v>0</v>
      </c>
      <c r="AS36" s="277">
        <v>22</v>
      </c>
      <c r="AT36" s="282">
        <v>22</v>
      </c>
      <c r="AU36" s="276">
        <v>0</v>
      </c>
      <c r="AV36" s="280">
        <v>0</v>
      </c>
      <c r="AW36" s="277">
        <v>0</v>
      </c>
      <c r="AX36" s="279">
        <v>0</v>
      </c>
      <c r="AY36" s="280">
        <v>0</v>
      </c>
      <c r="AZ36" s="280">
        <v>0</v>
      </c>
      <c r="BA36" s="280">
        <v>0</v>
      </c>
      <c r="BB36" s="280">
        <v>4</v>
      </c>
      <c r="BC36" s="280">
        <v>0</v>
      </c>
      <c r="BD36" s="281">
        <v>4</v>
      </c>
      <c r="BE36" s="282">
        <v>4</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4">
        <v>0</v>
      </c>
      <c r="F37" s="279">
        <v>0</v>
      </c>
      <c r="G37" s="280">
        <v>89</v>
      </c>
      <c r="H37" s="280">
        <v>11</v>
      </c>
      <c r="I37" s="280">
        <v>0</v>
      </c>
      <c r="J37" s="280">
        <v>25</v>
      </c>
      <c r="K37" s="280">
        <v>81</v>
      </c>
      <c r="L37" s="281">
        <v>206</v>
      </c>
      <c r="M37" s="282">
        <v>206</v>
      </c>
      <c r="N37" s="276">
        <v>0</v>
      </c>
      <c r="O37" s="280">
        <v>0</v>
      </c>
      <c r="P37" s="277">
        <v>0</v>
      </c>
      <c r="Q37" s="279">
        <v>0</v>
      </c>
      <c r="R37" s="280">
        <v>0</v>
      </c>
      <c r="S37" s="280">
        <v>0</v>
      </c>
      <c r="T37" s="280">
        <v>7</v>
      </c>
      <c r="U37" s="280">
        <v>0</v>
      </c>
      <c r="V37" s="280">
        <v>12</v>
      </c>
      <c r="W37" s="277">
        <v>19</v>
      </c>
      <c r="X37" s="282">
        <v>19</v>
      </c>
      <c r="Y37" s="276">
        <v>9</v>
      </c>
      <c r="Z37" s="280">
        <v>0</v>
      </c>
      <c r="AA37" s="277">
        <v>9</v>
      </c>
      <c r="AB37" s="279">
        <v>0</v>
      </c>
      <c r="AC37" s="280">
        <v>12</v>
      </c>
      <c r="AD37" s="280">
        <v>8</v>
      </c>
      <c r="AE37" s="280">
        <v>0</v>
      </c>
      <c r="AF37" s="280">
        <v>12</v>
      </c>
      <c r="AG37" s="280">
        <v>37</v>
      </c>
      <c r="AH37" s="277">
        <v>69</v>
      </c>
      <c r="AI37" s="282">
        <v>78</v>
      </c>
      <c r="AJ37" s="276">
        <v>6</v>
      </c>
      <c r="AK37" s="280">
        <v>0</v>
      </c>
      <c r="AL37" s="277">
        <v>6</v>
      </c>
      <c r="AM37" s="279">
        <v>0</v>
      </c>
      <c r="AN37" s="280">
        <v>12</v>
      </c>
      <c r="AO37" s="280">
        <v>0</v>
      </c>
      <c r="AP37" s="280">
        <v>8</v>
      </c>
      <c r="AQ37" s="280">
        <v>30</v>
      </c>
      <c r="AR37" s="280">
        <v>0</v>
      </c>
      <c r="AS37" s="277">
        <v>50</v>
      </c>
      <c r="AT37" s="282">
        <v>56</v>
      </c>
      <c r="AU37" s="276">
        <v>0</v>
      </c>
      <c r="AV37" s="280">
        <v>0</v>
      </c>
      <c r="AW37" s="277">
        <v>0</v>
      </c>
      <c r="AX37" s="279">
        <v>0</v>
      </c>
      <c r="AY37" s="280">
        <v>70</v>
      </c>
      <c r="AZ37" s="280">
        <v>50</v>
      </c>
      <c r="BA37" s="280">
        <v>11</v>
      </c>
      <c r="BB37" s="280">
        <v>0</v>
      </c>
      <c r="BC37" s="280">
        <v>0</v>
      </c>
      <c r="BD37" s="281">
        <v>131</v>
      </c>
      <c r="BE37" s="282">
        <v>131</v>
      </c>
      <c r="BF37" s="276">
        <v>0</v>
      </c>
      <c r="BG37" s="280">
        <v>0</v>
      </c>
      <c r="BH37" s="277">
        <v>0</v>
      </c>
      <c r="BI37" s="279">
        <v>0</v>
      </c>
      <c r="BJ37" s="280">
        <v>14</v>
      </c>
      <c r="BK37" s="280">
        <v>0</v>
      </c>
      <c r="BL37" s="280">
        <v>0</v>
      </c>
      <c r="BM37" s="280">
        <v>0</v>
      </c>
      <c r="BN37" s="280">
        <v>0</v>
      </c>
      <c r="BO37" s="277">
        <v>14</v>
      </c>
      <c r="BP37" s="282">
        <v>14</v>
      </c>
      <c r="BQ37" s="276">
        <v>0</v>
      </c>
      <c r="BR37" s="280">
        <v>0</v>
      </c>
      <c r="BS37" s="277">
        <v>0</v>
      </c>
      <c r="BT37" s="279">
        <v>0</v>
      </c>
      <c r="BU37" s="280">
        <v>0</v>
      </c>
      <c r="BV37" s="280">
        <v>8</v>
      </c>
      <c r="BW37" s="280">
        <v>0</v>
      </c>
      <c r="BX37" s="280">
        <v>0</v>
      </c>
      <c r="BY37" s="280">
        <v>0</v>
      </c>
      <c r="BZ37" s="277">
        <v>8</v>
      </c>
      <c r="CA37" s="282">
        <v>8</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4">
        <v>0</v>
      </c>
      <c r="F38" s="279">
        <v>0</v>
      </c>
      <c r="G38" s="280">
        <v>27</v>
      </c>
      <c r="H38" s="280">
        <v>60</v>
      </c>
      <c r="I38" s="280">
        <v>13</v>
      </c>
      <c r="J38" s="280">
        <v>0</v>
      </c>
      <c r="K38" s="280">
        <v>85</v>
      </c>
      <c r="L38" s="281">
        <v>185</v>
      </c>
      <c r="M38" s="282">
        <v>185</v>
      </c>
      <c r="N38" s="276">
        <v>0</v>
      </c>
      <c r="O38" s="280">
        <v>0</v>
      </c>
      <c r="P38" s="277">
        <v>0</v>
      </c>
      <c r="Q38" s="279">
        <v>0</v>
      </c>
      <c r="R38" s="280">
        <v>4</v>
      </c>
      <c r="S38" s="280">
        <v>0</v>
      </c>
      <c r="T38" s="280">
        <v>0</v>
      </c>
      <c r="U38" s="280">
        <v>0</v>
      </c>
      <c r="V38" s="280">
        <v>0</v>
      </c>
      <c r="W38" s="277">
        <v>4</v>
      </c>
      <c r="X38" s="282">
        <v>4</v>
      </c>
      <c r="Y38" s="276">
        <v>0</v>
      </c>
      <c r="Z38" s="280">
        <v>8</v>
      </c>
      <c r="AA38" s="277">
        <v>8</v>
      </c>
      <c r="AB38" s="279">
        <v>0</v>
      </c>
      <c r="AC38" s="280">
        <v>30</v>
      </c>
      <c r="AD38" s="280">
        <v>0</v>
      </c>
      <c r="AE38" s="280">
        <v>0</v>
      </c>
      <c r="AF38" s="280">
        <v>0</v>
      </c>
      <c r="AG38" s="280">
        <v>28</v>
      </c>
      <c r="AH38" s="277">
        <v>58</v>
      </c>
      <c r="AI38" s="282">
        <v>66</v>
      </c>
      <c r="AJ38" s="276">
        <v>0</v>
      </c>
      <c r="AK38" s="280">
        <v>14</v>
      </c>
      <c r="AL38" s="277">
        <v>14</v>
      </c>
      <c r="AM38" s="279">
        <v>0</v>
      </c>
      <c r="AN38" s="280">
        <v>0</v>
      </c>
      <c r="AO38" s="280">
        <v>8</v>
      </c>
      <c r="AP38" s="280">
        <v>0</v>
      </c>
      <c r="AQ38" s="280">
        <v>0</v>
      </c>
      <c r="AR38" s="280">
        <v>0</v>
      </c>
      <c r="AS38" s="277">
        <v>8</v>
      </c>
      <c r="AT38" s="282">
        <v>22</v>
      </c>
      <c r="AU38" s="276">
        <v>0</v>
      </c>
      <c r="AV38" s="280">
        <v>0</v>
      </c>
      <c r="AW38" s="277">
        <v>0</v>
      </c>
      <c r="AX38" s="279">
        <v>0</v>
      </c>
      <c r="AY38" s="280">
        <v>20</v>
      </c>
      <c r="AZ38" s="280">
        <v>16</v>
      </c>
      <c r="BA38" s="280">
        <v>17</v>
      </c>
      <c r="BB38" s="280">
        <v>0</v>
      </c>
      <c r="BC38" s="280">
        <v>0</v>
      </c>
      <c r="BD38" s="281">
        <v>53</v>
      </c>
      <c r="BE38" s="282">
        <v>53</v>
      </c>
      <c r="BF38" s="276">
        <v>0</v>
      </c>
      <c r="BG38" s="280">
        <v>0</v>
      </c>
      <c r="BH38" s="277">
        <v>0</v>
      </c>
      <c r="BI38" s="279">
        <v>0</v>
      </c>
      <c r="BJ38" s="280">
        <v>8</v>
      </c>
      <c r="BK38" s="280">
        <v>0</v>
      </c>
      <c r="BL38" s="280">
        <v>3</v>
      </c>
      <c r="BM38" s="280">
        <v>7</v>
      </c>
      <c r="BN38" s="280">
        <v>0</v>
      </c>
      <c r="BO38" s="277">
        <v>18</v>
      </c>
      <c r="BP38" s="282">
        <v>18</v>
      </c>
      <c r="BQ38" s="276">
        <v>0</v>
      </c>
      <c r="BR38" s="280">
        <v>0</v>
      </c>
      <c r="BS38" s="277">
        <v>0</v>
      </c>
      <c r="BT38" s="279">
        <v>0</v>
      </c>
      <c r="BU38" s="280">
        <v>0</v>
      </c>
      <c r="BV38" s="280">
        <v>2</v>
      </c>
      <c r="BW38" s="280">
        <v>2</v>
      </c>
      <c r="BX38" s="280">
        <v>0</v>
      </c>
      <c r="BY38" s="280">
        <v>0</v>
      </c>
      <c r="BZ38" s="277">
        <v>4</v>
      </c>
      <c r="CA38" s="282">
        <v>4</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14</v>
      </c>
      <c r="BA39" s="287">
        <v>0</v>
      </c>
      <c r="BB39" s="287">
        <v>0</v>
      </c>
      <c r="BC39" s="287">
        <v>0</v>
      </c>
      <c r="BD39" s="288">
        <v>14</v>
      </c>
      <c r="BE39" s="289">
        <v>14</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7.55468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4">
        <f>第１表!F2</f>
        <v>5</v>
      </c>
      <c r="K1" s="524"/>
      <c r="L1" s="248">
        <f>第１表!G2</f>
        <v>4</v>
      </c>
      <c r="M1" s="529">
        <f>IF(L1&lt;3,L1+12-2,L1-2)</f>
        <v>2</v>
      </c>
      <c r="N1" s="529"/>
    </row>
    <row r="2" spans="2:112" ht="24" customHeight="1" thickBot="1" x14ac:dyDescent="0.25">
      <c r="B2" s="290" t="s">
        <v>154</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61</v>
      </c>
      <c r="CN3" s="547"/>
      <c r="CO3" s="547"/>
      <c r="CP3" s="547"/>
      <c r="CQ3" s="547"/>
      <c r="CR3" s="547"/>
      <c r="CS3" s="547"/>
      <c r="CT3" s="547"/>
      <c r="CU3" s="547"/>
      <c r="CV3" s="547"/>
      <c r="CW3" s="548"/>
      <c r="CX3" s="546" t="s">
        <v>157</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65" t="s">
        <v>44</v>
      </c>
      <c r="E5" s="266"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50" t="s">
        <v>43</v>
      </c>
      <c r="Z5" s="259" t="s">
        <v>44</v>
      </c>
      <c r="AA5" s="268" t="s">
        <v>45</v>
      </c>
      <c r="AB5" s="267" t="s">
        <v>83</v>
      </c>
      <c r="AC5" s="259" t="s">
        <v>47</v>
      </c>
      <c r="AD5" s="259" t="s">
        <v>48</v>
      </c>
      <c r="AE5" s="259" t="s">
        <v>49</v>
      </c>
      <c r="AF5" s="259" t="s">
        <v>50</v>
      </c>
      <c r="AG5" s="259" t="s">
        <v>51</v>
      </c>
      <c r="AH5" s="265" t="s">
        <v>45</v>
      </c>
      <c r="AI5" s="531"/>
      <c r="AJ5" s="350" t="s">
        <v>43</v>
      </c>
      <c r="AK5" s="259" t="s">
        <v>44</v>
      </c>
      <c r="AL5" s="265" t="s">
        <v>45</v>
      </c>
      <c r="AM5" s="267" t="s">
        <v>83</v>
      </c>
      <c r="AN5" s="259" t="s">
        <v>47</v>
      </c>
      <c r="AO5" s="259" t="s">
        <v>48</v>
      </c>
      <c r="AP5" s="259" t="s">
        <v>49</v>
      </c>
      <c r="AQ5" s="259" t="s">
        <v>50</v>
      </c>
      <c r="AR5" s="259" t="s">
        <v>51</v>
      </c>
      <c r="AS5" s="265" t="s">
        <v>45</v>
      </c>
      <c r="AT5" s="531"/>
      <c r="AU5" s="350" t="s">
        <v>43</v>
      </c>
      <c r="AV5" s="259" t="s">
        <v>44</v>
      </c>
      <c r="AW5" s="268" t="s">
        <v>45</v>
      </c>
      <c r="AX5" s="267" t="s">
        <v>83</v>
      </c>
      <c r="AY5" s="259" t="s">
        <v>47</v>
      </c>
      <c r="AZ5" s="259" t="s">
        <v>48</v>
      </c>
      <c r="BA5" s="259" t="s">
        <v>49</v>
      </c>
      <c r="BB5" s="259" t="s">
        <v>50</v>
      </c>
      <c r="BC5" s="259" t="s">
        <v>51</v>
      </c>
      <c r="BD5" s="268" t="s">
        <v>45</v>
      </c>
      <c r="BE5" s="531"/>
      <c r="BF5" s="350" t="s">
        <v>43</v>
      </c>
      <c r="BG5" s="259" t="s">
        <v>44</v>
      </c>
      <c r="BH5" s="265" t="s">
        <v>45</v>
      </c>
      <c r="BI5" s="267" t="s">
        <v>83</v>
      </c>
      <c r="BJ5" s="259" t="s">
        <v>47</v>
      </c>
      <c r="BK5" s="259" t="s">
        <v>48</v>
      </c>
      <c r="BL5" s="259" t="s">
        <v>49</v>
      </c>
      <c r="BM5" s="259" t="s">
        <v>50</v>
      </c>
      <c r="BN5" s="259" t="s">
        <v>51</v>
      </c>
      <c r="BO5" s="265" t="s">
        <v>45</v>
      </c>
      <c r="BP5" s="531"/>
      <c r="BQ5" s="350" t="s">
        <v>43</v>
      </c>
      <c r="BR5" s="259" t="s">
        <v>44</v>
      </c>
      <c r="BS5" s="265" t="s">
        <v>45</v>
      </c>
      <c r="BT5" s="267" t="s">
        <v>83</v>
      </c>
      <c r="BU5" s="259" t="s">
        <v>47</v>
      </c>
      <c r="BV5" s="259" t="s">
        <v>48</v>
      </c>
      <c r="BW5" s="259" t="s">
        <v>49</v>
      </c>
      <c r="BX5" s="259" t="s">
        <v>50</v>
      </c>
      <c r="BY5" s="259" t="s">
        <v>51</v>
      </c>
      <c r="BZ5" s="265" t="s">
        <v>45</v>
      </c>
      <c r="CA5" s="531"/>
      <c r="CB5" s="350" t="s">
        <v>43</v>
      </c>
      <c r="CC5" s="259" t="s">
        <v>44</v>
      </c>
      <c r="CD5" s="265" t="s">
        <v>45</v>
      </c>
      <c r="CE5" s="267" t="s">
        <v>83</v>
      </c>
      <c r="CF5" s="259" t="s">
        <v>47</v>
      </c>
      <c r="CG5" s="259" t="s">
        <v>48</v>
      </c>
      <c r="CH5" s="259" t="s">
        <v>49</v>
      </c>
      <c r="CI5" s="259" t="s">
        <v>50</v>
      </c>
      <c r="CJ5" s="259" t="s">
        <v>51</v>
      </c>
      <c r="CK5" s="265" t="s">
        <v>45</v>
      </c>
      <c r="CL5" s="531"/>
      <c r="CM5" s="365" t="s">
        <v>43</v>
      </c>
      <c r="CN5" s="259" t="s">
        <v>44</v>
      </c>
      <c r="CO5" s="265" t="s">
        <v>45</v>
      </c>
      <c r="CP5" s="267" t="s">
        <v>83</v>
      </c>
      <c r="CQ5" s="259" t="s">
        <v>47</v>
      </c>
      <c r="CR5" s="259" t="s">
        <v>48</v>
      </c>
      <c r="CS5" s="259" t="s">
        <v>49</v>
      </c>
      <c r="CT5" s="259" t="s">
        <v>50</v>
      </c>
      <c r="CU5" s="259" t="s">
        <v>51</v>
      </c>
      <c r="CV5" s="265" t="s">
        <v>45</v>
      </c>
      <c r="CW5" s="531"/>
      <c r="CX5" s="365"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0</v>
      </c>
      <c r="D6" s="270">
        <v>0</v>
      </c>
      <c r="E6" s="271">
        <v>0</v>
      </c>
      <c r="F6" s="272">
        <v>0</v>
      </c>
      <c r="G6" s="273">
        <v>11129</v>
      </c>
      <c r="H6" s="273">
        <v>16195</v>
      </c>
      <c r="I6" s="273">
        <v>18177</v>
      </c>
      <c r="J6" s="273">
        <v>22929</v>
      </c>
      <c r="K6" s="273">
        <v>18877</v>
      </c>
      <c r="L6" s="274">
        <v>87307</v>
      </c>
      <c r="M6" s="275">
        <v>87307</v>
      </c>
      <c r="N6" s="269">
        <v>4</v>
      </c>
      <c r="O6" s="273">
        <v>4</v>
      </c>
      <c r="P6" s="270">
        <v>8</v>
      </c>
      <c r="Q6" s="272">
        <v>0</v>
      </c>
      <c r="R6" s="273">
        <v>49</v>
      </c>
      <c r="S6" s="273">
        <v>134</v>
      </c>
      <c r="T6" s="273">
        <v>283</v>
      </c>
      <c r="U6" s="273">
        <v>683</v>
      </c>
      <c r="V6" s="273">
        <v>1177</v>
      </c>
      <c r="W6" s="270">
        <v>2326</v>
      </c>
      <c r="X6" s="275">
        <v>2334</v>
      </c>
      <c r="Y6" s="269">
        <v>1278</v>
      </c>
      <c r="Z6" s="273">
        <v>2935</v>
      </c>
      <c r="AA6" s="270">
        <v>4213</v>
      </c>
      <c r="AB6" s="272">
        <v>0</v>
      </c>
      <c r="AC6" s="273">
        <v>7744</v>
      </c>
      <c r="AD6" s="273">
        <v>12325</v>
      </c>
      <c r="AE6" s="273">
        <v>7491</v>
      </c>
      <c r="AF6" s="273">
        <v>6872</v>
      </c>
      <c r="AG6" s="273">
        <v>5152</v>
      </c>
      <c r="AH6" s="270">
        <v>39584</v>
      </c>
      <c r="AI6" s="275">
        <v>43797</v>
      </c>
      <c r="AJ6" s="269">
        <v>166</v>
      </c>
      <c r="AK6" s="273">
        <v>648</v>
      </c>
      <c r="AL6" s="270">
        <v>814</v>
      </c>
      <c r="AM6" s="272">
        <v>0</v>
      </c>
      <c r="AN6" s="273">
        <v>1214</v>
      </c>
      <c r="AO6" s="273">
        <v>1749</v>
      </c>
      <c r="AP6" s="273">
        <v>1129</v>
      </c>
      <c r="AQ6" s="273">
        <v>1271</v>
      </c>
      <c r="AR6" s="273">
        <v>664</v>
      </c>
      <c r="AS6" s="270">
        <v>6027</v>
      </c>
      <c r="AT6" s="275">
        <v>6841</v>
      </c>
      <c r="AU6" s="269">
        <v>0</v>
      </c>
      <c r="AV6" s="273">
        <v>0</v>
      </c>
      <c r="AW6" s="270">
        <v>0</v>
      </c>
      <c r="AX6" s="272">
        <v>0</v>
      </c>
      <c r="AY6" s="273">
        <v>9863</v>
      </c>
      <c r="AZ6" s="273">
        <v>9291</v>
      </c>
      <c r="BA6" s="273">
        <v>5050</v>
      </c>
      <c r="BB6" s="273">
        <v>2906</v>
      </c>
      <c r="BC6" s="273">
        <v>1192</v>
      </c>
      <c r="BD6" s="274">
        <v>28302</v>
      </c>
      <c r="BE6" s="275">
        <v>28302</v>
      </c>
      <c r="BF6" s="269">
        <v>0</v>
      </c>
      <c r="BG6" s="273">
        <v>0</v>
      </c>
      <c r="BH6" s="270">
        <v>0</v>
      </c>
      <c r="BI6" s="272">
        <v>0</v>
      </c>
      <c r="BJ6" s="273">
        <v>1940</v>
      </c>
      <c r="BK6" s="273">
        <v>3102</v>
      </c>
      <c r="BL6" s="273">
        <v>1917</v>
      </c>
      <c r="BM6" s="273">
        <v>1371</v>
      </c>
      <c r="BN6" s="273">
        <v>531</v>
      </c>
      <c r="BO6" s="270">
        <v>8861</v>
      </c>
      <c r="BP6" s="275">
        <v>8861</v>
      </c>
      <c r="BQ6" s="269">
        <v>12</v>
      </c>
      <c r="BR6" s="273">
        <v>78</v>
      </c>
      <c r="BS6" s="270">
        <v>90</v>
      </c>
      <c r="BT6" s="272">
        <v>0</v>
      </c>
      <c r="BU6" s="273">
        <v>926</v>
      </c>
      <c r="BV6" s="273">
        <v>1640</v>
      </c>
      <c r="BW6" s="273">
        <v>2652</v>
      </c>
      <c r="BX6" s="273">
        <v>2106</v>
      </c>
      <c r="BY6" s="273">
        <v>1073</v>
      </c>
      <c r="BZ6" s="270">
        <v>8397</v>
      </c>
      <c r="CA6" s="275">
        <v>8487</v>
      </c>
      <c r="CB6" s="269">
        <v>7</v>
      </c>
      <c r="CC6" s="273">
        <v>9</v>
      </c>
      <c r="CD6" s="270">
        <v>16</v>
      </c>
      <c r="CE6" s="272">
        <v>0</v>
      </c>
      <c r="CF6" s="273">
        <v>74</v>
      </c>
      <c r="CG6" s="273">
        <v>340</v>
      </c>
      <c r="CH6" s="273">
        <v>304</v>
      </c>
      <c r="CI6" s="273">
        <v>246</v>
      </c>
      <c r="CJ6" s="273">
        <v>218</v>
      </c>
      <c r="CK6" s="270">
        <v>1182</v>
      </c>
      <c r="CL6" s="275">
        <v>1198</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77">
        <v>0</v>
      </c>
      <c r="E7" s="278">
        <v>0</v>
      </c>
      <c r="F7" s="279">
        <v>0</v>
      </c>
      <c r="G7" s="280">
        <v>4064</v>
      </c>
      <c r="H7" s="280">
        <v>8493</v>
      </c>
      <c r="I7" s="280">
        <v>6959</v>
      </c>
      <c r="J7" s="280">
        <v>9663</v>
      </c>
      <c r="K7" s="280">
        <v>6803</v>
      </c>
      <c r="L7" s="281">
        <v>35982</v>
      </c>
      <c r="M7" s="282">
        <v>35982</v>
      </c>
      <c r="N7" s="276">
        <v>4</v>
      </c>
      <c r="O7" s="280">
        <v>4</v>
      </c>
      <c r="P7" s="277">
        <v>8</v>
      </c>
      <c r="Q7" s="279">
        <v>0</v>
      </c>
      <c r="R7" s="280">
        <v>6</v>
      </c>
      <c r="S7" s="280">
        <v>43</v>
      </c>
      <c r="T7" s="280">
        <v>142</v>
      </c>
      <c r="U7" s="280">
        <v>259</v>
      </c>
      <c r="V7" s="280">
        <v>487</v>
      </c>
      <c r="W7" s="277">
        <v>937</v>
      </c>
      <c r="X7" s="282">
        <v>945</v>
      </c>
      <c r="Y7" s="276">
        <v>672</v>
      </c>
      <c r="Z7" s="280">
        <v>1446</v>
      </c>
      <c r="AA7" s="277">
        <v>2118</v>
      </c>
      <c r="AB7" s="279">
        <v>0</v>
      </c>
      <c r="AC7" s="280">
        <v>3169</v>
      </c>
      <c r="AD7" s="280">
        <v>7106</v>
      </c>
      <c r="AE7" s="280">
        <v>3684</v>
      </c>
      <c r="AF7" s="280">
        <v>3109</v>
      </c>
      <c r="AG7" s="280">
        <v>2268</v>
      </c>
      <c r="AH7" s="277">
        <v>19336</v>
      </c>
      <c r="AI7" s="282">
        <v>21454</v>
      </c>
      <c r="AJ7" s="276">
        <v>54</v>
      </c>
      <c r="AK7" s="280">
        <v>454</v>
      </c>
      <c r="AL7" s="277">
        <v>508</v>
      </c>
      <c r="AM7" s="279">
        <v>0</v>
      </c>
      <c r="AN7" s="280">
        <v>356</v>
      </c>
      <c r="AO7" s="280">
        <v>835</v>
      </c>
      <c r="AP7" s="280">
        <v>454</v>
      </c>
      <c r="AQ7" s="280">
        <v>627</v>
      </c>
      <c r="AR7" s="280">
        <v>282</v>
      </c>
      <c r="AS7" s="277">
        <v>2554</v>
      </c>
      <c r="AT7" s="282">
        <v>3062</v>
      </c>
      <c r="AU7" s="276">
        <v>0</v>
      </c>
      <c r="AV7" s="280">
        <v>0</v>
      </c>
      <c r="AW7" s="277">
        <v>0</v>
      </c>
      <c r="AX7" s="279">
        <v>0</v>
      </c>
      <c r="AY7" s="280">
        <v>3297</v>
      </c>
      <c r="AZ7" s="280">
        <v>3703</v>
      </c>
      <c r="BA7" s="280">
        <v>2035</v>
      </c>
      <c r="BB7" s="280">
        <v>1070</v>
      </c>
      <c r="BC7" s="280">
        <v>396</v>
      </c>
      <c r="BD7" s="281">
        <v>10501</v>
      </c>
      <c r="BE7" s="282">
        <v>10501</v>
      </c>
      <c r="BF7" s="276">
        <v>0</v>
      </c>
      <c r="BG7" s="280">
        <v>0</v>
      </c>
      <c r="BH7" s="277">
        <v>0</v>
      </c>
      <c r="BI7" s="279">
        <v>0</v>
      </c>
      <c r="BJ7" s="280">
        <v>657</v>
      </c>
      <c r="BK7" s="280">
        <v>1439</v>
      </c>
      <c r="BL7" s="280">
        <v>821</v>
      </c>
      <c r="BM7" s="280">
        <v>588</v>
      </c>
      <c r="BN7" s="280">
        <v>285</v>
      </c>
      <c r="BO7" s="277">
        <v>3790</v>
      </c>
      <c r="BP7" s="282">
        <v>3790</v>
      </c>
      <c r="BQ7" s="276">
        <v>6</v>
      </c>
      <c r="BR7" s="280">
        <v>34</v>
      </c>
      <c r="BS7" s="277">
        <v>40</v>
      </c>
      <c r="BT7" s="279">
        <v>0</v>
      </c>
      <c r="BU7" s="280">
        <v>365</v>
      </c>
      <c r="BV7" s="280">
        <v>781</v>
      </c>
      <c r="BW7" s="280">
        <v>1103</v>
      </c>
      <c r="BX7" s="280">
        <v>763</v>
      </c>
      <c r="BY7" s="280">
        <v>419</v>
      </c>
      <c r="BZ7" s="277">
        <v>3431</v>
      </c>
      <c r="CA7" s="282">
        <v>3471</v>
      </c>
      <c r="CB7" s="276">
        <v>7</v>
      </c>
      <c r="CC7" s="280">
        <v>9</v>
      </c>
      <c r="CD7" s="277">
        <v>16</v>
      </c>
      <c r="CE7" s="279">
        <v>0</v>
      </c>
      <c r="CF7" s="280">
        <v>31</v>
      </c>
      <c r="CG7" s="280">
        <v>183</v>
      </c>
      <c r="CH7" s="280">
        <v>178</v>
      </c>
      <c r="CI7" s="280">
        <v>159</v>
      </c>
      <c r="CJ7" s="280">
        <v>135</v>
      </c>
      <c r="CK7" s="277">
        <v>686</v>
      </c>
      <c r="CL7" s="282">
        <v>702</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77">
        <v>0</v>
      </c>
      <c r="E8" s="278">
        <v>0</v>
      </c>
      <c r="F8" s="279">
        <v>0</v>
      </c>
      <c r="G8" s="280">
        <v>2124</v>
      </c>
      <c r="H8" s="280">
        <v>2009</v>
      </c>
      <c r="I8" s="280">
        <v>2887</v>
      </c>
      <c r="J8" s="280">
        <v>3932</v>
      </c>
      <c r="K8" s="280">
        <v>3493</v>
      </c>
      <c r="L8" s="281">
        <v>14445</v>
      </c>
      <c r="M8" s="282">
        <v>14445</v>
      </c>
      <c r="N8" s="276">
        <v>0</v>
      </c>
      <c r="O8" s="280">
        <v>0</v>
      </c>
      <c r="P8" s="277">
        <v>0</v>
      </c>
      <c r="Q8" s="279">
        <v>0</v>
      </c>
      <c r="R8" s="280">
        <v>12</v>
      </c>
      <c r="S8" s="280">
        <v>24</v>
      </c>
      <c r="T8" s="280">
        <v>45</v>
      </c>
      <c r="U8" s="280">
        <v>147</v>
      </c>
      <c r="V8" s="280">
        <v>149</v>
      </c>
      <c r="W8" s="277">
        <v>377</v>
      </c>
      <c r="X8" s="282">
        <v>377</v>
      </c>
      <c r="Y8" s="276">
        <v>210</v>
      </c>
      <c r="Z8" s="280">
        <v>662</v>
      </c>
      <c r="AA8" s="277">
        <v>872</v>
      </c>
      <c r="AB8" s="279">
        <v>0</v>
      </c>
      <c r="AC8" s="280">
        <v>2165</v>
      </c>
      <c r="AD8" s="280">
        <v>1796</v>
      </c>
      <c r="AE8" s="280">
        <v>1502</v>
      </c>
      <c r="AF8" s="280">
        <v>1543</v>
      </c>
      <c r="AG8" s="280">
        <v>794</v>
      </c>
      <c r="AH8" s="277">
        <v>7800</v>
      </c>
      <c r="AI8" s="282">
        <v>8672</v>
      </c>
      <c r="AJ8" s="276">
        <v>28</v>
      </c>
      <c r="AK8" s="280">
        <v>0</v>
      </c>
      <c r="AL8" s="277">
        <v>28</v>
      </c>
      <c r="AM8" s="279">
        <v>0</v>
      </c>
      <c r="AN8" s="280">
        <v>192</v>
      </c>
      <c r="AO8" s="280">
        <v>172</v>
      </c>
      <c r="AP8" s="280">
        <v>329</v>
      </c>
      <c r="AQ8" s="280">
        <v>172</v>
      </c>
      <c r="AR8" s="280">
        <v>121</v>
      </c>
      <c r="AS8" s="277">
        <v>986</v>
      </c>
      <c r="AT8" s="282">
        <v>1014</v>
      </c>
      <c r="AU8" s="276">
        <v>0</v>
      </c>
      <c r="AV8" s="280">
        <v>0</v>
      </c>
      <c r="AW8" s="277">
        <v>0</v>
      </c>
      <c r="AX8" s="279">
        <v>0</v>
      </c>
      <c r="AY8" s="280">
        <v>1943</v>
      </c>
      <c r="AZ8" s="280">
        <v>1327</v>
      </c>
      <c r="BA8" s="280">
        <v>735</v>
      </c>
      <c r="BB8" s="280">
        <v>523</v>
      </c>
      <c r="BC8" s="280">
        <v>245</v>
      </c>
      <c r="BD8" s="281">
        <v>4773</v>
      </c>
      <c r="BE8" s="282">
        <v>4773</v>
      </c>
      <c r="BF8" s="276">
        <v>0</v>
      </c>
      <c r="BG8" s="280">
        <v>0</v>
      </c>
      <c r="BH8" s="277">
        <v>0</v>
      </c>
      <c r="BI8" s="279">
        <v>0</v>
      </c>
      <c r="BJ8" s="280">
        <v>304</v>
      </c>
      <c r="BK8" s="280">
        <v>380</v>
      </c>
      <c r="BL8" s="280">
        <v>298</v>
      </c>
      <c r="BM8" s="280">
        <v>256</v>
      </c>
      <c r="BN8" s="280">
        <v>54</v>
      </c>
      <c r="BO8" s="277">
        <v>1292</v>
      </c>
      <c r="BP8" s="282">
        <v>1292</v>
      </c>
      <c r="BQ8" s="276">
        <v>0</v>
      </c>
      <c r="BR8" s="280">
        <v>3</v>
      </c>
      <c r="BS8" s="277">
        <v>3</v>
      </c>
      <c r="BT8" s="279">
        <v>0</v>
      </c>
      <c r="BU8" s="280">
        <v>134</v>
      </c>
      <c r="BV8" s="280">
        <v>156</v>
      </c>
      <c r="BW8" s="280">
        <v>338</v>
      </c>
      <c r="BX8" s="280">
        <v>346</v>
      </c>
      <c r="BY8" s="280">
        <v>185</v>
      </c>
      <c r="BZ8" s="277">
        <v>1159</v>
      </c>
      <c r="CA8" s="282">
        <v>1162</v>
      </c>
      <c r="CB8" s="276">
        <v>0</v>
      </c>
      <c r="CC8" s="280">
        <v>0</v>
      </c>
      <c r="CD8" s="277">
        <v>0</v>
      </c>
      <c r="CE8" s="279">
        <v>0</v>
      </c>
      <c r="CF8" s="280">
        <v>23</v>
      </c>
      <c r="CG8" s="280">
        <v>66</v>
      </c>
      <c r="CH8" s="280">
        <v>57</v>
      </c>
      <c r="CI8" s="280">
        <v>24</v>
      </c>
      <c r="CJ8" s="280">
        <v>38</v>
      </c>
      <c r="CK8" s="277">
        <v>208</v>
      </c>
      <c r="CL8" s="282">
        <v>208</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77">
        <v>0</v>
      </c>
      <c r="E9" s="278">
        <v>0</v>
      </c>
      <c r="F9" s="279">
        <v>0</v>
      </c>
      <c r="G9" s="280">
        <v>437</v>
      </c>
      <c r="H9" s="280">
        <v>901</v>
      </c>
      <c r="I9" s="280">
        <v>1199</v>
      </c>
      <c r="J9" s="280">
        <v>1503</v>
      </c>
      <c r="K9" s="280">
        <v>1141</v>
      </c>
      <c r="L9" s="281">
        <v>5181</v>
      </c>
      <c r="M9" s="282">
        <v>5181</v>
      </c>
      <c r="N9" s="276">
        <v>0</v>
      </c>
      <c r="O9" s="280">
        <v>0</v>
      </c>
      <c r="P9" s="277">
        <v>0</v>
      </c>
      <c r="Q9" s="279">
        <v>0</v>
      </c>
      <c r="R9" s="280">
        <v>1</v>
      </c>
      <c r="S9" s="280">
        <v>12</v>
      </c>
      <c r="T9" s="280">
        <v>16</v>
      </c>
      <c r="U9" s="280">
        <v>46</v>
      </c>
      <c r="V9" s="280">
        <v>105</v>
      </c>
      <c r="W9" s="277">
        <v>180</v>
      </c>
      <c r="X9" s="282">
        <v>180</v>
      </c>
      <c r="Y9" s="276">
        <v>39</v>
      </c>
      <c r="Z9" s="280">
        <v>167</v>
      </c>
      <c r="AA9" s="277">
        <v>206</v>
      </c>
      <c r="AB9" s="279">
        <v>0</v>
      </c>
      <c r="AC9" s="280">
        <v>234</v>
      </c>
      <c r="AD9" s="280">
        <v>840</v>
      </c>
      <c r="AE9" s="280">
        <v>463</v>
      </c>
      <c r="AF9" s="280">
        <v>479</v>
      </c>
      <c r="AG9" s="280">
        <v>362</v>
      </c>
      <c r="AH9" s="277">
        <v>2378</v>
      </c>
      <c r="AI9" s="282">
        <v>2584</v>
      </c>
      <c r="AJ9" s="276">
        <v>0</v>
      </c>
      <c r="AK9" s="280">
        <v>40</v>
      </c>
      <c r="AL9" s="277">
        <v>40</v>
      </c>
      <c r="AM9" s="279">
        <v>0</v>
      </c>
      <c r="AN9" s="280">
        <v>30</v>
      </c>
      <c r="AO9" s="280">
        <v>82</v>
      </c>
      <c r="AP9" s="280">
        <v>66</v>
      </c>
      <c r="AQ9" s="280">
        <v>28</v>
      </c>
      <c r="AR9" s="280">
        <v>6</v>
      </c>
      <c r="AS9" s="277">
        <v>212</v>
      </c>
      <c r="AT9" s="282">
        <v>252</v>
      </c>
      <c r="AU9" s="276">
        <v>0</v>
      </c>
      <c r="AV9" s="280">
        <v>0</v>
      </c>
      <c r="AW9" s="277">
        <v>0</v>
      </c>
      <c r="AX9" s="279">
        <v>0</v>
      </c>
      <c r="AY9" s="280">
        <v>684</v>
      </c>
      <c r="AZ9" s="280">
        <v>834</v>
      </c>
      <c r="BA9" s="280">
        <v>536</v>
      </c>
      <c r="BB9" s="280">
        <v>205</v>
      </c>
      <c r="BC9" s="280">
        <v>106</v>
      </c>
      <c r="BD9" s="281">
        <v>2365</v>
      </c>
      <c r="BE9" s="282">
        <v>2365</v>
      </c>
      <c r="BF9" s="276">
        <v>0</v>
      </c>
      <c r="BG9" s="280">
        <v>0</v>
      </c>
      <c r="BH9" s="277">
        <v>0</v>
      </c>
      <c r="BI9" s="279">
        <v>0</v>
      </c>
      <c r="BJ9" s="280">
        <v>62</v>
      </c>
      <c r="BK9" s="280">
        <v>140</v>
      </c>
      <c r="BL9" s="280">
        <v>79</v>
      </c>
      <c r="BM9" s="280">
        <v>68</v>
      </c>
      <c r="BN9" s="280">
        <v>5</v>
      </c>
      <c r="BO9" s="277">
        <v>354</v>
      </c>
      <c r="BP9" s="282">
        <v>354</v>
      </c>
      <c r="BQ9" s="276">
        <v>0</v>
      </c>
      <c r="BR9" s="280">
        <v>6</v>
      </c>
      <c r="BS9" s="277">
        <v>6</v>
      </c>
      <c r="BT9" s="279">
        <v>0</v>
      </c>
      <c r="BU9" s="280">
        <v>99</v>
      </c>
      <c r="BV9" s="280">
        <v>167</v>
      </c>
      <c r="BW9" s="280">
        <v>245</v>
      </c>
      <c r="BX9" s="280">
        <v>158</v>
      </c>
      <c r="BY9" s="280">
        <v>84</v>
      </c>
      <c r="BZ9" s="277">
        <v>753</v>
      </c>
      <c r="CA9" s="282">
        <v>759</v>
      </c>
      <c r="CB9" s="276">
        <v>0</v>
      </c>
      <c r="CC9" s="280">
        <v>0</v>
      </c>
      <c r="CD9" s="277">
        <v>0</v>
      </c>
      <c r="CE9" s="279">
        <v>0</v>
      </c>
      <c r="CF9" s="280">
        <v>0</v>
      </c>
      <c r="CG9" s="280">
        <v>17</v>
      </c>
      <c r="CH9" s="280">
        <v>6</v>
      </c>
      <c r="CI9" s="280">
        <v>0</v>
      </c>
      <c r="CJ9" s="280">
        <v>0</v>
      </c>
      <c r="CK9" s="277">
        <v>23</v>
      </c>
      <c r="CL9" s="282">
        <v>23</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77">
        <v>0</v>
      </c>
      <c r="E10" s="278">
        <v>0</v>
      </c>
      <c r="F10" s="279">
        <v>0</v>
      </c>
      <c r="G10" s="280">
        <v>769</v>
      </c>
      <c r="H10" s="280">
        <v>513</v>
      </c>
      <c r="I10" s="280">
        <v>680</v>
      </c>
      <c r="J10" s="280">
        <v>625</v>
      </c>
      <c r="K10" s="280">
        <v>510</v>
      </c>
      <c r="L10" s="281">
        <v>3097</v>
      </c>
      <c r="M10" s="282">
        <v>3097</v>
      </c>
      <c r="N10" s="276">
        <v>0</v>
      </c>
      <c r="O10" s="280">
        <v>0</v>
      </c>
      <c r="P10" s="277">
        <v>0</v>
      </c>
      <c r="Q10" s="279">
        <v>0</v>
      </c>
      <c r="R10" s="280">
        <v>4</v>
      </c>
      <c r="S10" s="280">
        <v>20</v>
      </c>
      <c r="T10" s="280">
        <v>4</v>
      </c>
      <c r="U10" s="280">
        <v>16</v>
      </c>
      <c r="V10" s="280">
        <v>46</v>
      </c>
      <c r="W10" s="277">
        <v>90</v>
      </c>
      <c r="X10" s="282">
        <v>90</v>
      </c>
      <c r="Y10" s="276">
        <v>5</v>
      </c>
      <c r="Z10" s="280">
        <v>0</v>
      </c>
      <c r="AA10" s="277">
        <v>5</v>
      </c>
      <c r="AB10" s="279">
        <v>0</v>
      </c>
      <c r="AC10" s="280">
        <v>198</v>
      </c>
      <c r="AD10" s="280">
        <v>262</v>
      </c>
      <c r="AE10" s="280">
        <v>199</v>
      </c>
      <c r="AF10" s="280">
        <v>191</v>
      </c>
      <c r="AG10" s="280">
        <v>163</v>
      </c>
      <c r="AH10" s="277">
        <v>1013</v>
      </c>
      <c r="AI10" s="282">
        <v>1018</v>
      </c>
      <c r="AJ10" s="276">
        <v>8</v>
      </c>
      <c r="AK10" s="280">
        <v>0</v>
      </c>
      <c r="AL10" s="277">
        <v>8</v>
      </c>
      <c r="AM10" s="279">
        <v>0</v>
      </c>
      <c r="AN10" s="280">
        <v>46</v>
      </c>
      <c r="AO10" s="280">
        <v>64</v>
      </c>
      <c r="AP10" s="280">
        <v>16</v>
      </c>
      <c r="AQ10" s="280">
        <v>27</v>
      </c>
      <c r="AR10" s="280">
        <v>24</v>
      </c>
      <c r="AS10" s="277">
        <v>177</v>
      </c>
      <c r="AT10" s="282">
        <v>185</v>
      </c>
      <c r="AU10" s="276">
        <v>0</v>
      </c>
      <c r="AV10" s="280">
        <v>0</v>
      </c>
      <c r="AW10" s="277">
        <v>0</v>
      </c>
      <c r="AX10" s="279">
        <v>0</v>
      </c>
      <c r="AY10" s="280">
        <v>523</v>
      </c>
      <c r="AZ10" s="280">
        <v>268</v>
      </c>
      <c r="BA10" s="280">
        <v>175</v>
      </c>
      <c r="BB10" s="280">
        <v>69</v>
      </c>
      <c r="BC10" s="280">
        <v>29</v>
      </c>
      <c r="BD10" s="281">
        <v>1064</v>
      </c>
      <c r="BE10" s="282">
        <v>1064</v>
      </c>
      <c r="BF10" s="276">
        <v>0</v>
      </c>
      <c r="BG10" s="280">
        <v>0</v>
      </c>
      <c r="BH10" s="277">
        <v>0</v>
      </c>
      <c r="BI10" s="279">
        <v>0</v>
      </c>
      <c r="BJ10" s="280">
        <v>126</v>
      </c>
      <c r="BK10" s="280">
        <v>51</v>
      </c>
      <c r="BL10" s="280">
        <v>36</v>
      </c>
      <c r="BM10" s="280">
        <v>32</v>
      </c>
      <c r="BN10" s="280">
        <v>21</v>
      </c>
      <c r="BO10" s="277">
        <v>266</v>
      </c>
      <c r="BP10" s="282">
        <v>266</v>
      </c>
      <c r="BQ10" s="276">
        <v>0</v>
      </c>
      <c r="BR10" s="280">
        <v>0</v>
      </c>
      <c r="BS10" s="277">
        <v>0</v>
      </c>
      <c r="BT10" s="279">
        <v>0</v>
      </c>
      <c r="BU10" s="280">
        <v>36</v>
      </c>
      <c r="BV10" s="280">
        <v>106</v>
      </c>
      <c r="BW10" s="280">
        <v>88</v>
      </c>
      <c r="BX10" s="280">
        <v>70</v>
      </c>
      <c r="BY10" s="280">
        <v>25</v>
      </c>
      <c r="BZ10" s="277">
        <v>325</v>
      </c>
      <c r="CA10" s="282">
        <v>325</v>
      </c>
      <c r="CB10" s="276">
        <v>0</v>
      </c>
      <c r="CC10" s="280">
        <v>0</v>
      </c>
      <c r="CD10" s="277">
        <v>0</v>
      </c>
      <c r="CE10" s="279">
        <v>0</v>
      </c>
      <c r="CF10" s="280">
        <v>0</v>
      </c>
      <c r="CG10" s="280">
        <v>28</v>
      </c>
      <c r="CH10" s="280">
        <v>0</v>
      </c>
      <c r="CI10" s="280">
        <v>27</v>
      </c>
      <c r="CJ10" s="280">
        <v>0</v>
      </c>
      <c r="CK10" s="277">
        <v>55</v>
      </c>
      <c r="CL10" s="282">
        <v>55</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77">
        <v>0</v>
      </c>
      <c r="E11" s="278">
        <v>0</v>
      </c>
      <c r="F11" s="279">
        <v>0</v>
      </c>
      <c r="G11" s="280">
        <v>256</v>
      </c>
      <c r="H11" s="280">
        <v>271</v>
      </c>
      <c r="I11" s="280">
        <v>254</v>
      </c>
      <c r="J11" s="280">
        <v>247</v>
      </c>
      <c r="K11" s="280">
        <v>372</v>
      </c>
      <c r="L11" s="281">
        <v>1400</v>
      </c>
      <c r="M11" s="282">
        <v>1400</v>
      </c>
      <c r="N11" s="276">
        <v>0</v>
      </c>
      <c r="O11" s="280">
        <v>0</v>
      </c>
      <c r="P11" s="277">
        <v>0</v>
      </c>
      <c r="Q11" s="279">
        <v>0</v>
      </c>
      <c r="R11" s="280">
        <v>0</v>
      </c>
      <c r="S11" s="280">
        <v>0</v>
      </c>
      <c r="T11" s="280">
        <v>4</v>
      </c>
      <c r="U11" s="280">
        <v>22</v>
      </c>
      <c r="V11" s="280">
        <v>18</v>
      </c>
      <c r="W11" s="277">
        <v>44</v>
      </c>
      <c r="X11" s="282">
        <v>44</v>
      </c>
      <c r="Y11" s="276">
        <v>24</v>
      </c>
      <c r="Z11" s="280">
        <v>15</v>
      </c>
      <c r="AA11" s="277">
        <v>39</v>
      </c>
      <c r="AB11" s="279">
        <v>0</v>
      </c>
      <c r="AC11" s="280">
        <v>119</v>
      </c>
      <c r="AD11" s="280">
        <v>170</v>
      </c>
      <c r="AE11" s="280">
        <v>79</v>
      </c>
      <c r="AF11" s="280">
        <v>87</v>
      </c>
      <c r="AG11" s="280">
        <v>86</v>
      </c>
      <c r="AH11" s="277">
        <v>541</v>
      </c>
      <c r="AI11" s="282">
        <v>580</v>
      </c>
      <c r="AJ11" s="276">
        <v>12</v>
      </c>
      <c r="AK11" s="280">
        <v>4</v>
      </c>
      <c r="AL11" s="277">
        <v>16</v>
      </c>
      <c r="AM11" s="279">
        <v>0</v>
      </c>
      <c r="AN11" s="280">
        <v>61</v>
      </c>
      <c r="AO11" s="280">
        <v>46</v>
      </c>
      <c r="AP11" s="280">
        <v>20</v>
      </c>
      <c r="AQ11" s="280">
        <v>55</v>
      </c>
      <c r="AR11" s="280">
        <v>12</v>
      </c>
      <c r="AS11" s="277">
        <v>194</v>
      </c>
      <c r="AT11" s="282">
        <v>210</v>
      </c>
      <c r="AU11" s="276">
        <v>0</v>
      </c>
      <c r="AV11" s="280">
        <v>0</v>
      </c>
      <c r="AW11" s="277">
        <v>0</v>
      </c>
      <c r="AX11" s="279">
        <v>0</v>
      </c>
      <c r="AY11" s="280">
        <v>201</v>
      </c>
      <c r="AZ11" s="280">
        <v>210</v>
      </c>
      <c r="BA11" s="280">
        <v>26</v>
      </c>
      <c r="BB11" s="280">
        <v>86</v>
      </c>
      <c r="BC11" s="280">
        <v>27</v>
      </c>
      <c r="BD11" s="281">
        <v>550</v>
      </c>
      <c r="BE11" s="282">
        <v>550</v>
      </c>
      <c r="BF11" s="276">
        <v>0</v>
      </c>
      <c r="BG11" s="280">
        <v>0</v>
      </c>
      <c r="BH11" s="277">
        <v>0</v>
      </c>
      <c r="BI11" s="279">
        <v>0</v>
      </c>
      <c r="BJ11" s="280">
        <v>71</v>
      </c>
      <c r="BK11" s="280">
        <v>58</v>
      </c>
      <c r="BL11" s="280">
        <v>66</v>
      </c>
      <c r="BM11" s="280">
        <v>44</v>
      </c>
      <c r="BN11" s="280">
        <v>19</v>
      </c>
      <c r="BO11" s="277">
        <v>258</v>
      </c>
      <c r="BP11" s="282">
        <v>258</v>
      </c>
      <c r="BQ11" s="276">
        <v>0</v>
      </c>
      <c r="BR11" s="280">
        <v>6</v>
      </c>
      <c r="BS11" s="277">
        <v>6</v>
      </c>
      <c r="BT11" s="279">
        <v>0</v>
      </c>
      <c r="BU11" s="280">
        <v>13</v>
      </c>
      <c r="BV11" s="280">
        <v>25</v>
      </c>
      <c r="BW11" s="280">
        <v>48</v>
      </c>
      <c r="BX11" s="280">
        <v>46</v>
      </c>
      <c r="BY11" s="280">
        <v>0</v>
      </c>
      <c r="BZ11" s="277">
        <v>132</v>
      </c>
      <c r="CA11" s="282">
        <v>138</v>
      </c>
      <c r="CB11" s="276">
        <v>0</v>
      </c>
      <c r="CC11" s="280">
        <v>0</v>
      </c>
      <c r="CD11" s="277">
        <v>0</v>
      </c>
      <c r="CE11" s="279">
        <v>0</v>
      </c>
      <c r="CF11" s="280">
        <v>0</v>
      </c>
      <c r="CG11" s="280">
        <v>0</v>
      </c>
      <c r="CH11" s="280">
        <v>0</v>
      </c>
      <c r="CI11" s="280">
        <v>0</v>
      </c>
      <c r="CJ11" s="280">
        <v>0</v>
      </c>
      <c r="CK11" s="277">
        <v>0</v>
      </c>
      <c r="CL11" s="282">
        <v>0</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77">
        <v>0</v>
      </c>
      <c r="E12" s="278">
        <v>0</v>
      </c>
      <c r="F12" s="279">
        <v>0</v>
      </c>
      <c r="G12" s="280">
        <v>503</v>
      </c>
      <c r="H12" s="280">
        <v>796</v>
      </c>
      <c r="I12" s="280">
        <v>920</v>
      </c>
      <c r="J12" s="280">
        <v>987</v>
      </c>
      <c r="K12" s="280">
        <v>1329</v>
      </c>
      <c r="L12" s="281">
        <v>4535</v>
      </c>
      <c r="M12" s="282">
        <v>4535</v>
      </c>
      <c r="N12" s="276">
        <v>0</v>
      </c>
      <c r="O12" s="280">
        <v>0</v>
      </c>
      <c r="P12" s="277">
        <v>0</v>
      </c>
      <c r="Q12" s="279">
        <v>0</v>
      </c>
      <c r="R12" s="280">
        <v>8</v>
      </c>
      <c r="S12" s="280">
        <v>4</v>
      </c>
      <c r="T12" s="280">
        <v>15</v>
      </c>
      <c r="U12" s="280">
        <v>47</v>
      </c>
      <c r="V12" s="280">
        <v>81</v>
      </c>
      <c r="W12" s="277">
        <v>155</v>
      </c>
      <c r="X12" s="282">
        <v>155</v>
      </c>
      <c r="Y12" s="276">
        <v>46</v>
      </c>
      <c r="Z12" s="280">
        <v>95</v>
      </c>
      <c r="AA12" s="277">
        <v>141</v>
      </c>
      <c r="AB12" s="279">
        <v>0</v>
      </c>
      <c r="AC12" s="280">
        <v>387</v>
      </c>
      <c r="AD12" s="280">
        <v>309</v>
      </c>
      <c r="AE12" s="280">
        <v>243</v>
      </c>
      <c r="AF12" s="280">
        <v>248</v>
      </c>
      <c r="AG12" s="280">
        <v>333</v>
      </c>
      <c r="AH12" s="277">
        <v>1520</v>
      </c>
      <c r="AI12" s="282">
        <v>1661</v>
      </c>
      <c r="AJ12" s="276">
        <v>0</v>
      </c>
      <c r="AK12" s="280">
        <v>12</v>
      </c>
      <c r="AL12" s="277">
        <v>12</v>
      </c>
      <c r="AM12" s="279">
        <v>0</v>
      </c>
      <c r="AN12" s="280">
        <v>32</v>
      </c>
      <c r="AO12" s="280">
        <v>106</v>
      </c>
      <c r="AP12" s="280">
        <v>33</v>
      </c>
      <c r="AQ12" s="280">
        <v>99</v>
      </c>
      <c r="AR12" s="280">
        <v>62</v>
      </c>
      <c r="AS12" s="277">
        <v>332</v>
      </c>
      <c r="AT12" s="282">
        <v>344</v>
      </c>
      <c r="AU12" s="276">
        <v>0</v>
      </c>
      <c r="AV12" s="280">
        <v>0</v>
      </c>
      <c r="AW12" s="277">
        <v>0</v>
      </c>
      <c r="AX12" s="279">
        <v>0</v>
      </c>
      <c r="AY12" s="280">
        <v>449</v>
      </c>
      <c r="AZ12" s="280">
        <v>267</v>
      </c>
      <c r="BA12" s="280">
        <v>170</v>
      </c>
      <c r="BB12" s="280">
        <v>146</v>
      </c>
      <c r="BC12" s="280">
        <v>32</v>
      </c>
      <c r="BD12" s="281">
        <v>1064</v>
      </c>
      <c r="BE12" s="282">
        <v>1064</v>
      </c>
      <c r="BF12" s="276">
        <v>0</v>
      </c>
      <c r="BG12" s="280">
        <v>0</v>
      </c>
      <c r="BH12" s="277">
        <v>0</v>
      </c>
      <c r="BI12" s="279">
        <v>0</v>
      </c>
      <c r="BJ12" s="280">
        <v>71</v>
      </c>
      <c r="BK12" s="280">
        <v>170</v>
      </c>
      <c r="BL12" s="280">
        <v>43</v>
      </c>
      <c r="BM12" s="280">
        <v>65</v>
      </c>
      <c r="BN12" s="280">
        <v>2</v>
      </c>
      <c r="BO12" s="277">
        <v>351</v>
      </c>
      <c r="BP12" s="282">
        <v>351</v>
      </c>
      <c r="BQ12" s="276">
        <v>6</v>
      </c>
      <c r="BR12" s="280">
        <v>0</v>
      </c>
      <c r="BS12" s="277">
        <v>6</v>
      </c>
      <c r="BT12" s="279">
        <v>0</v>
      </c>
      <c r="BU12" s="280">
        <v>52</v>
      </c>
      <c r="BV12" s="280">
        <v>104</v>
      </c>
      <c r="BW12" s="280">
        <v>106</v>
      </c>
      <c r="BX12" s="280">
        <v>75</v>
      </c>
      <c r="BY12" s="280">
        <v>50</v>
      </c>
      <c r="BZ12" s="277">
        <v>387</v>
      </c>
      <c r="CA12" s="282">
        <v>393</v>
      </c>
      <c r="CB12" s="276">
        <v>0</v>
      </c>
      <c r="CC12" s="280">
        <v>0</v>
      </c>
      <c r="CD12" s="277">
        <v>0</v>
      </c>
      <c r="CE12" s="279">
        <v>0</v>
      </c>
      <c r="CF12" s="280">
        <v>0</v>
      </c>
      <c r="CG12" s="280">
        <v>19</v>
      </c>
      <c r="CH12" s="280">
        <v>6</v>
      </c>
      <c r="CI12" s="280">
        <v>4</v>
      </c>
      <c r="CJ12" s="280">
        <v>11</v>
      </c>
      <c r="CK12" s="277">
        <v>40</v>
      </c>
      <c r="CL12" s="282">
        <v>40</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77">
        <v>0</v>
      </c>
      <c r="E13" s="278">
        <v>0</v>
      </c>
      <c r="F13" s="279">
        <v>0</v>
      </c>
      <c r="G13" s="280">
        <v>1106</v>
      </c>
      <c r="H13" s="280">
        <v>732</v>
      </c>
      <c r="I13" s="280">
        <v>1419</v>
      </c>
      <c r="J13" s="280">
        <v>2069</v>
      </c>
      <c r="K13" s="280">
        <v>1568</v>
      </c>
      <c r="L13" s="281">
        <v>6894</v>
      </c>
      <c r="M13" s="282">
        <v>6894</v>
      </c>
      <c r="N13" s="276">
        <v>0</v>
      </c>
      <c r="O13" s="280">
        <v>0</v>
      </c>
      <c r="P13" s="277">
        <v>0</v>
      </c>
      <c r="Q13" s="279">
        <v>0</v>
      </c>
      <c r="R13" s="280">
        <v>8</v>
      </c>
      <c r="S13" s="280">
        <v>6</v>
      </c>
      <c r="T13" s="280">
        <v>9</v>
      </c>
      <c r="U13" s="280">
        <v>20</v>
      </c>
      <c r="V13" s="280">
        <v>51</v>
      </c>
      <c r="W13" s="277">
        <v>94</v>
      </c>
      <c r="X13" s="282">
        <v>94</v>
      </c>
      <c r="Y13" s="276">
        <v>51</v>
      </c>
      <c r="Z13" s="280">
        <v>201</v>
      </c>
      <c r="AA13" s="277">
        <v>252</v>
      </c>
      <c r="AB13" s="279">
        <v>0</v>
      </c>
      <c r="AC13" s="280">
        <v>270</v>
      </c>
      <c r="AD13" s="280">
        <v>315</v>
      </c>
      <c r="AE13" s="280">
        <v>222</v>
      </c>
      <c r="AF13" s="280">
        <v>150</v>
      </c>
      <c r="AG13" s="280">
        <v>195</v>
      </c>
      <c r="AH13" s="277">
        <v>1152</v>
      </c>
      <c r="AI13" s="282">
        <v>1404</v>
      </c>
      <c r="AJ13" s="276">
        <v>20</v>
      </c>
      <c r="AK13" s="280">
        <v>48</v>
      </c>
      <c r="AL13" s="277">
        <v>68</v>
      </c>
      <c r="AM13" s="279">
        <v>0</v>
      </c>
      <c r="AN13" s="280">
        <v>102</v>
      </c>
      <c r="AO13" s="280">
        <v>112</v>
      </c>
      <c r="AP13" s="280">
        <v>40</v>
      </c>
      <c r="AQ13" s="280">
        <v>8</v>
      </c>
      <c r="AR13" s="280">
        <v>24</v>
      </c>
      <c r="AS13" s="277">
        <v>286</v>
      </c>
      <c r="AT13" s="282">
        <v>354</v>
      </c>
      <c r="AU13" s="276">
        <v>0</v>
      </c>
      <c r="AV13" s="280">
        <v>0</v>
      </c>
      <c r="AW13" s="277">
        <v>0</v>
      </c>
      <c r="AX13" s="279">
        <v>0</v>
      </c>
      <c r="AY13" s="280">
        <v>884</v>
      </c>
      <c r="AZ13" s="280">
        <v>504</v>
      </c>
      <c r="BA13" s="280">
        <v>367</v>
      </c>
      <c r="BB13" s="280">
        <v>125</v>
      </c>
      <c r="BC13" s="280">
        <v>22</v>
      </c>
      <c r="BD13" s="281">
        <v>1902</v>
      </c>
      <c r="BE13" s="282">
        <v>1902</v>
      </c>
      <c r="BF13" s="276">
        <v>0</v>
      </c>
      <c r="BG13" s="280">
        <v>0</v>
      </c>
      <c r="BH13" s="277">
        <v>0</v>
      </c>
      <c r="BI13" s="279">
        <v>0</v>
      </c>
      <c r="BJ13" s="280">
        <v>120</v>
      </c>
      <c r="BK13" s="280">
        <v>104</v>
      </c>
      <c r="BL13" s="280">
        <v>29</v>
      </c>
      <c r="BM13" s="280">
        <v>16</v>
      </c>
      <c r="BN13" s="280">
        <v>0</v>
      </c>
      <c r="BO13" s="277">
        <v>269</v>
      </c>
      <c r="BP13" s="282">
        <v>269</v>
      </c>
      <c r="BQ13" s="276">
        <v>0</v>
      </c>
      <c r="BR13" s="280">
        <v>6</v>
      </c>
      <c r="BS13" s="277">
        <v>6</v>
      </c>
      <c r="BT13" s="279">
        <v>0</v>
      </c>
      <c r="BU13" s="280">
        <v>35</v>
      </c>
      <c r="BV13" s="280">
        <v>40</v>
      </c>
      <c r="BW13" s="280">
        <v>179</v>
      </c>
      <c r="BX13" s="280">
        <v>153</v>
      </c>
      <c r="BY13" s="280">
        <v>33</v>
      </c>
      <c r="BZ13" s="277">
        <v>440</v>
      </c>
      <c r="CA13" s="282">
        <v>446</v>
      </c>
      <c r="CB13" s="276">
        <v>0</v>
      </c>
      <c r="CC13" s="280">
        <v>0</v>
      </c>
      <c r="CD13" s="277">
        <v>0</v>
      </c>
      <c r="CE13" s="279">
        <v>0</v>
      </c>
      <c r="CF13" s="280">
        <v>9</v>
      </c>
      <c r="CG13" s="280">
        <v>0</v>
      </c>
      <c r="CH13" s="280">
        <v>0</v>
      </c>
      <c r="CI13" s="280">
        <v>0</v>
      </c>
      <c r="CJ13" s="280">
        <v>0</v>
      </c>
      <c r="CK13" s="277">
        <v>9</v>
      </c>
      <c r="CL13" s="282">
        <v>9</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77">
        <v>0</v>
      </c>
      <c r="E14" s="278">
        <v>0</v>
      </c>
      <c r="F14" s="279">
        <v>0</v>
      </c>
      <c r="G14" s="280">
        <v>175</v>
      </c>
      <c r="H14" s="280">
        <v>90</v>
      </c>
      <c r="I14" s="280">
        <v>193</v>
      </c>
      <c r="J14" s="280">
        <v>531</v>
      </c>
      <c r="K14" s="280">
        <v>214</v>
      </c>
      <c r="L14" s="281">
        <v>1203</v>
      </c>
      <c r="M14" s="282">
        <v>1203</v>
      </c>
      <c r="N14" s="276">
        <v>0</v>
      </c>
      <c r="O14" s="280">
        <v>0</v>
      </c>
      <c r="P14" s="277">
        <v>0</v>
      </c>
      <c r="Q14" s="279">
        <v>0</v>
      </c>
      <c r="R14" s="280">
        <v>0</v>
      </c>
      <c r="S14" s="280">
        <v>0</v>
      </c>
      <c r="T14" s="280">
        <v>3</v>
      </c>
      <c r="U14" s="280">
        <v>26</v>
      </c>
      <c r="V14" s="280">
        <v>20</v>
      </c>
      <c r="W14" s="277">
        <v>49</v>
      </c>
      <c r="X14" s="282">
        <v>49</v>
      </c>
      <c r="Y14" s="276">
        <v>18</v>
      </c>
      <c r="Z14" s="280">
        <v>15</v>
      </c>
      <c r="AA14" s="277">
        <v>33</v>
      </c>
      <c r="AB14" s="279">
        <v>0</v>
      </c>
      <c r="AC14" s="280">
        <v>190</v>
      </c>
      <c r="AD14" s="280">
        <v>185</v>
      </c>
      <c r="AE14" s="280">
        <v>61</v>
      </c>
      <c r="AF14" s="280">
        <v>155</v>
      </c>
      <c r="AG14" s="280">
        <v>40</v>
      </c>
      <c r="AH14" s="277">
        <v>631</v>
      </c>
      <c r="AI14" s="282">
        <v>664</v>
      </c>
      <c r="AJ14" s="276">
        <v>6</v>
      </c>
      <c r="AK14" s="280">
        <v>0</v>
      </c>
      <c r="AL14" s="277">
        <v>6</v>
      </c>
      <c r="AM14" s="279">
        <v>0</v>
      </c>
      <c r="AN14" s="280">
        <v>24</v>
      </c>
      <c r="AO14" s="280">
        <v>8</v>
      </c>
      <c r="AP14" s="280">
        <v>0</v>
      </c>
      <c r="AQ14" s="280">
        <v>24</v>
      </c>
      <c r="AR14" s="280">
        <v>18</v>
      </c>
      <c r="AS14" s="277">
        <v>74</v>
      </c>
      <c r="AT14" s="282">
        <v>80</v>
      </c>
      <c r="AU14" s="276">
        <v>0</v>
      </c>
      <c r="AV14" s="280">
        <v>0</v>
      </c>
      <c r="AW14" s="277">
        <v>0</v>
      </c>
      <c r="AX14" s="279">
        <v>0</v>
      </c>
      <c r="AY14" s="280">
        <v>119</v>
      </c>
      <c r="AZ14" s="280">
        <v>109</v>
      </c>
      <c r="BA14" s="280">
        <v>89</v>
      </c>
      <c r="BB14" s="280">
        <v>60</v>
      </c>
      <c r="BC14" s="280">
        <v>17</v>
      </c>
      <c r="BD14" s="281">
        <v>394</v>
      </c>
      <c r="BE14" s="282">
        <v>394</v>
      </c>
      <c r="BF14" s="276">
        <v>0</v>
      </c>
      <c r="BG14" s="280">
        <v>0</v>
      </c>
      <c r="BH14" s="277">
        <v>0</v>
      </c>
      <c r="BI14" s="279">
        <v>0</v>
      </c>
      <c r="BJ14" s="280">
        <v>64</v>
      </c>
      <c r="BK14" s="280">
        <v>67</v>
      </c>
      <c r="BL14" s="280">
        <v>43</v>
      </c>
      <c r="BM14" s="280">
        <v>18</v>
      </c>
      <c r="BN14" s="280">
        <v>2</v>
      </c>
      <c r="BO14" s="277">
        <v>194</v>
      </c>
      <c r="BP14" s="282">
        <v>194</v>
      </c>
      <c r="BQ14" s="276">
        <v>0</v>
      </c>
      <c r="BR14" s="280">
        <v>0</v>
      </c>
      <c r="BS14" s="277">
        <v>0</v>
      </c>
      <c r="BT14" s="279">
        <v>0</v>
      </c>
      <c r="BU14" s="280">
        <v>16</v>
      </c>
      <c r="BV14" s="280">
        <v>13</v>
      </c>
      <c r="BW14" s="280">
        <v>46</v>
      </c>
      <c r="BX14" s="280">
        <v>25</v>
      </c>
      <c r="BY14" s="280">
        <v>63</v>
      </c>
      <c r="BZ14" s="277">
        <v>163</v>
      </c>
      <c r="CA14" s="282">
        <v>163</v>
      </c>
      <c r="CB14" s="276">
        <v>0</v>
      </c>
      <c r="CC14" s="280">
        <v>0</v>
      </c>
      <c r="CD14" s="277">
        <v>0</v>
      </c>
      <c r="CE14" s="279">
        <v>0</v>
      </c>
      <c r="CF14" s="280">
        <v>0</v>
      </c>
      <c r="CG14" s="280">
        <v>0</v>
      </c>
      <c r="CH14" s="280">
        <v>18</v>
      </c>
      <c r="CI14" s="280">
        <v>4</v>
      </c>
      <c r="CJ14" s="280">
        <v>20</v>
      </c>
      <c r="CK14" s="277">
        <v>42</v>
      </c>
      <c r="CL14" s="282">
        <v>42</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77">
        <v>0</v>
      </c>
      <c r="E15" s="278">
        <v>0</v>
      </c>
      <c r="F15" s="279">
        <v>0</v>
      </c>
      <c r="G15" s="280">
        <v>471</v>
      </c>
      <c r="H15" s="280">
        <v>477</v>
      </c>
      <c r="I15" s="280">
        <v>793</v>
      </c>
      <c r="J15" s="280">
        <v>722</v>
      </c>
      <c r="K15" s="280">
        <v>427</v>
      </c>
      <c r="L15" s="281">
        <v>2890</v>
      </c>
      <c r="M15" s="282">
        <v>2890</v>
      </c>
      <c r="N15" s="276">
        <v>0</v>
      </c>
      <c r="O15" s="280">
        <v>0</v>
      </c>
      <c r="P15" s="277">
        <v>0</v>
      </c>
      <c r="Q15" s="279">
        <v>0</v>
      </c>
      <c r="R15" s="280">
        <v>0</v>
      </c>
      <c r="S15" s="280">
        <v>8</v>
      </c>
      <c r="T15" s="280">
        <v>0</v>
      </c>
      <c r="U15" s="280">
        <v>14</v>
      </c>
      <c r="V15" s="280">
        <v>32</v>
      </c>
      <c r="W15" s="277">
        <v>54</v>
      </c>
      <c r="X15" s="282">
        <v>54</v>
      </c>
      <c r="Y15" s="276">
        <v>34</v>
      </c>
      <c r="Z15" s="280">
        <v>89</v>
      </c>
      <c r="AA15" s="277">
        <v>123</v>
      </c>
      <c r="AB15" s="279">
        <v>0</v>
      </c>
      <c r="AC15" s="280">
        <v>126</v>
      </c>
      <c r="AD15" s="280">
        <v>171</v>
      </c>
      <c r="AE15" s="280">
        <v>160</v>
      </c>
      <c r="AF15" s="280">
        <v>139</v>
      </c>
      <c r="AG15" s="280">
        <v>126</v>
      </c>
      <c r="AH15" s="277">
        <v>722</v>
      </c>
      <c r="AI15" s="282">
        <v>845</v>
      </c>
      <c r="AJ15" s="276">
        <v>0</v>
      </c>
      <c r="AK15" s="280">
        <v>36</v>
      </c>
      <c r="AL15" s="277">
        <v>36</v>
      </c>
      <c r="AM15" s="279">
        <v>0</v>
      </c>
      <c r="AN15" s="280">
        <v>56</v>
      </c>
      <c r="AO15" s="280">
        <v>26</v>
      </c>
      <c r="AP15" s="280">
        <v>18</v>
      </c>
      <c r="AQ15" s="280">
        <v>21</v>
      </c>
      <c r="AR15" s="280">
        <v>0</v>
      </c>
      <c r="AS15" s="277">
        <v>121</v>
      </c>
      <c r="AT15" s="282">
        <v>157</v>
      </c>
      <c r="AU15" s="276">
        <v>0</v>
      </c>
      <c r="AV15" s="280">
        <v>0</v>
      </c>
      <c r="AW15" s="277">
        <v>0</v>
      </c>
      <c r="AX15" s="279">
        <v>0</v>
      </c>
      <c r="AY15" s="280">
        <v>326</v>
      </c>
      <c r="AZ15" s="280">
        <v>234</v>
      </c>
      <c r="BA15" s="280">
        <v>79</v>
      </c>
      <c r="BB15" s="280">
        <v>85</v>
      </c>
      <c r="BC15" s="280">
        <v>51</v>
      </c>
      <c r="BD15" s="281">
        <v>775</v>
      </c>
      <c r="BE15" s="282">
        <v>775</v>
      </c>
      <c r="BF15" s="276">
        <v>0</v>
      </c>
      <c r="BG15" s="280">
        <v>0</v>
      </c>
      <c r="BH15" s="277">
        <v>0</v>
      </c>
      <c r="BI15" s="279">
        <v>0</v>
      </c>
      <c r="BJ15" s="280">
        <v>81</v>
      </c>
      <c r="BK15" s="280">
        <v>69</v>
      </c>
      <c r="BL15" s="280">
        <v>102</v>
      </c>
      <c r="BM15" s="280">
        <v>29</v>
      </c>
      <c r="BN15" s="280">
        <v>2</v>
      </c>
      <c r="BO15" s="277">
        <v>283</v>
      </c>
      <c r="BP15" s="282">
        <v>283</v>
      </c>
      <c r="BQ15" s="276">
        <v>0</v>
      </c>
      <c r="BR15" s="280">
        <v>0</v>
      </c>
      <c r="BS15" s="277">
        <v>0</v>
      </c>
      <c r="BT15" s="279">
        <v>0</v>
      </c>
      <c r="BU15" s="280">
        <v>64</v>
      </c>
      <c r="BV15" s="280">
        <v>22</v>
      </c>
      <c r="BW15" s="280">
        <v>110</v>
      </c>
      <c r="BX15" s="280">
        <v>109</v>
      </c>
      <c r="BY15" s="280">
        <v>29</v>
      </c>
      <c r="BZ15" s="277">
        <v>334</v>
      </c>
      <c r="CA15" s="282">
        <v>334</v>
      </c>
      <c r="CB15" s="276">
        <v>0</v>
      </c>
      <c r="CC15" s="280">
        <v>0</v>
      </c>
      <c r="CD15" s="277">
        <v>0</v>
      </c>
      <c r="CE15" s="279">
        <v>0</v>
      </c>
      <c r="CF15" s="280">
        <v>0</v>
      </c>
      <c r="CG15" s="280">
        <v>0</v>
      </c>
      <c r="CH15" s="280">
        <v>0</v>
      </c>
      <c r="CI15" s="280">
        <v>0</v>
      </c>
      <c r="CJ15" s="280">
        <v>0</v>
      </c>
      <c r="CK15" s="277">
        <v>0</v>
      </c>
      <c r="CL15" s="282">
        <v>0</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77">
        <v>0</v>
      </c>
      <c r="E16" s="278">
        <v>0</v>
      </c>
      <c r="F16" s="279">
        <v>0</v>
      </c>
      <c r="G16" s="280">
        <v>217</v>
      </c>
      <c r="H16" s="280">
        <v>431</v>
      </c>
      <c r="I16" s="280">
        <v>357</v>
      </c>
      <c r="J16" s="280">
        <v>454</v>
      </c>
      <c r="K16" s="280">
        <v>777</v>
      </c>
      <c r="L16" s="281">
        <v>2236</v>
      </c>
      <c r="M16" s="282">
        <v>2236</v>
      </c>
      <c r="N16" s="276">
        <v>0</v>
      </c>
      <c r="O16" s="280">
        <v>0</v>
      </c>
      <c r="P16" s="277">
        <v>0</v>
      </c>
      <c r="Q16" s="279">
        <v>0</v>
      </c>
      <c r="R16" s="280">
        <v>0</v>
      </c>
      <c r="S16" s="280">
        <v>0</v>
      </c>
      <c r="T16" s="280">
        <v>8</v>
      </c>
      <c r="U16" s="280">
        <v>8</v>
      </c>
      <c r="V16" s="280">
        <v>5</v>
      </c>
      <c r="W16" s="277">
        <v>21</v>
      </c>
      <c r="X16" s="282">
        <v>21</v>
      </c>
      <c r="Y16" s="276">
        <v>12</v>
      </c>
      <c r="Z16" s="280">
        <v>18</v>
      </c>
      <c r="AA16" s="277">
        <v>30</v>
      </c>
      <c r="AB16" s="279">
        <v>0</v>
      </c>
      <c r="AC16" s="280">
        <v>129</v>
      </c>
      <c r="AD16" s="280">
        <v>125</v>
      </c>
      <c r="AE16" s="280">
        <v>89</v>
      </c>
      <c r="AF16" s="280">
        <v>132</v>
      </c>
      <c r="AG16" s="280">
        <v>91</v>
      </c>
      <c r="AH16" s="277">
        <v>566</v>
      </c>
      <c r="AI16" s="282">
        <v>596</v>
      </c>
      <c r="AJ16" s="276">
        <v>0</v>
      </c>
      <c r="AK16" s="280">
        <v>6</v>
      </c>
      <c r="AL16" s="277">
        <v>6</v>
      </c>
      <c r="AM16" s="279">
        <v>0</v>
      </c>
      <c r="AN16" s="280">
        <v>12</v>
      </c>
      <c r="AO16" s="280">
        <v>51</v>
      </c>
      <c r="AP16" s="280">
        <v>0</v>
      </c>
      <c r="AQ16" s="280">
        <v>8</v>
      </c>
      <c r="AR16" s="280">
        <v>37</v>
      </c>
      <c r="AS16" s="277">
        <v>108</v>
      </c>
      <c r="AT16" s="282">
        <v>114</v>
      </c>
      <c r="AU16" s="276">
        <v>0</v>
      </c>
      <c r="AV16" s="280">
        <v>0</v>
      </c>
      <c r="AW16" s="277">
        <v>0</v>
      </c>
      <c r="AX16" s="279">
        <v>0</v>
      </c>
      <c r="AY16" s="280">
        <v>118</v>
      </c>
      <c r="AZ16" s="280">
        <v>138</v>
      </c>
      <c r="BA16" s="280">
        <v>61</v>
      </c>
      <c r="BB16" s="280">
        <v>48</v>
      </c>
      <c r="BC16" s="280">
        <v>3</v>
      </c>
      <c r="BD16" s="281">
        <v>368</v>
      </c>
      <c r="BE16" s="282">
        <v>368</v>
      </c>
      <c r="BF16" s="276">
        <v>0</v>
      </c>
      <c r="BG16" s="280">
        <v>0</v>
      </c>
      <c r="BH16" s="277">
        <v>0</v>
      </c>
      <c r="BI16" s="279">
        <v>0</v>
      </c>
      <c r="BJ16" s="280">
        <v>3</v>
      </c>
      <c r="BK16" s="280">
        <v>14</v>
      </c>
      <c r="BL16" s="280">
        <v>29</v>
      </c>
      <c r="BM16" s="280">
        <v>19</v>
      </c>
      <c r="BN16" s="280">
        <v>0</v>
      </c>
      <c r="BO16" s="277">
        <v>65</v>
      </c>
      <c r="BP16" s="282">
        <v>65</v>
      </c>
      <c r="BQ16" s="276">
        <v>0</v>
      </c>
      <c r="BR16" s="280">
        <v>0</v>
      </c>
      <c r="BS16" s="277">
        <v>0</v>
      </c>
      <c r="BT16" s="279">
        <v>0</v>
      </c>
      <c r="BU16" s="280">
        <v>0</v>
      </c>
      <c r="BV16" s="280">
        <v>9</v>
      </c>
      <c r="BW16" s="280">
        <v>24</v>
      </c>
      <c r="BX16" s="280">
        <v>22</v>
      </c>
      <c r="BY16" s="280">
        <v>0</v>
      </c>
      <c r="BZ16" s="277">
        <v>55</v>
      </c>
      <c r="CA16" s="282">
        <v>55</v>
      </c>
      <c r="CB16" s="276">
        <v>0</v>
      </c>
      <c r="CC16" s="280">
        <v>0</v>
      </c>
      <c r="CD16" s="277">
        <v>0</v>
      </c>
      <c r="CE16" s="279">
        <v>0</v>
      </c>
      <c r="CF16" s="280">
        <v>0</v>
      </c>
      <c r="CG16" s="280">
        <v>0</v>
      </c>
      <c r="CH16" s="280">
        <v>9</v>
      </c>
      <c r="CI16" s="280">
        <v>3</v>
      </c>
      <c r="CJ16" s="280">
        <v>0</v>
      </c>
      <c r="CK16" s="277">
        <v>12</v>
      </c>
      <c r="CL16" s="282">
        <v>12</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77">
        <v>0</v>
      </c>
      <c r="E17" s="278">
        <v>0</v>
      </c>
      <c r="F17" s="279">
        <v>0</v>
      </c>
      <c r="G17" s="280">
        <v>27</v>
      </c>
      <c r="H17" s="280">
        <v>38</v>
      </c>
      <c r="I17" s="280">
        <v>10</v>
      </c>
      <c r="J17" s="280">
        <v>26</v>
      </c>
      <c r="K17" s="280">
        <v>152</v>
      </c>
      <c r="L17" s="281">
        <v>253</v>
      </c>
      <c r="M17" s="282">
        <v>253</v>
      </c>
      <c r="N17" s="276">
        <v>0</v>
      </c>
      <c r="O17" s="280">
        <v>0</v>
      </c>
      <c r="P17" s="277">
        <v>0</v>
      </c>
      <c r="Q17" s="279">
        <v>0</v>
      </c>
      <c r="R17" s="280">
        <v>0</v>
      </c>
      <c r="S17" s="280">
        <v>0</v>
      </c>
      <c r="T17" s="280">
        <v>0</v>
      </c>
      <c r="U17" s="280">
        <v>0</v>
      </c>
      <c r="V17" s="280">
        <v>20</v>
      </c>
      <c r="W17" s="277">
        <v>20</v>
      </c>
      <c r="X17" s="282">
        <v>20</v>
      </c>
      <c r="Y17" s="276">
        <v>0</v>
      </c>
      <c r="Z17" s="280">
        <v>2</v>
      </c>
      <c r="AA17" s="277">
        <v>2</v>
      </c>
      <c r="AB17" s="279">
        <v>0</v>
      </c>
      <c r="AC17" s="280">
        <v>2</v>
      </c>
      <c r="AD17" s="280">
        <v>30</v>
      </c>
      <c r="AE17" s="280">
        <v>4</v>
      </c>
      <c r="AF17" s="280">
        <v>35</v>
      </c>
      <c r="AG17" s="280">
        <v>105</v>
      </c>
      <c r="AH17" s="277">
        <v>176</v>
      </c>
      <c r="AI17" s="282">
        <v>178</v>
      </c>
      <c r="AJ17" s="276">
        <v>0</v>
      </c>
      <c r="AK17" s="280">
        <v>0</v>
      </c>
      <c r="AL17" s="277">
        <v>0</v>
      </c>
      <c r="AM17" s="279">
        <v>0</v>
      </c>
      <c r="AN17" s="280">
        <v>0</v>
      </c>
      <c r="AO17" s="280">
        <v>0</v>
      </c>
      <c r="AP17" s="280">
        <v>0</v>
      </c>
      <c r="AQ17" s="280">
        <v>0</v>
      </c>
      <c r="AR17" s="280">
        <v>30</v>
      </c>
      <c r="AS17" s="277">
        <v>30</v>
      </c>
      <c r="AT17" s="282">
        <v>30</v>
      </c>
      <c r="AU17" s="276">
        <v>0</v>
      </c>
      <c r="AV17" s="280">
        <v>0</v>
      </c>
      <c r="AW17" s="277">
        <v>0</v>
      </c>
      <c r="AX17" s="279">
        <v>0</v>
      </c>
      <c r="AY17" s="280">
        <v>25</v>
      </c>
      <c r="AZ17" s="280">
        <v>9</v>
      </c>
      <c r="BA17" s="280">
        <v>20</v>
      </c>
      <c r="BB17" s="280">
        <v>10</v>
      </c>
      <c r="BC17" s="280">
        <v>0</v>
      </c>
      <c r="BD17" s="281">
        <v>64</v>
      </c>
      <c r="BE17" s="282">
        <v>64</v>
      </c>
      <c r="BF17" s="276">
        <v>0</v>
      </c>
      <c r="BG17" s="280">
        <v>0</v>
      </c>
      <c r="BH17" s="277">
        <v>0</v>
      </c>
      <c r="BI17" s="279">
        <v>0</v>
      </c>
      <c r="BJ17" s="280">
        <v>16</v>
      </c>
      <c r="BK17" s="280">
        <v>12</v>
      </c>
      <c r="BL17" s="280">
        <v>7</v>
      </c>
      <c r="BM17" s="280">
        <v>12</v>
      </c>
      <c r="BN17" s="280">
        <v>16</v>
      </c>
      <c r="BO17" s="277">
        <v>63</v>
      </c>
      <c r="BP17" s="282">
        <v>63</v>
      </c>
      <c r="BQ17" s="276">
        <v>0</v>
      </c>
      <c r="BR17" s="280">
        <v>0</v>
      </c>
      <c r="BS17" s="277">
        <v>0</v>
      </c>
      <c r="BT17" s="279">
        <v>0</v>
      </c>
      <c r="BU17" s="280">
        <v>0</v>
      </c>
      <c r="BV17" s="280">
        <v>0</v>
      </c>
      <c r="BW17" s="280">
        <v>0</v>
      </c>
      <c r="BX17" s="280">
        <v>81</v>
      </c>
      <c r="BY17" s="280">
        <v>27</v>
      </c>
      <c r="BZ17" s="277">
        <v>108</v>
      </c>
      <c r="CA17" s="282">
        <v>108</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77">
        <v>0</v>
      </c>
      <c r="E18" s="278">
        <v>0</v>
      </c>
      <c r="F18" s="279">
        <v>0</v>
      </c>
      <c r="G18" s="280">
        <v>79</v>
      </c>
      <c r="H18" s="280">
        <v>201</v>
      </c>
      <c r="I18" s="280">
        <v>78</v>
      </c>
      <c r="J18" s="280">
        <v>116</v>
      </c>
      <c r="K18" s="280">
        <v>138</v>
      </c>
      <c r="L18" s="281">
        <v>612</v>
      </c>
      <c r="M18" s="282">
        <v>612</v>
      </c>
      <c r="N18" s="276">
        <v>0</v>
      </c>
      <c r="O18" s="280">
        <v>0</v>
      </c>
      <c r="P18" s="277">
        <v>0</v>
      </c>
      <c r="Q18" s="279">
        <v>0</v>
      </c>
      <c r="R18" s="280">
        <v>0</v>
      </c>
      <c r="S18" s="280">
        <v>0</v>
      </c>
      <c r="T18" s="280">
        <v>6</v>
      </c>
      <c r="U18" s="280">
        <v>4</v>
      </c>
      <c r="V18" s="280">
        <v>3</v>
      </c>
      <c r="W18" s="277">
        <v>13</v>
      </c>
      <c r="X18" s="282">
        <v>13</v>
      </c>
      <c r="Y18" s="276">
        <v>4</v>
      </c>
      <c r="Z18" s="280">
        <v>1</v>
      </c>
      <c r="AA18" s="277">
        <v>5</v>
      </c>
      <c r="AB18" s="279">
        <v>0</v>
      </c>
      <c r="AC18" s="280">
        <v>24</v>
      </c>
      <c r="AD18" s="280">
        <v>86</v>
      </c>
      <c r="AE18" s="280">
        <v>80</v>
      </c>
      <c r="AF18" s="280">
        <v>51</v>
      </c>
      <c r="AG18" s="280">
        <v>53</v>
      </c>
      <c r="AH18" s="277">
        <v>294</v>
      </c>
      <c r="AI18" s="282">
        <v>299</v>
      </c>
      <c r="AJ18" s="276">
        <v>0</v>
      </c>
      <c r="AK18" s="280">
        <v>0</v>
      </c>
      <c r="AL18" s="277">
        <v>0</v>
      </c>
      <c r="AM18" s="279">
        <v>0</v>
      </c>
      <c r="AN18" s="280">
        <v>24</v>
      </c>
      <c r="AO18" s="280">
        <v>0</v>
      </c>
      <c r="AP18" s="280">
        <v>24</v>
      </c>
      <c r="AQ18" s="280">
        <v>12</v>
      </c>
      <c r="AR18" s="280">
        <v>0</v>
      </c>
      <c r="AS18" s="277">
        <v>60</v>
      </c>
      <c r="AT18" s="282">
        <v>60</v>
      </c>
      <c r="AU18" s="276">
        <v>0</v>
      </c>
      <c r="AV18" s="280">
        <v>0</v>
      </c>
      <c r="AW18" s="277">
        <v>0</v>
      </c>
      <c r="AX18" s="279">
        <v>0</v>
      </c>
      <c r="AY18" s="280">
        <v>193</v>
      </c>
      <c r="AZ18" s="280">
        <v>169</v>
      </c>
      <c r="BA18" s="280">
        <v>91</v>
      </c>
      <c r="BB18" s="280">
        <v>35</v>
      </c>
      <c r="BC18" s="280">
        <v>14</v>
      </c>
      <c r="BD18" s="281">
        <v>502</v>
      </c>
      <c r="BE18" s="282">
        <v>502</v>
      </c>
      <c r="BF18" s="276">
        <v>0</v>
      </c>
      <c r="BG18" s="280">
        <v>0</v>
      </c>
      <c r="BH18" s="277">
        <v>0</v>
      </c>
      <c r="BI18" s="279">
        <v>0</v>
      </c>
      <c r="BJ18" s="280">
        <v>72</v>
      </c>
      <c r="BK18" s="280">
        <v>128</v>
      </c>
      <c r="BL18" s="280">
        <v>66</v>
      </c>
      <c r="BM18" s="280">
        <v>16</v>
      </c>
      <c r="BN18" s="280">
        <v>7</v>
      </c>
      <c r="BO18" s="277">
        <v>289</v>
      </c>
      <c r="BP18" s="282">
        <v>289</v>
      </c>
      <c r="BQ18" s="276">
        <v>0</v>
      </c>
      <c r="BR18" s="280">
        <v>5</v>
      </c>
      <c r="BS18" s="277">
        <v>5</v>
      </c>
      <c r="BT18" s="279">
        <v>0</v>
      </c>
      <c r="BU18" s="280">
        <v>14</v>
      </c>
      <c r="BV18" s="280">
        <v>26</v>
      </c>
      <c r="BW18" s="280">
        <v>38</v>
      </c>
      <c r="BX18" s="280">
        <v>0</v>
      </c>
      <c r="BY18" s="280">
        <v>1</v>
      </c>
      <c r="BZ18" s="277">
        <v>79</v>
      </c>
      <c r="CA18" s="282">
        <v>84</v>
      </c>
      <c r="CB18" s="276">
        <v>0</v>
      </c>
      <c r="CC18" s="280">
        <v>0</v>
      </c>
      <c r="CD18" s="277">
        <v>0</v>
      </c>
      <c r="CE18" s="279">
        <v>0</v>
      </c>
      <c r="CF18" s="280">
        <v>3</v>
      </c>
      <c r="CG18" s="280">
        <v>0</v>
      </c>
      <c r="CH18" s="280">
        <v>6</v>
      </c>
      <c r="CI18" s="280">
        <v>0</v>
      </c>
      <c r="CJ18" s="280">
        <v>0</v>
      </c>
      <c r="CK18" s="277">
        <v>9</v>
      </c>
      <c r="CL18" s="282">
        <v>9</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77">
        <v>0</v>
      </c>
      <c r="E19" s="278">
        <v>0</v>
      </c>
      <c r="F19" s="279">
        <v>0</v>
      </c>
      <c r="G19" s="280">
        <v>85</v>
      </c>
      <c r="H19" s="280">
        <v>262</v>
      </c>
      <c r="I19" s="280">
        <v>640</v>
      </c>
      <c r="J19" s="280">
        <v>157</v>
      </c>
      <c r="K19" s="280">
        <v>466</v>
      </c>
      <c r="L19" s="281">
        <v>1610</v>
      </c>
      <c r="M19" s="282">
        <v>1610</v>
      </c>
      <c r="N19" s="276">
        <v>0</v>
      </c>
      <c r="O19" s="280">
        <v>0</v>
      </c>
      <c r="P19" s="277">
        <v>0</v>
      </c>
      <c r="Q19" s="279">
        <v>0</v>
      </c>
      <c r="R19" s="280">
        <v>0</v>
      </c>
      <c r="S19" s="280">
        <v>0</v>
      </c>
      <c r="T19" s="280">
        <v>7</v>
      </c>
      <c r="U19" s="280">
        <v>13</v>
      </c>
      <c r="V19" s="280">
        <v>13</v>
      </c>
      <c r="W19" s="277">
        <v>33</v>
      </c>
      <c r="X19" s="282">
        <v>33</v>
      </c>
      <c r="Y19" s="276">
        <v>16</v>
      </c>
      <c r="Z19" s="280">
        <v>44</v>
      </c>
      <c r="AA19" s="277">
        <v>60</v>
      </c>
      <c r="AB19" s="279">
        <v>0</v>
      </c>
      <c r="AC19" s="280">
        <v>140</v>
      </c>
      <c r="AD19" s="280">
        <v>150</v>
      </c>
      <c r="AE19" s="280">
        <v>114</v>
      </c>
      <c r="AF19" s="280">
        <v>29</v>
      </c>
      <c r="AG19" s="280">
        <v>81</v>
      </c>
      <c r="AH19" s="277">
        <v>514</v>
      </c>
      <c r="AI19" s="282">
        <v>574</v>
      </c>
      <c r="AJ19" s="276">
        <v>14</v>
      </c>
      <c r="AK19" s="280">
        <v>12</v>
      </c>
      <c r="AL19" s="277">
        <v>26</v>
      </c>
      <c r="AM19" s="279">
        <v>0</v>
      </c>
      <c r="AN19" s="280">
        <v>12</v>
      </c>
      <c r="AO19" s="280">
        <v>0</v>
      </c>
      <c r="AP19" s="280">
        <v>9</v>
      </c>
      <c r="AQ19" s="280">
        <v>44</v>
      </c>
      <c r="AR19" s="280">
        <v>0</v>
      </c>
      <c r="AS19" s="277">
        <v>65</v>
      </c>
      <c r="AT19" s="282">
        <v>91</v>
      </c>
      <c r="AU19" s="276">
        <v>0</v>
      </c>
      <c r="AV19" s="280">
        <v>0</v>
      </c>
      <c r="AW19" s="277">
        <v>0</v>
      </c>
      <c r="AX19" s="279">
        <v>0</v>
      </c>
      <c r="AY19" s="280">
        <v>150</v>
      </c>
      <c r="AZ19" s="280">
        <v>249</v>
      </c>
      <c r="BA19" s="280">
        <v>110</v>
      </c>
      <c r="BB19" s="280">
        <v>84</v>
      </c>
      <c r="BC19" s="280">
        <v>63</v>
      </c>
      <c r="BD19" s="281">
        <v>656</v>
      </c>
      <c r="BE19" s="282">
        <v>656</v>
      </c>
      <c r="BF19" s="276">
        <v>0</v>
      </c>
      <c r="BG19" s="280">
        <v>0</v>
      </c>
      <c r="BH19" s="277">
        <v>0</v>
      </c>
      <c r="BI19" s="279">
        <v>0</v>
      </c>
      <c r="BJ19" s="280">
        <v>35</v>
      </c>
      <c r="BK19" s="280">
        <v>73</v>
      </c>
      <c r="BL19" s="280">
        <v>65</v>
      </c>
      <c r="BM19" s="280">
        <v>30</v>
      </c>
      <c r="BN19" s="280">
        <v>4</v>
      </c>
      <c r="BO19" s="277">
        <v>207</v>
      </c>
      <c r="BP19" s="282">
        <v>207</v>
      </c>
      <c r="BQ19" s="276">
        <v>0</v>
      </c>
      <c r="BR19" s="280">
        <v>0</v>
      </c>
      <c r="BS19" s="277">
        <v>0</v>
      </c>
      <c r="BT19" s="279">
        <v>0</v>
      </c>
      <c r="BU19" s="280">
        <v>8</v>
      </c>
      <c r="BV19" s="280">
        <v>37</v>
      </c>
      <c r="BW19" s="280">
        <v>51</v>
      </c>
      <c r="BX19" s="280">
        <v>36</v>
      </c>
      <c r="BY19" s="280">
        <v>46</v>
      </c>
      <c r="BZ19" s="277">
        <v>178</v>
      </c>
      <c r="CA19" s="282">
        <v>178</v>
      </c>
      <c r="CB19" s="276">
        <v>0</v>
      </c>
      <c r="CC19" s="280">
        <v>0</v>
      </c>
      <c r="CD19" s="277">
        <v>0</v>
      </c>
      <c r="CE19" s="279">
        <v>0</v>
      </c>
      <c r="CF19" s="280">
        <v>6</v>
      </c>
      <c r="CG19" s="280">
        <v>0</v>
      </c>
      <c r="CH19" s="280">
        <v>8</v>
      </c>
      <c r="CI19" s="280">
        <v>0</v>
      </c>
      <c r="CJ19" s="280">
        <v>0</v>
      </c>
      <c r="CK19" s="277">
        <v>14</v>
      </c>
      <c r="CL19" s="282">
        <v>14</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77">
        <v>0</v>
      </c>
      <c r="E20" s="278">
        <v>0</v>
      </c>
      <c r="F20" s="279">
        <v>0</v>
      </c>
      <c r="G20" s="280">
        <v>268</v>
      </c>
      <c r="H20" s="280">
        <v>305</v>
      </c>
      <c r="I20" s="280">
        <v>580</v>
      </c>
      <c r="J20" s="280">
        <v>778</v>
      </c>
      <c r="K20" s="280">
        <v>459</v>
      </c>
      <c r="L20" s="281">
        <v>2390</v>
      </c>
      <c r="M20" s="282">
        <v>2390</v>
      </c>
      <c r="N20" s="276">
        <v>0</v>
      </c>
      <c r="O20" s="280">
        <v>0</v>
      </c>
      <c r="P20" s="277">
        <v>0</v>
      </c>
      <c r="Q20" s="279">
        <v>0</v>
      </c>
      <c r="R20" s="280">
        <v>0</v>
      </c>
      <c r="S20" s="280">
        <v>0</v>
      </c>
      <c r="T20" s="280">
        <v>10</v>
      </c>
      <c r="U20" s="280">
        <v>7</v>
      </c>
      <c r="V20" s="280">
        <v>19</v>
      </c>
      <c r="W20" s="277">
        <v>36</v>
      </c>
      <c r="X20" s="282">
        <v>36</v>
      </c>
      <c r="Y20" s="276">
        <v>6</v>
      </c>
      <c r="Z20" s="280">
        <v>14</v>
      </c>
      <c r="AA20" s="277">
        <v>20</v>
      </c>
      <c r="AB20" s="279">
        <v>0</v>
      </c>
      <c r="AC20" s="280">
        <v>116</v>
      </c>
      <c r="AD20" s="280">
        <v>224</v>
      </c>
      <c r="AE20" s="280">
        <v>81</v>
      </c>
      <c r="AF20" s="280">
        <v>51</v>
      </c>
      <c r="AG20" s="280">
        <v>119</v>
      </c>
      <c r="AH20" s="277">
        <v>591</v>
      </c>
      <c r="AI20" s="282">
        <v>611</v>
      </c>
      <c r="AJ20" s="276">
        <v>12</v>
      </c>
      <c r="AK20" s="280">
        <v>0</v>
      </c>
      <c r="AL20" s="277">
        <v>12</v>
      </c>
      <c r="AM20" s="279">
        <v>0</v>
      </c>
      <c r="AN20" s="280">
        <v>34</v>
      </c>
      <c r="AO20" s="280">
        <v>41</v>
      </c>
      <c r="AP20" s="280">
        <v>42</v>
      </c>
      <c r="AQ20" s="280">
        <v>12</v>
      </c>
      <c r="AR20" s="280">
        <v>16</v>
      </c>
      <c r="AS20" s="277">
        <v>145</v>
      </c>
      <c r="AT20" s="282">
        <v>157</v>
      </c>
      <c r="AU20" s="276">
        <v>0</v>
      </c>
      <c r="AV20" s="280">
        <v>0</v>
      </c>
      <c r="AW20" s="277">
        <v>0</v>
      </c>
      <c r="AX20" s="279">
        <v>0</v>
      </c>
      <c r="AY20" s="280">
        <v>271</v>
      </c>
      <c r="AZ20" s="280">
        <v>507</v>
      </c>
      <c r="BA20" s="280">
        <v>167</v>
      </c>
      <c r="BB20" s="280">
        <v>98</v>
      </c>
      <c r="BC20" s="280">
        <v>63</v>
      </c>
      <c r="BD20" s="281">
        <v>1106</v>
      </c>
      <c r="BE20" s="282">
        <v>1106</v>
      </c>
      <c r="BF20" s="276">
        <v>0</v>
      </c>
      <c r="BG20" s="280">
        <v>0</v>
      </c>
      <c r="BH20" s="277">
        <v>0</v>
      </c>
      <c r="BI20" s="279">
        <v>0</v>
      </c>
      <c r="BJ20" s="280">
        <v>65</v>
      </c>
      <c r="BK20" s="280">
        <v>108</v>
      </c>
      <c r="BL20" s="280">
        <v>30</v>
      </c>
      <c r="BM20" s="280">
        <v>49</v>
      </c>
      <c r="BN20" s="280">
        <v>26</v>
      </c>
      <c r="BO20" s="277">
        <v>278</v>
      </c>
      <c r="BP20" s="282">
        <v>278</v>
      </c>
      <c r="BQ20" s="276">
        <v>0</v>
      </c>
      <c r="BR20" s="280">
        <v>0</v>
      </c>
      <c r="BS20" s="277">
        <v>0</v>
      </c>
      <c r="BT20" s="279">
        <v>0</v>
      </c>
      <c r="BU20" s="280">
        <v>0</v>
      </c>
      <c r="BV20" s="280">
        <v>49</v>
      </c>
      <c r="BW20" s="280">
        <v>92</v>
      </c>
      <c r="BX20" s="280">
        <v>90</v>
      </c>
      <c r="BY20" s="280">
        <v>25</v>
      </c>
      <c r="BZ20" s="277">
        <v>256</v>
      </c>
      <c r="CA20" s="282">
        <v>256</v>
      </c>
      <c r="CB20" s="276">
        <v>0</v>
      </c>
      <c r="CC20" s="280">
        <v>0</v>
      </c>
      <c r="CD20" s="277">
        <v>0</v>
      </c>
      <c r="CE20" s="279">
        <v>0</v>
      </c>
      <c r="CF20" s="280">
        <v>0</v>
      </c>
      <c r="CG20" s="280">
        <v>6</v>
      </c>
      <c r="CH20" s="280">
        <v>0</v>
      </c>
      <c r="CI20" s="280">
        <v>0</v>
      </c>
      <c r="CJ20" s="280">
        <v>0</v>
      </c>
      <c r="CK20" s="277">
        <v>6</v>
      </c>
      <c r="CL20" s="282">
        <v>6</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77">
        <v>0</v>
      </c>
      <c r="E21" s="278">
        <v>0</v>
      </c>
      <c r="F21" s="279">
        <v>0</v>
      </c>
      <c r="G21" s="280">
        <v>42</v>
      </c>
      <c r="H21" s="280">
        <v>84</v>
      </c>
      <c r="I21" s="280">
        <v>143</v>
      </c>
      <c r="J21" s="280">
        <v>174</v>
      </c>
      <c r="K21" s="280">
        <v>140</v>
      </c>
      <c r="L21" s="281">
        <v>583</v>
      </c>
      <c r="M21" s="282">
        <v>583</v>
      </c>
      <c r="N21" s="276">
        <v>0</v>
      </c>
      <c r="O21" s="280">
        <v>0</v>
      </c>
      <c r="P21" s="277">
        <v>0</v>
      </c>
      <c r="Q21" s="279">
        <v>0</v>
      </c>
      <c r="R21" s="280">
        <v>0</v>
      </c>
      <c r="S21" s="280">
        <v>2</v>
      </c>
      <c r="T21" s="280">
        <v>8</v>
      </c>
      <c r="U21" s="280">
        <v>8</v>
      </c>
      <c r="V21" s="280">
        <v>12</v>
      </c>
      <c r="W21" s="277">
        <v>30</v>
      </c>
      <c r="X21" s="282">
        <v>30</v>
      </c>
      <c r="Y21" s="276">
        <v>14</v>
      </c>
      <c r="Z21" s="280">
        <v>8</v>
      </c>
      <c r="AA21" s="277">
        <v>22</v>
      </c>
      <c r="AB21" s="279">
        <v>0</v>
      </c>
      <c r="AC21" s="280">
        <v>68</v>
      </c>
      <c r="AD21" s="280">
        <v>43</v>
      </c>
      <c r="AE21" s="280">
        <v>57</v>
      </c>
      <c r="AF21" s="280">
        <v>128</v>
      </c>
      <c r="AG21" s="280">
        <v>50</v>
      </c>
      <c r="AH21" s="277">
        <v>346</v>
      </c>
      <c r="AI21" s="282">
        <v>368</v>
      </c>
      <c r="AJ21" s="276">
        <v>0</v>
      </c>
      <c r="AK21" s="280">
        <v>0</v>
      </c>
      <c r="AL21" s="277">
        <v>0</v>
      </c>
      <c r="AM21" s="279">
        <v>0</v>
      </c>
      <c r="AN21" s="280">
        <v>50</v>
      </c>
      <c r="AO21" s="280">
        <v>0</v>
      </c>
      <c r="AP21" s="280">
        <v>12</v>
      </c>
      <c r="AQ21" s="280">
        <v>12</v>
      </c>
      <c r="AR21" s="280">
        <v>0</v>
      </c>
      <c r="AS21" s="277">
        <v>74</v>
      </c>
      <c r="AT21" s="282">
        <v>74</v>
      </c>
      <c r="AU21" s="276">
        <v>0</v>
      </c>
      <c r="AV21" s="280">
        <v>0</v>
      </c>
      <c r="AW21" s="277">
        <v>0</v>
      </c>
      <c r="AX21" s="279">
        <v>0</v>
      </c>
      <c r="AY21" s="280">
        <v>76</v>
      </c>
      <c r="AZ21" s="280">
        <v>85</v>
      </c>
      <c r="BA21" s="280">
        <v>29</v>
      </c>
      <c r="BB21" s="280">
        <v>56</v>
      </c>
      <c r="BC21" s="280">
        <v>40</v>
      </c>
      <c r="BD21" s="281">
        <v>286</v>
      </c>
      <c r="BE21" s="282">
        <v>286</v>
      </c>
      <c r="BF21" s="276">
        <v>0</v>
      </c>
      <c r="BG21" s="280">
        <v>0</v>
      </c>
      <c r="BH21" s="277">
        <v>0</v>
      </c>
      <c r="BI21" s="279">
        <v>0</v>
      </c>
      <c r="BJ21" s="280">
        <v>48</v>
      </c>
      <c r="BK21" s="280">
        <v>24</v>
      </c>
      <c r="BL21" s="280">
        <v>35</v>
      </c>
      <c r="BM21" s="280">
        <v>38</v>
      </c>
      <c r="BN21" s="280">
        <v>9</v>
      </c>
      <c r="BO21" s="277">
        <v>154</v>
      </c>
      <c r="BP21" s="282">
        <v>154</v>
      </c>
      <c r="BQ21" s="276">
        <v>0</v>
      </c>
      <c r="BR21" s="280">
        <v>3</v>
      </c>
      <c r="BS21" s="277">
        <v>3</v>
      </c>
      <c r="BT21" s="279">
        <v>0</v>
      </c>
      <c r="BU21" s="280">
        <v>3</v>
      </c>
      <c r="BV21" s="280">
        <v>6</v>
      </c>
      <c r="BW21" s="280">
        <v>0</v>
      </c>
      <c r="BX21" s="280">
        <v>3</v>
      </c>
      <c r="BY21" s="280">
        <v>26</v>
      </c>
      <c r="BZ21" s="277">
        <v>38</v>
      </c>
      <c r="CA21" s="282">
        <v>41</v>
      </c>
      <c r="CB21" s="276">
        <v>0</v>
      </c>
      <c r="CC21" s="280">
        <v>0</v>
      </c>
      <c r="CD21" s="277">
        <v>0</v>
      </c>
      <c r="CE21" s="279">
        <v>0</v>
      </c>
      <c r="CF21" s="280">
        <v>0</v>
      </c>
      <c r="CG21" s="280">
        <v>0</v>
      </c>
      <c r="CH21" s="280">
        <v>10</v>
      </c>
      <c r="CI21" s="280">
        <v>17</v>
      </c>
      <c r="CJ21" s="280">
        <v>0</v>
      </c>
      <c r="CK21" s="277">
        <v>27</v>
      </c>
      <c r="CL21" s="282">
        <v>27</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77">
        <v>0</v>
      </c>
      <c r="E22" s="278">
        <v>0</v>
      </c>
      <c r="F22" s="279">
        <v>0</v>
      </c>
      <c r="G22" s="280">
        <v>69</v>
      </c>
      <c r="H22" s="280">
        <v>85</v>
      </c>
      <c r="I22" s="280">
        <v>215</v>
      </c>
      <c r="J22" s="280">
        <v>133</v>
      </c>
      <c r="K22" s="280">
        <v>80</v>
      </c>
      <c r="L22" s="281">
        <v>582</v>
      </c>
      <c r="M22" s="282">
        <v>582</v>
      </c>
      <c r="N22" s="276">
        <v>0</v>
      </c>
      <c r="O22" s="280">
        <v>0</v>
      </c>
      <c r="P22" s="277">
        <v>0</v>
      </c>
      <c r="Q22" s="279">
        <v>0</v>
      </c>
      <c r="R22" s="280">
        <v>0</v>
      </c>
      <c r="S22" s="280">
        <v>4</v>
      </c>
      <c r="T22" s="280">
        <v>0</v>
      </c>
      <c r="U22" s="280">
        <v>8</v>
      </c>
      <c r="V22" s="280">
        <v>12</v>
      </c>
      <c r="W22" s="277">
        <v>24</v>
      </c>
      <c r="X22" s="282">
        <v>24</v>
      </c>
      <c r="Y22" s="276">
        <v>15</v>
      </c>
      <c r="Z22" s="280">
        <v>30</v>
      </c>
      <c r="AA22" s="277">
        <v>45</v>
      </c>
      <c r="AB22" s="279">
        <v>0</v>
      </c>
      <c r="AC22" s="280">
        <v>105</v>
      </c>
      <c r="AD22" s="280">
        <v>129</v>
      </c>
      <c r="AE22" s="280">
        <v>131</v>
      </c>
      <c r="AF22" s="280">
        <v>38</v>
      </c>
      <c r="AG22" s="280">
        <v>30</v>
      </c>
      <c r="AH22" s="277">
        <v>433</v>
      </c>
      <c r="AI22" s="282">
        <v>478</v>
      </c>
      <c r="AJ22" s="276">
        <v>0</v>
      </c>
      <c r="AK22" s="280">
        <v>18</v>
      </c>
      <c r="AL22" s="277">
        <v>18</v>
      </c>
      <c r="AM22" s="279">
        <v>0</v>
      </c>
      <c r="AN22" s="280">
        <v>70</v>
      </c>
      <c r="AO22" s="280">
        <v>77</v>
      </c>
      <c r="AP22" s="280">
        <v>42</v>
      </c>
      <c r="AQ22" s="280">
        <v>8</v>
      </c>
      <c r="AR22" s="280">
        <v>8</v>
      </c>
      <c r="AS22" s="277">
        <v>205</v>
      </c>
      <c r="AT22" s="282">
        <v>223</v>
      </c>
      <c r="AU22" s="276">
        <v>0</v>
      </c>
      <c r="AV22" s="280">
        <v>0</v>
      </c>
      <c r="AW22" s="277">
        <v>0</v>
      </c>
      <c r="AX22" s="279">
        <v>0</v>
      </c>
      <c r="AY22" s="280">
        <v>61</v>
      </c>
      <c r="AZ22" s="280">
        <v>152</v>
      </c>
      <c r="BA22" s="280">
        <v>87</v>
      </c>
      <c r="BB22" s="280">
        <v>8</v>
      </c>
      <c r="BC22" s="280">
        <v>30</v>
      </c>
      <c r="BD22" s="281">
        <v>338</v>
      </c>
      <c r="BE22" s="282">
        <v>338</v>
      </c>
      <c r="BF22" s="276">
        <v>0</v>
      </c>
      <c r="BG22" s="280">
        <v>0</v>
      </c>
      <c r="BH22" s="277">
        <v>0</v>
      </c>
      <c r="BI22" s="279">
        <v>0</v>
      </c>
      <c r="BJ22" s="280">
        <v>43</v>
      </c>
      <c r="BK22" s="280">
        <v>75</v>
      </c>
      <c r="BL22" s="280">
        <v>32</v>
      </c>
      <c r="BM22" s="280">
        <v>27</v>
      </c>
      <c r="BN22" s="280">
        <v>13</v>
      </c>
      <c r="BO22" s="277">
        <v>190</v>
      </c>
      <c r="BP22" s="282">
        <v>190</v>
      </c>
      <c r="BQ22" s="276">
        <v>0</v>
      </c>
      <c r="BR22" s="280">
        <v>0</v>
      </c>
      <c r="BS22" s="277">
        <v>0</v>
      </c>
      <c r="BT22" s="279">
        <v>0</v>
      </c>
      <c r="BU22" s="280">
        <v>30</v>
      </c>
      <c r="BV22" s="280">
        <v>15</v>
      </c>
      <c r="BW22" s="280">
        <v>23</v>
      </c>
      <c r="BX22" s="280">
        <v>44</v>
      </c>
      <c r="BY22" s="280">
        <v>0</v>
      </c>
      <c r="BZ22" s="277">
        <v>112</v>
      </c>
      <c r="CA22" s="282">
        <v>112</v>
      </c>
      <c r="CB22" s="276">
        <v>0</v>
      </c>
      <c r="CC22" s="280">
        <v>0</v>
      </c>
      <c r="CD22" s="277">
        <v>0</v>
      </c>
      <c r="CE22" s="279">
        <v>0</v>
      </c>
      <c r="CF22" s="280">
        <v>0</v>
      </c>
      <c r="CG22" s="280">
        <v>14</v>
      </c>
      <c r="CH22" s="280">
        <v>2</v>
      </c>
      <c r="CI22" s="280">
        <v>8</v>
      </c>
      <c r="CJ22" s="280">
        <v>7</v>
      </c>
      <c r="CK22" s="277">
        <v>31</v>
      </c>
      <c r="CL22" s="282">
        <v>31</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77">
        <v>0</v>
      </c>
      <c r="E23" s="278">
        <v>0</v>
      </c>
      <c r="F23" s="279">
        <v>0</v>
      </c>
      <c r="G23" s="280">
        <v>126</v>
      </c>
      <c r="H23" s="280">
        <v>186</v>
      </c>
      <c r="I23" s="280">
        <v>234</v>
      </c>
      <c r="J23" s="280">
        <v>227</v>
      </c>
      <c r="K23" s="280">
        <v>113</v>
      </c>
      <c r="L23" s="281">
        <v>886</v>
      </c>
      <c r="M23" s="282">
        <v>886</v>
      </c>
      <c r="N23" s="276">
        <v>0</v>
      </c>
      <c r="O23" s="280">
        <v>0</v>
      </c>
      <c r="P23" s="277">
        <v>0</v>
      </c>
      <c r="Q23" s="279">
        <v>0</v>
      </c>
      <c r="R23" s="280">
        <v>0</v>
      </c>
      <c r="S23" s="280">
        <v>0</v>
      </c>
      <c r="T23" s="280">
        <v>4</v>
      </c>
      <c r="U23" s="280">
        <v>5</v>
      </c>
      <c r="V23" s="280">
        <v>9</v>
      </c>
      <c r="W23" s="277">
        <v>18</v>
      </c>
      <c r="X23" s="282">
        <v>18</v>
      </c>
      <c r="Y23" s="276">
        <v>32</v>
      </c>
      <c r="Z23" s="280">
        <v>17</v>
      </c>
      <c r="AA23" s="277">
        <v>49</v>
      </c>
      <c r="AB23" s="279">
        <v>0</v>
      </c>
      <c r="AC23" s="280">
        <v>82</v>
      </c>
      <c r="AD23" s="280">
        <v>108</v>
      </c>
      <c r="AE23" s="280">
        <v>85</v>
      </c>
      <c r="AF23" s="280">
        <v>71</v>
      </c>
      <c r="AG23" s="280">
        <v>47</v>
      </c>
      <c r="AH23" s="277">
        <v>393</v>
      </c>
      <c r="AI23" s="282">
        <v>442</v>
      </c>
      <c r="AJ23" s="276">
        <v>4</v>
      </c>
      <c r="AK23" s="280">
        <v>0</v>
      </c>
      <c r="AL23" s="277">
        <v>4</v>
      </c>
      <c r="AM23" s="279">
        <v>0</v>
      </c>
      <c r="AN23" s="280">
        <v>0</v>
      </c>
      <c r="AO23" s="280">
        <v>8</v>
      </c>
      <c r="AP23" s="280">
        <v>0</v>
      </c>
      <c r="AQ23" s="280">
        <v>16</v>
      </c>
      <c r="AR23" s="280">
        <v>12</v>
      </c>
      <c r="AS23" s="277">
        <v>36</v>
      </c>
      <c r="AT23" s="282">
        <v>40</v>
      </c>
      <c r="AU23" s="276">
        <v>0</v>
      </c>
      <c r="AV23" s="280">
        <v>0</v>
      </c>
      <c r="AW23" s="277">
        <v>0</v>
      </c>
      <c r="AX23" s="279">
        <v>0</v>
      </c>
      <c r="AY23" s="280">
        <v>155</v>
      </c>
      <c r="AZ23" s="280">
        <v>95</v>
      </c>
      <c r="BA23" s="280">
        <v>13</v>
      </c>
      <c r="BB23" s="280">
        <v>36</v>
      </c>
      <c r="BC23" s="280">
        <v>19</v>
      </c>
      <c r="BD23" s="281">
        <v>318</v>
      </c>
      <c r="BE23" s="282">
        <v>318</v>
      </c>
      <c r="BF23" s="276">
        <v>0</v>
      </c>
      <c r="BG23" s="280">
        <v>0</v>
      </c>
      <c r="BH23" s="277">
        <v>0</v>
      </c>
      <c r="BI23" s="279">
        <v>0</v>
      </c>
      <c r="BJ23" s="280">
        <v>0</v>
      </c>
      <c r="BK23" s="280">
        <v>22</v>
      </c>
      <c r="BL23" s="280">
        <v>0</v>
      </c>
      <c r="BM23" s="280">
        <v>2</v>
      </c>
      <c r="BN23" s="280">
        <v>12</v>
      </c>
      <c r="BO23" s="277">
        <v>36</v>
      </c>
      <c r="BP23" s="282">
        <v>36</v>
      </c>
      <c r="BQ23" s="276">
        <v>0</v>
      </c>
      <c r="BR23" s="280">
        <v>3</v>
      </c>
      <c r="BS23" s="277">
        <v>3</v>
      </c>
      <c r="BT23" s="279">
        <v>0</v>
      </c>
      <c r="BU23" s="280">
        <v>23</v>
      </c>
      <c r="BV23" s="280">
        <v>12</v>
      </c>
      <c r="BW23" s="280">
        <v>80</v>
      </c>
      <c r="BX23" s="280">
        <v>4</v>
      </c>
      <c r="BY23" s="280">
        <v>30</v>
      </c>
      <c r="BZ23" s="277">
        <v>149</v>
      </c>
      <c r="CA23" s="282">
        <v>152</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77">
        <v>0</v>
      </c>
      <c r="E24" s="278">
        <v>0</v>
      </c>
      <c r="F24" s="279">
        <v>0</v>
      </c>
      <c r="G24" s="280">
        <v>32</v>
      </c>
      <c r="H24" s="280">
        <v>3</v>
      </c>
      <c r="I24" s="280">
        <v>45</v>
      </c>
      <c r="J24" s="280">
        <v>4</v>
      </c>
      <c r="K24" s="280">
        <v>138</v>
      </c>
      <c r="L24" s="281">
        <v>222</v>
      </c>
      <c r="M24" s="282">
        <v>222</v>
      </c>
      <c r="N24" s="276">
        <v>0</v>
      </c>
      <c r="O24" s="280">
        <v>0</v>
      </c>
      <c r="P24" s="277">
        <v>0</v>
      </c>
      <c r="Q24" s="279">
        <v>0</v>
      </c>
      <c r="R24" s="280">
        <v>0</v>
      </c>
      <c r="S24" s="280">
        <v>0</v>
      </c>
      <c r="T24" s="280">
        <v>0</v>
      </c>
      <c r="U24" s="280">
        <v>0</v>
      </c>
      <c r="V24" s="280">
        <v>31</v>
      </c>
      <c r="W24" s="277">
        <v>31</v>
      </c>
      <c r="X24" s="282">
        <v>31</v>
      </c>
      <c r="Y24" s="276">
        <v>0</v>
      </c>
      <c r="Z24" s="280">
        <v>4</v>
      </c>
      <c r="AA24" s="277">
        <v>4</v>
      </c>
      <c r="AB24" s="279">
        <v>0</v>
      </c>
      <c r="AC24" s="280">
        <v>26</v>
      </c>
      <c r="AD24" s="280">
        <v>20</v>
      </c>
      <c r="AE24" s="280">
        <v>12</v>
      </c>
      <c r="AF24" s="280">
        <v>12</v>
      </c>
      <c r="AG24" s="280">
        <v>70</v>
      </c>
      <c r="AH24" s="277">
        <v>140</v>
      </c>
      <c r="AI24" s="282">
        <v>144</v>
      </c>
      <c r="AJ24" s="276">
        <v>0</v>
      </c>
      <c r="AK24" s="280">
        <v>0</v>
      </c>
      <c r="AL24" s="277">
        <v>0</v>
      </c>
      <c r="AM24" s="279">
        <v>0</v>
      </c>
      <c r="AN24" s="280">
        <v>24</v>
      </c>
      <c r="AO24" s="280">
        <v>24</v>
      </c>
      <c r="AP24" s="280">
        <v>0</v>
      </c>
      <c r="AQ24" s="280">
        <v>24</v>
      </c>
      <c r="AR24" s="280">
        <v>0</v>
      </c>
      <c r="AS24" s="277">
        <v>72</v>
      </c>
      <c r="AT24" s="282">
        <v>72</v>
      </c>
      <c r="AU24" s="276">
        <v>0</v>
      </c>
      <c r="AV24" s="280">
        <v>0</v>
      </c>
      <c r="AW24" s="277">
        <v>0</v>
      </c>
      <c r="AX24" s="279">
        <v>0</v>
      </c>
      <c r="AY24" s="280">
        <v>88</v>
      </c>
      <c r="AZ24" s="280">
        <v>18</v>
      </c>
      <c r="BA24" s="280">
        <v>15</v>
      </c>
      <c r="BB24" s="280">
        <v>34</v>
      </c>
      <c r="BC24" s="280">
        <v>14</v>
      </c>
      <c r="BD24" s="281">
        <v>169</v>
      </c>
      <c r="BE24" s="282">
        <v>169</v>
      </c>
      <c r="BF24" s="276">
        <v>0</v>
      </c>
      <c r="BG24" s="280">
        <v>0</v>
      </c>
      <c r="BH24" s="277">
        <v>0</v>
      </c>
      <c r="BI24" s="279">
        <v>0</v>
      </c>
      <c r="BJ24" s="280">
        <v>11</v>
      </c>
      <c r="BK24" s="280">
        <v>3</v>
      </c>
      <c r="BL24" s="280">
        <v>11</v>
      </c>
      <c r="BM24" s="280">
        <v>8</v>
      </c>
      <c r="BN24" s="280">
        <v>0</v>
      </c>
      <c r="BO24" s="277">
        <v>33</v>
      </c>
      <c r="BP24" s="282">
        <v>33</v>
      </c>
      <c r="BQ24" s="276">
        <v>0</v>
      </c>
      <c r="BR24" s="280">
        <v>0</v>
      </c>
      <c r="BS24" s="277">
        <v>0</v>
      </c>
      <c r="BT24" s="279">
        <v>0</v>
      </c>
      <c r="BU24" s="280">
        <v>2</v>
      </c>
      <c r="BV24" s="280">
        <v>10</v>
      </c>
      <c r="BW24" s="280">
        <v>27</v>
      </c>
      <c r="BX24" s="280">
        <v>12</v>
      </c>
      <c r="BY24" s="280">
        <v>23</v>
      </c>
      <c r="BZ24" s="277">
        <v>74</v>
      </c>
      <c r="CA24" s="282">
        <v>74</v>
      </c>
      <c r="CB24" s="276">
        <v>0</v>
      </c>
      <c r="CC24" s="280">
        <v>0</v>
      </c>
      <c r="CD24" s="277">
        <v>0</v>
      </c>
      <c r="CE24" s="279">
        <v>0</v>
      </c>
      <c r="CF24" s="280">
        <v>0</v>
      </c>
      <c r="CG24" s="280">
        <v>0</v>
      </c>
      <c r="CH24" s="280">
        <v>4</v>
      </c>
      <c r="CI24" s="280">
        <v>0</v>
      </c>
      <c r="CJ24" s="280">
        <v>0</v>
      </c>
      <c r="CK24" s="277">
        <v>4</v>
      </c>
      <c r="CL24" s="282">
        <v>4</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77">
        <v>0</v>
      </c>
      <c r="E25" s="278">
        <v>0</v>
      </c>
      <c r="F25" s="279">
        <v>0</v>
      </c>
      <c r="G25" s="280">
        <v>4</v>
      </c>
      <c r="H25" s="280">
        <v>82</v>
      </c>
      <c r="I25" s="280">
        <v>171</v>
      </c>
      <c r="J25" s="280">
        <v>16</v>
      </c>
      <c r="K25" s="280">
        <v>14</v>
      </c>
      <c r="L25" s="281">
        <v>287</v>
      </c>
      <c r="M25" s="282">
        <v>287</v>
      </c>
      <c r="N25" s="276">
        <v>0</v>
      </c>
      <c r="O25" s="280">
        <v>0</v>
      </c>
      <c r="P25" s="277">
        <v>0</v>
      </c>
      <c r="Q25" s="279">
        <v>0</v>
      </c>
      <c r="R25" s="280">
        <v>4</v>
      </c>
      <c r="S25" s="280">
        <v>0</v>
      </c>
      <c r="T25" s="280">
        <v>0</v>
      </c>
      <c r="U25" s="280">
        <v>0</v>
      </c>
      <c r="V25" s="280">
        <v>15</v>
      </c>
      <c r="W25" s="277">
        <v>19</v>
      </c>
      <c r="X25" s="282">
        <v>19</v>
      </c>
      <c r="Y25" s="276">
        <v>21</v>
      </c>
      <c r="Z25" s="280">
        <v>22</v>
      </c>
      <c r="AA25" s="277">
        <v>43</v>
      </c>
      <c r="AB25" s="279">
        <v>0</v>
      </c>
      <c r="AC25" s="280">
        <v>39</v>
      </c>
      <c r="AD25" s="280">
        <v>47</v>
      </c>
      <c r="AE25" s="280">
        <v>38</v>
      </c>
      <c r="AF25" s="280">
        <v>39</v>
      </c>
      <c r="AG25" s="280">
        <v>32</v>
      </c>
      <c r="AH25" s="277">
        <v>195</v>
      </c>
      <c r="AI25" s="282">
        <v>238</v>
      </c>
      <c r="AJ25" s="276">
        <v>0</v>
      </c>
      <c r="AK25" s="280">
        <v>12</v>
      </c>
      <c r="AL25" s="277">
        <v>12</v>
      </c>
      <c r="AM25" s="279">
        <v>0</v>
      </c>
      <c r="AN25" s="280">
        <v>0</v>
      </c>
      <c r="AO25" s="280">
        <v>42</v>
      </c>
      <c r="AP25" s="280">
        <v>0</v>
      </c>
      <c r="AQ25" s="280">
        <v>20</v>
      </c>
      <c r="AR25" s="280">
        <v>0</v>
      </c>
      <c r="AS25" s="277">
        <v>62</v>
      </c>
      <c r="AT25" s="282">
        <v>74</v>
      </c>
      <c r="AU25" s="276">
        <v>0</v>
      </c>
      <c r="AV25" s="280">
        <v>0</v>
      </c>
      <c r="AW25" s="277">
        <v>0</v>
      </c>
      <c r="AX25" s="279">
        <v>0</v>
      </c>
      <c r="AY25" s="280">
        <v>49</v>
      </c>
      <c r="AZ25" s="280">
        <v>155</v>
      </c>
      <c r="BA25" s="280">
        <v>27</v>
      </c>
      <c r="BB25" s="280">
        <v>53</v>
      </c>
      <c r="BC25" s="280">
        <v>0</v>
      </c>
      <c r="BD25" s="281">
        <v>284</v>
      </c>
      <c r="BE25" s="282">
        <v>284</v>
      </c>
      <c r="BF25" s="276">
        <v>0</v>
      </c>
      <c r="BG25" s="280">
        <v>0</v>
      </c>
      <c r="BH25" s="277">
        <v>0</v>
      </c>
      <c r="BI25" s="279">
        <v>0</v>
      </c>
      <c r="BJ25" s="280">
        <v>17</v>
      </c>
      <c r="BK25" s="280">
        <v>7</v>
      </c>
      <c r="BL25" s="280">
        <v>50</v>
      </c>
      <c r="BM25" s="280">
        <v>28</v>
      </c>
      <c r="BN25" s="280">
        <v>0</v>
      </c>
      <c r="BO25" s="277">
        <v>102</v>
      </c>
      <c r="BP25" s="282">
        <v>102</v>
      </c>
      <c r="BQ25" s="276">
        <v>0</v>
      </c>
      <c r="BR25" s="280">
        <v>0</v>
      </c>
      <c r="BS25" s="277">
        <v>0</v>
      </c>
      <c r="BT25" s="279">
        <v>0</v>
      </c>
      <c r="BU25" s="280">
        <v>12</v>
      </c>
      <c r="BV25" s="280">
        <v>6</v>
      </c>
      <c r="BW25" s="280">
        <v>0</v>
      </c>
      <c r="BX25" s="280">
        <v>6</v>
      </c>
      <c r="BY25" s="280">
        <v>0</v>
      </c>
      <c r="BZ25" s="277">
        <v>24</v>
      </c>
      <c r="CA25" s="282">
        <v>24</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77">
        <v>0</v>
      </c>
      <c r="E26" s="278">
        <v>0</v>
      </c>
      <c r="F26" s="279">
        <v>0</v>
      </c>
      <c r="G26" s="280">
        <v>78</v>
      </c>
      <c r="H26" s="280">
        <v>51</v>
      </c>
      <c r="I26" s="280">
        <v>110</v>
      </c>
      <c r="J26" s="280">
        <v>83</v>
      </c>
      <c r="K26" s="280">
        <v>327</v>
      </c>
      <c r="L26" s="281">
        <v>649</v>
      </c>
      <c r="M26" s="282">
        <v>649</v>
      </c>
      <c r="N26" s="276">
        <v>0</v>
      </c>
      <c r="O26" s="280">
        <v>0</v>
      </c>
      <c r="P26" s="277">
        <v>0</v>
      </c>
      <c r="Q26" s="279">
        <v>0</v>
      </c>
      <c r="R26" s="280">
        <v>0</v>
      </c>
      <c r="S26" s="280">
        <v>0</v>
      </c>
      <c r="T26" s="280">
        <v>0</v>
      </c>
      <c r="U26" s="280">
        <v>0</v>
      </c>
      <c r="V26" s="280">
        <v>18</v>
      </c>
      <c r="W26" s="277">
        <v>18</v>
      </c>
      <c r="X26" s="282">
        <v>18</v>
      </c>
      <c r="Y26" s="276">
        <v>2</v>
      </c>
      <c r="Z26" s="280">
        <v>16</v>
      </c>
      <c r="AA26" s="277">
        <v>18</v>
      </c>
      <c r="AB26" s="279">
        <v>0</v>
      </c>
      <c r="AC26" s="280">
        <v>57</v>
      </c>
      <c r="AD26" s="280">
        <v>5</v>
      </c>
      <c r="AE26" s="280">
        <v>58</v>
      </c>
      <c r="AF26" s="280">
        <v>26</v>
      </c>
      <c r="AG26" s="280">
        <v>27</v>
      </c>
      <c r="AH26" s="277">
        <v>173</v>
      </c>
      <c r="AI26" s="282">
        <v>191</v>
      </c>
      <c r="AJ26" s="276">
        <v>0</v>
      </c>
      <c r="AK26" s="280">
        <v>0</v>
      </c>
      <c r="AL26" s="277">
        <v>0</v>
      </c>
      <c r="AM26" s="279">
        <v>0</v>
      </c>
      <c r="AN26" s="280">
        <v>0</v>
      </c>
      <c r="AO26" s="280">
        <v>0</v>
      </c>
      <c r="AP26" s="280">
        <v>0</v>
      </c>
      <c r="AQ26" s="280">
        <v>0</v>
      </c>
      <c r="AR26" s="280">
        <v>12</v>
      </c>
      <c r="AS26" s="277">
        <v>12</v>
      </c>
      <c r="AT26" s="282">
        <v>12</v>
      </c>
      <c r="AU26" s="276">
        <v>0</v>
      </c>
      <c r="AV26" s="280">
        <v>0</v>
      </c>
      <c r="AW26" s="277">
        <v>0</v>
      </c>
      <c r="AX26" s="279">
        <v>0</v>
      </c>
      <c r="AY26" s="280">
        <v>70</v>
      </c>
      <c r="AZ26" s="280">
        <v>43</v>
      </c>
      <c r="BA26" s="280">
        <v>33</v>
      </c>
      <c r="BB26" s="280">
        <v>7</v>
      </c>
      <c r="BC26" s="280">
        <v>13</v>
      </c>
      <c r="BD26" s="281">
        <v>166</v>
      </c>
      <c r="BE26" s="282">
        <v>166</v>
      </c>
      <c r="BF26" s="276">
        <v>0</v>
      </c>
      <c r="BG26" s="280">
        <v>0</v>
      </c>
      <c r="BH26" s="277">
        <v>0</v>
      </c>
      <c r="BI26" s="279">
        <v>0</v>
      </c>
      <c r="BJ26" s="280">
        <v>19</v>
      </c>
      <c r="BK26" s="280">
        <v>51</v>
      </c>
      <c r="BL26" s="280">
        <v>16</v>
      </c>
      <c r="BM26" s="280">
        <v>0</v>
      </c>
      <c r="BN26" s="280">
        <v>35</v>
      </c>
      <c r="BO26" s="277">
        <v>121</v>
      </c>
      <c r="BP26" s="282">
        <v>121</v>
      </c>
      <c r="BQ26" s="276">
        <v>0</v>
      </c>
      <c r="BR26" s="280">
        <v>4</v>
      </c>
      <c r="BS26" s="277">
        <v>4</v>
      </c>
      <c r="BT26" s="279">
        <v>0</v>
      </c>
      <c r="BU26" s="280">
        <v>12</v>
      </c>
      <c r="BV26" s="280">
        <v>8</v>
      </c>
      <c r="BW26" s="280">
        <v>8</v>
      </c>
      <c r="BX26" s="280">
        <v>3</v>
      </c>
      <c r="BY26" s="280">
        <v>7</v>
      </c>
      <c r="BZ26" s="277">
        <v>38</v>
      </c>
      <c r="CA26" s="282">
        <v>42</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77">
        <v>0</v>
      </c>
      <c r="E27" s="278">
        <v>0</v>
      </c>
      <c r="F27" s="279">
        <v>0</v>
      </c>
      <c r="G27" s="280">
        <v>12</v>
      </c>
      <c r="H27" s="280">
        <v>42</v>
      </c>
      <c r="I27" s="280">
        <v>17</v>
      </c>
      <c r="J27" s="280">
        <v>3</v>
      </c>
      <c r="K27" s="280">
        <v>8</v>
      </c>
      <c r="L27" s="281">
        <v>82</v>
      </c>
      <c r="M27" s="282">
        <v>82</v>
      </c>
      <c r="N27" s="276">
        <v>0</v>
      </c>
      <c r="O27" s="280">
        <v>0</v>
      </c>
      <c r="P27" s="277">
        <v>0</v>
      </c>
      <c r="Q27" s="279">
        <v>0</v>
      </c>
      <c r="R27" s="280">
        <v>0</v>
      </c>
      <c r="S27" s="280">
        <v>10</v>
      </c>
      <c r="T27" s="280">
        <v>0</v>
      </c>
      <c r="U27" s="280">
        <v>19</v>
      </c>
      <c r="V27" s="280">
        <v>19</v>
      </c>
      <c r="W27" s="277">
        <v>48</v>
      </c>
      <c r="X27" s="282">
        <v>48</v>
      </c>
      <c r="Y27" s="276">
        <v>8</v>
      </c>
      <c r="Z27" s="280">
        <v>33</v>
      </c>
      <c r="AA27" s="277">
        <v>41</v>
      </c>
      <c r="AB27" s="279">
        <v>0</v>
      </c>
      <c r="AC27" s="280">
        <v>20</v>
      </c>
      <c r="AD27" s="280">
        <v>46</v>
      </c>
      <c r="AE27" s="280">
        <v>13</v>
      </c>
      <c r="AF27" s="280">
        <v>4</v>
      </c>
      <c r="AG27" s="280">
        <v>29</v>
      </c>
      <c r="AH27" s="277">
        <v>112</v>
      </c>
      <c r="AI27" s="282">
        <v>153</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33</v>
      </c>
      <c r="AZ27" s="280">
        <v>19</v>
      </c>
      <c r="BA27" s="280">
        <v>56</v>
      </c>
      <c r="BB27" s="280">
        <v>9</v>
      </c>
      <c r="BC27" s="280">
        <v>0</v>
      </c>
      <c r="BD27" s="281">
        <v>117</v>
      </c>
      <c r="BE27" s="282">
        <v>117</v>
      </c>
      <c r="BF27" s="276">
        <v>0</v>
      </c>
      <c r="BG27" s="280">
        <v>0</v>
      </c>
      <c r="BH27" s="277">
        <v>0</v>
      </c>
      <c r="BI27" s="279">
        <v>0</v>
      </c>
      <c r="BJ27" s="280">
        <v>6</v>
      </c>
      <c r="BK27" s="280">
        <v>46</v>
      </c>
      <c r="BL27" s="280">
        <v>8</v>
      </c>
      <c r="BM27" s="280">
        <v>0</v>
      </c>
      <c r="BN27" s="280">
        <v>12</v>
      </c>
      <c r="BO27" s="277">
        <v>72</v>
      </c>
      <c r="BP27" s="282">
        <v>72</v>
      </c>
      <c r="BQ27" s="276">
        <v>0</v>
      </c>
      <c r="BR27" s="280">
        <v>3</v>
      </c>
      <c r="BS27" s="277">
        <v>3</v>
      </c>
      <c r="BT27" s="279">
        <v>0</v>
      </c>
      <c r="BU27" s="280">
        <v>8</v>
      </c>
      <c r="BV27" s="280">
        <v>14</v>
      </c>
      <c r="BW27" s="280">
        <v>24</v>
      </c>
      <c r="BX27" s="280">
        <v>0</v>
      </c>
      <c r="BY27" s="280">
        <v>0</v>
      </c>
      <c r="BZ27" s="277">
        <v>46</v>
      </c>
      <c r="CA27" s="282">
        <v>49</v>
      </c>
      <c r="CB27" s="276">
        <v>0</v>
      </c>
      <c r="CC27" s="280">
        <v>0</v>
      </c>
      <c r="CD27" s="277">
        <v>0</v>
      </c>
      <c r="CE27" s="279">
        <v>0</v>
      </c>
      <c r="CF27" s="280">
        <v>0</v>
      </c>
      <c r="CG27" s="280">
        <v>3</v>
      </c>
      <c r="CH27" s="280">
        <v>0</v>
      </c>
      <c r="CI27" s="280">
        <v>0</v>
      </c>
      <c r="CJ27" s="280">
        <v>5</v>
      </c>
      <c r="CK27" s="277">
        <v>8</v>
      </c>
      <c r="CL27" s="282">
        <v>8</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77">
        <v>0</v>
      </c>
      <c r="E28" s="278">
        <v>0</v>
      </c>
      <c r="F28" s="279">
        <v>0</v>
      </c>
      <c r="G28" s="280">
        <v>20</v>
      </c>
      <c r="H28" s="280">
        <v>19</v>
      </c>
      <c r="I28" s="280">
        <v>90</v>
      </c>
      <c r="J28" s="280">
        <v>116</v>
      </c>
      <c r="K28" s="280">
        <v>80</v>
      </c>
      <c r="L28" s="281">
        <v>325</v>
      </c>
      <c r="M28" s="282">
        <v>325</v>
      </c>
      <c r="N28" s="276">
        <v>0</v>
      </c>
      <c r="O28" s="280">
        <v>0</v>
      </c>
      <c r="P28" s="277">
        <v>0</v>
      </c>
      <c r="Q28" s="279">
        <v>0</v>
      </c>
      <c r="R28" s="280">
        <v>0</v>
      </c>
      <c r="S28" s="280">
        <v>0</v>
      </c>
      <c r="T28" s="280">
        <v>0</v>
      </c>
      <c r="U28" s="280">
        <v>0</v>
      </c>
      <c r="V28" s="280">
        <v>4</v>
      </c>
      <c r="W28" s="277">
        <v>4</v>
      </c>
      <c r="X28" s="282">
        <v>4</v>
      </c>
      <c r="Y28" s="276">
        <v>0</v>
      </c>
      <c r="Z28" s="280">
        <v>9</v>
      </c>
      <c r="AA28" s="277">
        <v>9</v>
      </c>
      <c r="AB28" s="279">
        <v>0</v>
      </c>
      <c r="AC28" s="280">
        <v>23</v>
      </c>
      <c r="AD28" s="280">
        <v>60</v>
      </c>
      <c r="AE28" s="280">
        <v>12</v>
      </c>
      <c r="AF28" s="280">
        <v>37</v>
      </c>
      <c r="AG28" s="280">
        <v>21</v>
      </c>
      <c r="AH28" s="277">
        <v>153</v>
      </c>
      <c r="AI28" s="282">
        <v>162</v>
      </c>
      <c r="AJ28" s="276">
        <v>0</v>
      </c>
      <c r="AK28" s="280">
        <v>0</v>
      </c>
      <c r="AL28" s="277">
        <v>0</v>
      </c>
      <c r="AM28" s="279">
        <v>0</v>
      </c>
      <c r="AN28" s="280">
        <v>0</v>
      </c>
      <c r="AO28" s="280">
        <v>27</v>
      </c>
      <c r="AP28" s="280">
        <v>0</v>
      </c>
      <c r="AQ28" s="280">
        <v>0</v>
      </c>
      <c r="AR28" s="280">
        <v>0</v>
      </c>
      <c r="AS28" s="277">
        <v>27</v>
      </c>
      <c r="AT28" s="282">
        <v>27</v>
      </c>
      <c r="AU28" s="276">
        <v>0</v>
      </c>
      <c r="AV28" s="280">
        <v>0</v>
      </c>
      <c r="AW28" s="277">
        <v>0</v>
      </c>
      <c r="AX28" s="279">
        <v>0</v>
      </c>
      <c r="AY28" s="280">
        <v>27</v>
      </c>
      <c r="AZ28" s="280">
        <v>44</v>
      </c>
      <c r="BA28" s="280">
        <v>23</v>
      </c>
      <c r="BB28" s="280">
        <v>8</v>
      </c>
      <c r="BC28" s="280">
        <v>0</v>
      </c>
      <c r="BD28" s="281">
        <v>102</v>
      </c>
      <c r="BE28" s="282">
        <v>102</v>
      </c>
      <c r="BF28" s="276">
        <v>0</v>
      </c>
      <c r="BG28" s="280">
        <v>0</v>
      </c>
      <c r="BH28" s="277">
        <v>0</v>
      </c>
      <c r="BI28" s="279">
        <v>0</v>
      </c>
      <c r="BJ28" s="280">
        <v>20</v>
      </c>
      <c r="BK28" s="280">
        <v>24</v>
      </c>
      <c r="BL28" s="280">
        <v>4</v>
      </c>
      <c r="BM28" s="280">
        <v>0</v>
      </c>
      <c r="BN28" s="280">
        <v>0</v>
      </c>
      <c r="BO28" s="277">
        <v>48</v>
      </c>
      <c r="BP28" s="282">
        <v>48</v>
      </c>
      <c r="BQ28" s="276">
        <v>0</v>
      </c>
      <c r="BR28" s="280">
        <v>5</v>
      </c>
      <c r="BS28" s="277">
        <v>5</v>
      </c>
      <c r="BT28" s="279">
        <v>0</v>
      </c>
      <c r="BU28" s="280">
        <v>0</v>
      </c>
      <c r="BV28" s="280">
        <v>1</v>
      </c>
      <c r="BW28" s="280">
        <v>12</v>
      </c>
      <c r="BX28" s="280">
        <v>0</v>
      </c>
      <c r="BY28" s="280">
        <v>0</v>
      </c>
      <c r="BZ28" s="277">
        <v>13</v>
      </c>
      <c r="CA28" s="282">
        <v>18</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77">
        <v>0</v>
      </c>
      <c r="E29" s="278">
        <v>0</v>
      </c>
      <c r="F29" s="279">
        <v>0</v>
      </c>
      <c r="G29" s="280">
        <v>0</v>
      </c>
      <c r="H29" s="280">
        <v>43</v>
      </c>
      <c r="I29" s="280">
        <v>50</v>
      </c>
      <c r="J29" s="280">
        <v>0</v>
      </c>
      <c r="K29" s="280">
        <v>80</v>
      </c>
      <c r="L29" s="281">
        <v>173</v>
      </c>
      <c r="M29" s="282">
        <v>173</v>
      </c>
      <c r="N29" s="276">
        <v>0</v>
      </c>
      <c r="O29" s="280">
        <v>0</v>
      </c>
      <c r="P29" s="277">
        <v>0</v>
      </c>
      <c r="Q29" s="279">
        <v>0</v>
      </c>
      <c r="R29" s="280">
        <v>0</v>
      </c>
      <c r="S29" s="280">
        <v>0</v>
      </c>
      <c r="T29" s="280">
        <v>0</v>
      </c>
      <c r="U29" s="280">
        <v>10</v>
      </c>
      <c r="V29" s="280">
        <v>0</v>
      </c>
      <c r="W29" s="277">
        <v>10</v>
      </c>
      <c r="X29" s="282">
        <v>10</v>
      </c>
      <c r="Y29" s="276">
        <v>49</v>
      </c>
      <c r="Z29" s="280">
        <v>12</v>
      </c>
      <c r="AA29" s="277">
        <v>61</v>
      </c>
      <c r="AB29" s="279">
        <v>0</v>
      </c>
      <c r="AC29" s="280">
        <v>16</v>
      </c>
      <c r="AD29" s="280">
        <v>34</v>
      </c>
      <c r="AE29" s="280">
        <v>17</v>
      </c>
      <c r="AF29" s="280">
        <v>28</v>
      </c>
      <c r="AG29" s="280">
        <v>4</v>
      </c>
      <c r="AH29" s="277">
        <v>99</v>
      </c>
      <c r="AI29" s="282">
        <v>160</v>
      </c>
      <c r="AJ29" s="276">
        <v>0</v>
      </c>
      <c r="AK29" s="280">
        <v>0</v>
      </c>
      <c r="AL29" s="277">
        <v>0</v>
      </c>
      <c r="AM29" s="279">
        <v>0</v>
      </c>
      <c r="AN29" s="280">
        <v>0</v>
      </c>
      <c r="AO29" s="280">
        <v>0</v>
      </c>
      <c r="AP29" s="280">
        <v>0</v>
      </c>
      <c r="AQ29" s="280">
        <v>0</v>
      </c>
      <c r="AR29" s="280">
        <v>0</v>
      </c>
      <c r="AS29" s="277">
        <v>0</v>
      </c>
      <c r="AT29" s="282">
        <v>0</v>
      </c>
      <c r="AU29" s="276">
        <v>0</v>
      </c>
      <c r="AV29" s="280">
        <v>0</v>
      </c>
      <c r="AW29" s="277">
        <v>0</v>
      </c>
      <c r="AX29" s="279">
        <v>0</v>
      </c>
      <c r="AY29" s="280">
        <v>4</v>
      </c>
      <c r="AZ29" s="280">
        <v>13</v>
      </c>
      <c r="BA29" s="280">
        <v>9</v>
      </c>
      <c r="BB29" s="280">
        <v>8</v>
      </c>
      <c r="BC29" s="280">
        <v>0</v>
      </c>
      <c r="BD29" s="281">
        <v>34</v>
      </c>
      <c r="BE29" s="282">
        <v>34</v>
      </c>
      <c r="BF29" s="276">
        <v>0</v>
      </c>
      <c r="BG29" s="280">
        <v>0</v>
      </c>
      <c r="BH29" s="277">
        <v>0</v>
      </c>
      <c r="BI29" s="279">
        <v>0</v>
      </c>
      <c r="BJ29" s="280">
        <v>0</v>
      </c>
      <c r="BK29" s="280">
        <v>12</v>
      </c>
      <c r="BL29" s="280">
        <v>8</v>
      </c>
      <c r="BM29" s="280">
        <v>0</v>
      </c>
      <c r="BN29" s="280">
        <v>0</v>
      </c>
      <c r="BO29" s="277">
        <v>20</v>
      </c>
      <c r="BP29" s="282">
        <v>20</v>
      </c>
      <c r="BQ29" s="276">
        <v>0</v>
      </c>
      <c r="BR29" s="280">
        <v>0</v>
      </c>
      <c r="BS29" s="277">
        <v>0</v>
      </c>
      <c r="BT29" s="279">
        <v>0</v>
      </c>
      <c r="BU29" s="280">
        <v>0</v>
      </c>
      <c r="BV29" s="280">
        <v>0</v>
      </c>
      <c r="BW29" s="280">
        <v>0</v>
      </c>
      <c r="BX29" s="280">
        <v>8</v>
      </c>
      <c r="BY29" s="280">
        <v>0</v>
      </c>
      <c r="BZ29" s="277">
        <v>8</v>
      </c>
      <c r="CA29" s="282">
        <v>8</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77">
        <v>0</v>
      </c>
      <c r="E30" s="278">
        <v>0</v>
      </c>
      <c r="F30" s="279">
        <v>0</v>
      </c>
      <c r="G30" s="280">
        <v>8</v>
      </c>
      <c r="H30" s="280">
        <v>12</v>
      </c>
      <c r="I30" s="280">
        <v>0</v>
      </c>
      <c r="J30" s="280">
        <v>0</v>
      </c>
      <c r="K30" s="280">
        <v>26</v>
      </c>
      <c r="L30" s="281">
        <v>46</v>
      </c>
      <c r="M30" s="282">
        <v>46</v>
      </c>
      <c r="N30" s="276">
        <v>0</v>
      </c>
      <c r="O30" s="280">
        <v>0</v>
      </c>
      <c r="P30" s="277">
        <v>0</v>
      </c>
      <c r="Q30" s="279">
        <v>0</v>
      </c>
      <c r="R30" s="280">
        <v>0</v>
      </c>
      <c r="S30" s="280">
        <v>0</v>
      </c>
      <c r="T30" s="280">
        <v>2</v>
      </c>
      <c r="U30" s="280">
        <v>0</v>
      </c>
      <c r="V30" s="280">
        <v>0</v>
      </c>
      <c r="W30" s="277">
        <v>2</v>
      </c>
      <c r="X30" s="282">
        <v>2</v>
      </c>
      <c r="Y30" s="276">
        <v>0</v>
      </c>
      <c r="Z30" s="280">
        <v>0</v>
      </c>
      <c r="AA30" s="277">
        <v>0</v>
      </c>
      <c r="AB30" s="279">
        <v>0</v>
      </c>
      <c r="AC30" s="280">
        <v>0</v>
      </c>
      <c r="AD30" s="280">
        <v>14</v>
      </c>
      <c r="AE30" s="280">
        <v>4</v>
      </c>
      <c r="AF30" s="280">
        <v>0</v>
      </c>
      <c r="AG30" s="280">
        <v>0</v>
      </c>
      <c r="AH30" s="277">
        <v>18</v>
      </c>
      <c r="AI30" s="282">
        <v>18</v>
      </c>
      <c r="AJ30" s="276">
        <v>0</v>
      </c>
      <c r="AK30" s="280">
        <v>0</v>
      </c>
      <c r="AL30" s="277">
        <v>0</v>
      </c>
      <c r="AM30" s="279">
        <v>0</v>
      </c>
      <c r="AN30" s="280">
        <v>24</v>
      </c>
      <c r="AO30" s="280">
        <v>0</v>
      </c>
      <c r="AP30" s="280">
        <v>0</v>
      </c>
      <c r="AQ30" s="280">
        <v>0</v>
      </c>
      <c r="AR30" s="280">
        <v>0</v>
      </c>
      <c r="AS30" s="277">
        <v>24</v>
      </c>
      <c r="AT30" s="282">
        <v>24</v>
      </c>
      <c r="AU30" s="276">
        <v>0</v>
      </c>
      <c r="AV30" s="280">
        <v>0</v>
      </c>
      <c r="AW30" s="277">
        <v>0</v>
      </c>
      <c r="AX30" s="279">
        <v>0</v>
      </c>
      <c r="AY30" s="280">
        <v>0</v>
      </c>
      <c r="AZ30" s="280">
        <v>20</v>
      </c>
      <c r="BA30" s="280">
        <v>18</v>
      </c>
      <c r="BB30" s="280">
        <v>12</v>
      </c>
      <c r="BC30" s="280">
        <v>0</v>
      </c>
      <c r="BD30" s="281">
        <v>50</v>
      </c>
      <c r="BE30" s="282">
        <v>50</v>
      </c>
      <c r="BF30" s="276">
        <v>0</v>
      </c>
      <c r="BG30" s="280">
        <v>0</v>
      </c>
      <c r="BH30" s="277">
        <v>0</v>
      </c>
      <c r="BI30" s="279">
        <v>0</v>
      </c>
      <c r="BJ30" s="280">
        <v>0</v>
      </c>
      <c r="BK30" s="280">
        <v>0</v>
      </c>
      <c r="BL30" s="280">
        <v>19</v>
      </c>
      <c r="BM30" s="280">
        <v>0</v>
      </c>
      <c r="BN30" s="280">
        <v>7</v>
      </c>
      <c r="BO30" s="277">
        <v>26</v>
      </c>
      <c r="BP30" s="282">
        <v>26</v>
      </c>
      <c r="BQ30" s="276">
        <v>0</v>
      </c>
      <c r="BR30" s="280">
        <v>0</v>
      </c>
      <c r="BS30" s="277">
        <v>0</v>
      </c>
      <c r="BT30" s="279">
        <v>0</v>
      </c>
      <c r="BU30" s="280">
        <v>0</v>
      </c>
      <c r="BV30" s="280">
        <v>8</v>
      </c>
      <c r="BW30" s="280">
        <v>0</v>
      </c>
      <c r="BX30" s="280">
        <v>0</v>
      </c>
      <c r="BY30" s="280">
        <v>0</v>
      </c>
      <c r="BZ30" s="277">
        <v>8</v>
      </c>
      <c r="CA30" s="282">
        <v>8</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77">
        <v>0</v>
      </c>
      <c r="E31" s="278">
        <v>0</v>
      </c>
      <c r="F31" s="279">
        <v>0</v>
      </c>
      <c r="G31" s="280">
        <v>14</v>
      </c>
      <c r="H31" s="280">
        <v>23</v>
      </c>
      <c r="I31" s="280">
        <v>0</v>
      </c>
      <c r="J31" s="280">
        <v>85</v>
      </c>
      <c r="K31" s="280">
        <v>0</v>
      </c>
      <c r="L31" s="281">
        <v>122</v>
      </c>
      <c r="M31" s="282">
        <v>122</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7</v>
      </c>
      <c r="AE31" s="280">
        <v>33</v>
      </c>
      <c r="AF31" s="280">
        <v>0</v>
      </c>
      <c r="AG31" s="280">
        <v>0</v>
      </c>
      <c r="AH31" s="277">
        <v>50</v>
      </c>
      <c r="AI31" s="282">
        <v>50</v>
      </c>
      <c r="AJ31" s="276">
        <v>0</v>
      </c>
      <c r="AK31" s="280">
        <v>0</v>
      </c>
      <c r="AL31" s="277">
        <v>0</v>
      </c>
      <c r="AM31" s="279">
        <v>0</v>
      </c>
      <c r="AN31" s="280">
        <v>12</v>
      </c>
      <c r="AO31" s="280">
        <v>0</v>
      </c>
      <c r="AP31" s="280">
        <v>12</v>
      </c>
      <c r="AQ31" s="280">
        <v>21</v>
      </c>
      <c r="AR31" s="280">
        <v>0</v>
      </c>
      <c r="AS31" s="277">
        <v>45</v>
      </c>
      <c r="AT31" s="282">
        <v>45</v>
      </c>
      <c r="AU31" s="276">
        <v>0</v>
      </c>
      <c r="AV31" s="280">
        <v>0</v>
      </c>
      <c r="AW31" s="277">
        <v>0</v>
      </c>
      <c r="AX31" s="279">
        <v>0</v>
      </c>
      <c r="AY31" s="280">
        <v>11</v>
      </c>
      <c r="AZ31" s="280">
        <v>0</v>
      </c>
      <c r="BA31" s="280">
        <v>4</v>
      </c>
      <c r="BB31" s="280">
        <v>0</v>
      </c>
      <c r="BC31" s="280">
        <v>0</v>
      </c>
      <c r="BD31" s="281">
        <v>15</v>
      </c>
      <c r="BE31" s="282">
        <v>15</v>
      </c>
      <c r="BF31" s="276">
        <v>0</v>
      </c>
      <c r="BG31" s="280">
        <v>0</v>
      </c>
      <c r="BH31" s="277">
        <v>0</v>
      </c>
      <c r="BI31" s="279">
        <v>0</v>
      </c>
      <c r="BJ31" s="280">
        <v>15</v>
      </c>
      <c r="BK31" s="280">
        <v>0</v>
      </c>
      <c r="BL31" s="280">
        <v>12</v>
      </c>
      <c r="BM31" s="280">
        <v>8</v>
      </c>
      <c r="BN31" s="280">
        <v>0</v>
      </c>
      <c r="BO31" s="277">
        <v>35</v>
      </c>
      <c r="BP31" s="282">
        <v>35</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2</v>
      </c>
      <c r="CG31" s="280">
        <v>0</v>
      </c>
      <c r="CH31" s="280">
        <v>0</v>
      </c>
      <c r="CI31" s="280">
        <v>0</v>
      </c>
      <c r="CJ31" s="280">
        <v>0</v>
      </c>
      <c r="CK31" s="277">
        <v>2</v>
      </c>
      <c r="CL31" s="282">
        <v>2</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77">
        <v>0</v>
      </c>
      <c r="E32" s="278">
        <v>0</v>
      </c>
      <c r="F32" s="279">
        <v>0</v>
      </c>
      <c r="G32" s="280">
        <v>8</v>
      </c>
      <c r="H32" s="280">
        <v>15</v>
      </c>
      <c r="I32" s="280">
        <v>78</v>
      </c>
      <c r="J32" s="280">
        <v>0</v>
      </c>
      <c r="K32" s="280">
        <v>0</v>
      </c>
      <c r="L32" s="281">
        <v>101</v>
      </c>
      <c r="M32" s="282">
        <v>101</v>
      </c>
      <c r="N32" s="276">
        <v>0</v>
      </c>
      <c r="O32" s="280">
        <v>0</v>
      </c>
      <c r="P32" s="277">
        <v>0</v>
      </c>
      <c r="Q32" s="279">
        <v>0</v>
      </c>
      <c r="R32" s="280">
        <v>4</v>
      </c>
      <c r="S32" s="280">
        <v>0</v>
      </c>
      <c r="T32" s="280">
        <v>0</v>
      </c>
      <c r="U32" s="280">
        <v>4</v>
      </c>
      <c r="V32" s="280">
        <v>0</v>
      </c>
      <c r="W32" s="277">
        <v>8</v>
      </c>
      <c r="X32" s="282">
        <v>8</v>
      </c>
      <c r="Y32" s="276">
        <v>0</v>
      </c>
      <c r="Z32" s="280">
        <v>0</v>
      </c>
      <c r="AA32" s="277">
        <v>0</v>
      </c>
      <c r="AB32" s="279">
        <v>0</v>
      </c>
      <c r="AC32" s="280">
        <v>4</v>
      </c>
      <c r="AD32" s="280">
        <v>0</v>
      </c>
      <c r="AE32" s="280">
        <v>0</v>
      </c>
      <c r="AF32" s="280">
        <v>4</v>
      </c>
      <c r="AG32" s="280">
        <v>0</v>
      </c>
      <c r="AH32" s="277">
        <v>8</v>
      </c>
      <c r="AI32" s="282">
        <v>8</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0</v>
      </c>
      <c r="AZ32" s="280">
        <v>22</v>
      </c>
      <c r="BA32" s="280">
        <v>0</v>
      </c>
      <c r="BB32" s="280">
        <v>0</v>
      </c>
      <c r="BC32" s="280">
        <v>0</v>
      </c>
      <c r="BD32" s="281">
        <v>22</v>
      </c>
      <c r="BE32" s="282">
        <v>22</v>
      </c>
      <c r="BF32" s="276">
        <v>0</v>
      </c>
      <c r="BG32" s="280">
        <v>0</v>
      </c>
      <c r="BH32" s="277">
        <v>0</v>
      </c>
      <c r="BI32" s="279">
        <v>0</v>
      </c>
      <c r="BJ32" s="280">
        <v>0</v>
      </c>
      <c r="BK32" s="280">
        <v>18</v>
      </c>
      <c r="BL32" s="280">
        <v>0</v>
      </c>
      <c r="BM32" s="280">
        <v>0</v>
      </c>
      <c r="BN32" s="280">
        <v>0</v>
      </c>
      <c r="BO32" s="277">
        <v>18</v>
      </c>
      <c r="BP32" s="282">
        <v>18</v>
      </c>
      <c r="BQ32" s="276">
        <v>0</v>
      </c>
      <c r="BR32" s="280">
        <v>0</v>
      </c>
      <c r="BS32" s="277">
        <v>0</v>
      </c>
      <c r="BT32" s="279">
        <v>0</v>
      </c>
      <c r="BU32" s="280">
        <v>0</v>
      </c>
      <c r="BV32" s="280">
        <v>6</v>
      </c>
      <c r="BW32" s="280">
        <v>0</v>
      </c>
      <c r="BX32" s="280">
        <v>0</v>
      </c>
      <c r="BY32" s="280">
        <v>0</v>
      </c>
      <c r="BZ32" s="277">
        <v>6</v>
      </c>
      <c r="CA32" s="282">
        <v>6</v>
      </c>
      <c r="CB32" s="276">
        <v>0</v>
      </c>
      <c r="CC32" s="280">
        <v>0</v>
      </c>
      <c r="CD32" s="277">
        <v>0</v>
      </c>
      <c r="CE32" s="279">
        <v>0</v>
      </c>
      <c r="CF32" s="280">
        <v>0</v>
      </c>
      <c r="CG32" s="280">
        <v>4</v>
      </c>
      <c r="CH32" s="280">
        <v>0</v>
      </c>
      <c r="CI32" s="280">
        <v>0</v>
      </c>
      <c r="CJ32" s="280">
        <v>0</v>
      </c>
      <c r="CK32" s="277">
        <v>4</v>
      </c>
      <c r="CL32" s="282">
        <v>4</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77">
        <v>0</v>
      </c>
      <c r="E33" s="278">
        <v>0</v>
      </c>
      <c r="F33" s="279">
        <v>0</v>
      </c>
      <c r="G33" s="280">
        <v>0</v>
      </c>
      <c r="H33" s="280">
        <v>0</v>
      </c>
      <c r="I33" s="280">
        <v>0</v>
      </c>
      <c r="J33" s="280">
        <v>11</v>
      </c>
      <c r="K33" s="280">
        <v>0</v>
      </c>
      <c r="L33" s="281">
        <v>11</v>
      </c>
      <c r="M33" s="282">
        <v>11</v>
      </c>
      <c r="N33" s="276">
        <v>0</v>
      </c>
      <c r="O33" s="280">
        <v>0</v>
      </c>
      <c r="P33" s="277">
        <v>0</v>
      </c>
      <c r="Q33" s="279">
        <v>0</v>
      </c>
      <c r="R33" s="280">
        <v>0</v>
      </c>
      <c r="S33" s="280">
        <v>0</v>
      </c>
      <c r="T33" s="280">
        <v>0</v>
      </c>
      <c r="U33" s="280">
        <v>0</v>
      </c>
      <c r="V33" s="280">
        <v>8</v>
      </c>
      <c r="W33" s="277">
        <v>8</v>
      </c>
      <c r="X33" s="282">
        <v>8</v>
      </c>
      <c r="Y33" s="276">
        <v>0</v>
      </c>
      <c r="Z33" s="280">
        <v>0</v>
      </c>
      <c r="AA33" s="277">
        <v>0</v>
      </c>
      <c r="AB33" s="279">
        <v>0</v>
      </c>
      <c r="AC33" s="280">
        <v>3</v>
      </c>
      <c r="AD33" s="280">
        <v>0</v>
      </c>
      <c r="AE33" s="280">
        <v>0</v>
      </c>
      <c r="AF33" s="280">
        <v>33</v>
      </c>
      <c r="AG33" s="280">
        <v>22</v>
      </c>
      <c r="AH33" s="277">
        <v>58</v>
      </c>
      <c r="AI33" s="282">
        <v>58</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23</v>
      </c>
      <c r="BA33" s="280">
        <v>31</v>
      </c>
      <c r="BB33" s="280">
        <v>8</v>
      </c>
      <c r="BC33" s="280">
        <v>0</v>
      </c>
      <c r="BD33" s="281">
        <v>62</v>
      </c>
      <c r="BE33" s="282">
        <v>62</v>
      </c>
      <c r="BF33" s="276">
        <v>0</v>
      </c>
      <c r="BG33" s="280">
        <v>0</v>
      </c>
      <c r="BH33" s="277">
        <v>0</v>
      </c>
      <c r="BI33" s="279">
        <v>0</v>
      </c>
      <c r="BJ33" s="280">
        <v>0</v>
      </c>
      <c r="BK33" s="280">
        <v>0</v>
      </c>
      <c r="BL33" s="280">
        <v>0</v>
      </c>
      <c r="BM33" s="280">
        <v>0</v>
      </c>
      <c r="BN33" s="280">
        <v>0</v>
      </c>
      <c r="BO33" s="277">
        <v>0</v>
      </c>
      <c r="BP33" s="282">
        <v>0</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77">
        <v>0</v>
      </c>
      <c r="E34" s="278">
        <v>0</v>
      </c>
      <c r="F34" s="279">
        <v>0</v>
      </c>
      <c r="G34" s="280">
        <v>0</v>
      </c>
      <c r="H34" s="280">
        <v>0</v>
      </c>
      <c r="I34" s="280">
        <v>0</v>
      </c>
      <c r="J34" s="280">
        <v>111</v>
      </c>
      <c r="K34" s="280">
        <v>0</v>
      </c>
      <c r="L34" s="281">
        <v>111</v>
      </c>
      <c r="M34" s="282">
        <v>11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5</v>
      </c>
      <c r="AE34" s="280">
        <v>0</v>
      </c>
      <c r="AF34" s="280">
        <v>0</v>
      </c>
      <c r="AG34" s="280">
        <v>0</v>
      </c>
      <c r="AH34" s="277">
        <v>15</v>
      </c>
      <c r="AI34" s="282">
        <v>15</v>
      </c>
      <c r="AJ34" s="276">
        <v>8</v>
      </c>
      <c r="AK34" s="280">
        <v>0</v>
      </c>
      <c r="AL34" s="277">
        <v>8</v>
      </c>
      <c r="AM34" s="279">
        <v>0</v>
      </c>
      <c r="AN34" s="280">
        <v>0</v>
      </c>
      <c r="AO34" s="280">
        <v>0</v>
      </c>
      <c r="AP34" s="280">
        <v>0</v>
      </c>
      <c r="AQ34" s="280">
        <v>9</v>
      </c>
      <c r="AR34" s="280">
        <v>0</v>
      </c>
      <c r="AS34" s="277">
        <v>9</v>
      </c>
      <c r="AT34" s="282">
        <v>17</v>
      </c>
      <c r="AU34" s="276">
        <v>0</v>
      </c>
      <c r="AV34" s="280">
        <v>0</v>
      </c>
      <c r="AW34" s="277">
        <v>0</v>
      </c>
      <c r="AX34" s="279">
        <v>0</v>
      </c>
      <c r="AY34" s="280">
        <v>35</v>
      </c>
      <c r="AZ34" s="280">
        <v>32</v>
      </c>
      <c r="BA34" s="280">
        <v>0</v>
      </c>
      <c r="BB34" s="280">
        <v>0</v>
      </c>
      <c r="BC34" s="280">
        <v>0</v>
      </c>
      <c r="BD34" s="281">
        <v>67</v>
      </c>
      <c r="BE34" s="282">
        <v>67</v>
      </c>
      <c r="BF34" s="276">
        <v>0</v>
      </c>
      <c r="BG34" s="280">
        <v>0</v>
      </c>
      <c r="BH34" s="277">
        <v>0</v>
      </c>
      <c r="BI34" s="279">
        <v>0</v>
      </c>
      <c r="BJ34" s="280">
        <v>0</v>
      </c>
      <c r="BK34" s="280">
        <v>0</v>
      </c>
      <c r="BL34" s="280">
        <v>6</v>
      </c>
      <c r="BM34" s="280">
        <v>7</v>
      </c>
      <c r="BN34" s="280">
        <v>0</v>
      </c>
      <c r="BO34" s="277">
        <v>13</v>
      </c>
      <c r="BP34" s="282">
        <v>13</v>
      </c>
      <c r="BQ34" s="276">
        <v>0</v>
      </c>
      <c r="BR34" s="280">
        <v>0</v>
      </c>
      <c r="BS34" s="277">
        <v>0</v>
      </c>
      <c r="BT34" s="279">
        <v>0</v>
      </c>
      <c r="BU34" s="280">
        <v>0</v>
      </c>
      <c r="BV34" s="280">
        <v>3</v>
      </c>
      <c r="BW34" s="280">
        <v>0</v>
      </c>
      <c r="BX34" s="280">
        <v>0</v>
      </c>
      <c r="BY34" s="280">
        <v>0</v>
      </c>
      <c r="BZ34" s="277">
        <v>3</v>
      </c>
      <c r="CA34" s="282">
        <v>3</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77">
        <v>0</v>
      </c>
      <c r="E35" s="278">
        <v>0</v>
      </c>
      <c r="F35" s="279">
        <v>0</v>
      </c>
      <c r="G35" s="280">
        <v>31</v>
      </c>
      <c r="H35" s="280">
        <v>0</v>
      </c>
      <c r="I35" s="280">
        <v>11</v>
      </c>
      <c r="J35" s="280">
        <v>4</v>
      </c>
      <c r="K35" s="280">
        <v>0</v>
      </c>
      <c r="L35" s="281">
        <v>46</v>
      </c>
      <c r="M35" s="282">
        <v>46</v>
      </c>
      <c r="N35" s="276">
        <v>0</v>
      </c>
      <c r="O35" s="280">
        <v>0</v>
      </c>
      <c r="P35" s="277">
        <v>0</v>
      </c>
      <c r="Q35" s="279">
        <v>0</v>
      </c>
      <c r="R35" s="280">
        <v>0</v>
      </c>
      <c r="S35" s="280">
        <v>1</v>
      </c>
      <c r="T35" s="280">
        <v>0</v>
      </c>
      <c r="U35" s="280">
        <v>0</v>
      </c>
      <c r="V35" s="280">
        <v>0</v>
      </c>
      <c r="W35" s="277">
        <v>1</v>
      </c>
      <c r="X35" s="282">
        <v>1</v>
      </c>
      <c r="Y35" s="276">
        <v>0</v>
      </c>
      <c r="Z35" s="280">
        <v>0</v>
      </c>
      <c r="AA35" s="277">
        <v>0</v>
      </c>
      <c r="AB35" s="279">
        <v>0</v>
      </c>
      <c r="AC35" s="280">
        <v>0</v>
      </c>
      <c r="AD35" s="280">
        <v>4</v>
      </c>
      <c r="AE35" s="280">
        <v>32</v>
      </c>
      <c r="AF35" s="280">
        <v>3</v>
      </c>
      <c r="AG35" s="280">
        <v>0</v>
      </c>
      <c r="AH35" s="277">
        <v>39</v>
      </c>
      <c r="AI35" s="282">
        <v>39</v>
      </c>
      <c r="AJ35" s="276">
        <v>0</v>
      </c>
      <c r="AK35" s="280">
        <v>6</v>
      </c>
      <c r="AL35" s="277">
        <v>6</v>
      </c>
      <c r="AM35" s="279">
        <v>0</v>
      </c>
      <c r="AN35" s="280">
        <v>21</v>
      </c>
      <c r="AO35" s="280">
        <v>28</v>
      </c>
      <c r="AP35" s="280">
        <v>12</v>
      </c>
      <c r="AQ35" s="280">
        <v>24</v>
      </c>
      <c r="AR35" s="280">
        <v>0</v>
      </c>
      <c r="AS35" s="277">
        <v>85</v>
      </c>
      <c r="AT35" s="282">
        <v>91</v>
      </c>
      <c r="AU35" s="276">
        <v>0</v>
      </c>
      <c r="AV35" s="280">
        <v>0</v>
      </c>
      <c r="AW35" s="277">
        <v>0</v>
      </c>
      <c r="AX35" s="279">
        <v>0</v>
      </c>
      <c r="AY35" s="280">
        <v>12</v>
      </c>
      <c r="AZ35" s="280">
        <v>0</v>
      </c>
      <c r="BA35" s="280">
        <v>0</v>
      </c>
      <c r="BB35" s="280">
        <v>0</v>
      </c>
      <c r="BC35" s="280">
        <v>0</v>
      </c>
      <c r="BD35" s="281">
        <v>12</v>
      </c>
      <c r="BE35" s="282">
        <v>12</v>
      </c>
      <c r="BF35" s="276">
        <v>0</v>
      </c>
      <c r="BG35" s="280">
        <v>0</v>
      </c>
      <c r="BH35" s="277">
        <v>0</v>
      </c>
      <c r="BI35" s="279">
        <v>0</v>
      </c>
      <c r="BJ35" s="280">
        <v>7</v>
      </c>
      <c r="BK35" s="280">
        <v>0</v>
      </c>
      <c r="BL35" s="280">
        <v>2</v>
      </c>
      <c r="BM35" s="280">
        <v>1</v>
      </c>
      <c r="BN35" s="280">
        <v>0</v>
      </c>
      <c r="BO35" s="277">
        <v>10</v>
      </c>
      <c r="BP35" s="282">
        <v>10</v>
      </c>
      <c r="BQ35" s="276">
        <v>0</v>
      </c>
      <c r="BR35" s="280">
        <v>0</v>
      </c>
      <c r="BS35" s="277">
        <v>0</v>
      </c>
      <c r="BT35" s="279">
        <v>0</v>
      </c>
      <c r="BU35" s="280">
        <v>0</v>
      </c>
      <c r="BV35" s="280">
        <v>0</v>
      </c>
      <c r="BW35" s="280">
        <v>3</v>
      </c>
      <c r="BX35" s="280">
        <v>27</v>
      </c>
      <c r="BY35" s="280">
        <v>0</v>
      </c>
      <c r="BZ35" s="277">
        <v>30</v>
      </c>
      <c r="CA35" s="282">
        <v>3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77">
        <v>0</v>
      </c>
      <c r="E36" s="278">
        <v>0</v>
      </c>
      <c r="F36" s="279">
        <v>0</v>
      </c>
      <c r="G36" s="280">
        <v>9</v>
      </c>
      <c r="H36" s="280">
        <v>0</v>
      </c>
      <c r="I36" s="280">
        <v>0</v>
      </c>
      <c r="J36" s="280">
        <v>0</v>
      </c>
      <c r="K36" s="280">
        <v>0</v>
      </c>
      <c r="L36" s="281">
        <v>9</v>
      </c>
      <c r="M36" s="282">
        <v>9</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0</v>
      </c>
      <c r="AZ36" s="280">
        <v>12</v>
      </c>
      <c r="BA36" s="280">
        <v>31</v>
      </c>
      <c r="BB36" s="280">
        <v>0</v>
      </c>
      <c r="BC36" s="280">
        <v>0</v>
      </c>
      <c r="BD36" s="281">
        <v>43</v>
      </c>
      <c r="BE36" s="282">
        <v>43</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77">
        <v>0</v>
      </c>
      <c r="E37" s="278">
        <v>0</v>
      </c>
      <c r="F37" s="279">
        <v>0</v>
      </c>
      <c r="G37" s="280">
        <v>84</v>
      </c>
      <c r="H37" s="280">
        <v>29</v>
      </c>
      <c r="I37" s="280">
        <v>44</v>
      </c>
      <c r="J37" s="280">
        <v>76</v>
      </c>
      <c r="K37" s="280">
        <v>0</v>
      </c>
      <c r="L37" s="281">
        <v>233</v>
      </c>
      <c r="M37" s="282">
        <v>233</v>
      </c>
      <c r="N37" s="276">
        <v>0</v>
      </c>
      <c r="O37" s="280">
        <v>0</v>
      </c>
      <c r="P37" s="277">
        <v>0</v>
      </c>
      <c r="Q37" s="279">
        <v>0</v>
      </c>
      <c r="R37" s="280">
        <v>0</v>
      </c>
      <c r="S37" s="280">
        <v>0</v>
      </c>
      <c r="T37" s="280">
        <v>0</v>
      </c>
      <c r="U37" s="280">
        <v>0</v>
      </c>
      <c r="V37" s="280">
        <v>0</v>
      </c>
      <c r="W37" s="277">
        <v>0</v>
      </c>
      <c r="X37" s="282">
        <v>0</v>
      </c>
      <c r="Y37" s="276">
        <v>0</v>
      </c>
      <c r="Z37" s="280">
        <v>9</v>
      </c>
      <c r="AA37" s="277">
        <v>9</v>
      </c>
      <c r="AB37" s="279">
        <v>0</v>
      </c>
      <c r="AC37" s="280">
        <v>15</v>
      </c>
      <c r="AD37" s="280">
        <v>3</v>
      </c>
      <c r="AE37" s="280">
        <v>5</v>
      </c>
      <c r="AF37" s="280">
        <v>46</v>
      </c>
      <c r="AG37" s="280">
        <v>0</v>
      </c>
      <c r="AH37" s="277">
        <v>69</v>
      </c>
      <c r="AI37" s="282">
        <v>78</v>
      </c>
      <c r="AJ37" s="276">
        <v>0</v>
      </c>
      <c r="AK37" s="280">
        <v>0</v>
      </c>
      <c r="AL37" s="277">
        <v>0</v>
      </c>
      <c r="AM37" s="279">
        <v>0</v>
      </c>
      <c r="AN37" s="280">
        <v>18</v>
      </c>
      <c r="AO37" s="280">
        <v>0</v>
      </c>
      <c r="AP37" s="280">
        <v>0</v>
      </c>
      <c r="AQ37" s="280">
        <v>0</v>
      </c>
      <c r="AR37" s="280">
        <v>0</v>
      </c>
      <c r="AS37" s="277">
        <v>18</v>
      </c>
      <c r="AT37" s="282">
        <v>18</v>
      </c>
      <c r="AU37" s="276">
        <v>0</v>
      </c>
      <c r="AV37" s="280">
        <v>0</v>
      </c>
      <c r="AW37" s="277">
        <v>0</v>
      </c>
      <c r="AX37" s="279">
        <v>0</v>
      </c>
      <c r="AY37" s="280">
        <v>40</v>
      </c>
      <c r="AZ37" s="280">
        <v>27</v>
      </c>
      <c r="BA37" s="280">
        <v>9</v>
      </c>
      <c r="BB37" s="280">
        <v>7</v>
      </c>
      <c r="BC37" s="280">
        <v>0</v>
      </c>
      <c r="BD37" s="281">
        <v>83</v>
      </c>
      <c r="BE37" s="282">
        <v>83</v>
      </c>
      <c r="BF37" s="276">
        <v>0</v>
      </c>
      <c r="BG37" s="280">
        <v>0</v>
      </c>
      <c r="BH37" s="277">
        <v>0</v>
      </c>
      <c r="BI37" s="279">
        <v>0</v>
      </c>
      <c r="BJ37" s="280">
        <v>4</v>
      </c>
      <c r="BK37" s="280">
        <v>7</v>
      </c>
      <c r="BL37" s="280">
        <v>0</v>
      </c>
      <c r="BM37" s="280">
        <v>10</v>
      </c>
      <c r="BN37" s="280">
        <v>0</v>
      </c>
      <c r="BO37" s="277">
        <v>21</v>
      </c>
      <c r="BP37" s="282">
        <v>21</v>
      </c>
      <c r="BQ37" s="276">
        <v>0</v>
      </c>
      <c r="BR37" s="280">
        <v>0</v>
      </c>
      <c r="BS37" s="277">
        <v>0</v>
      </c>
      <c r="BT37" s="279">
        <v>0</v>
      </c>
      <c r="BU37" s="280">
        <v>0</v>
      </c>
      <c r="BV37" s="280">
        <v>0</v>
      </c>
      <c r="BW37" s="280">
        <v>0</v>
      </c>
      <c r="BX37" s="280">
        <v>25</v>
      </c>
      <c r="BY37" s="280">
        <v>0</v>
      </c>
      <c r="BZ37" s="277">
        <v>25</v>
      </c>
      <c r="CA37" s="282">
        <v>25</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77">
        <v>0</v>
      </c>
      <c r="E38" s="278">
        <v>0</v>
      </c>
      <c r="F38" s="279">
        <v>0</v>
      </c>
      <c r="G38" s="280">
        <v>11</v>
      </c>
      <c r="H38" s="280">
        <v>2</v>
      </c>
      <c r="I38" s="280">
        <v>0</v>
      </c>
      <c r="J38" s="280">
        <v>76</v>
      </c>
      <c r="K38" s="280">
        <v>0</v>
      </c>
      <c r="L38" s="281">
        <v>89</v>
      </c>
      <c r="M38" s="282">
        <v>89</v>
      </c>
      <c r="N38" s="276">
        <v>0</v>
      </c>
      <c r="O38" s="280">
        <v>0</v>
      </c>
      <c r="P38" s="277">
        <v>0</v>
      </c>
      <c r="Q38" s="279">
        <v>0</v>
      </c>
      <c r="R38" s="280">
        <v>2</v>
      </c>
      <c r="S38" s="280">
        <v>0</v>
      </c>
      <c r="T38" s="280">
        <v>0</v>
      </c>
      <c r="U38" s="280">
        <v>0</v>
      </c>
      <c r="V38" s="280">
        <v>0</v>
      </c>
      <c r="W38" s="277">
        <v>2</v>
      </c>
      <c r="X38" s="282">
        <v>2</v>
      </c>
      <c r="Y38" s="276">
        <v>0</v>
      </c>
      <c r="Z38" s="280">
        <v>6</v>
      </c>
      <c r="AA38" s="277">
        <v>6</v>
      </c>
      <c r="AB38" s="279">
        <v>0</v>
      </c>
      <c r="AC38" s="280">
        <v>17</v>
      </c>
      <c r="AD38" s="280">
        <v>11</v>
      </c>
      <c r="AE38" s="280">
        <v>13</v>
      </c>
      <c r="AF38" s="280">
        <v>4</v>
      </c>
      <c r="AG38" s="280">
        <v>0</v>
      </c>
      <c r="AH38" s="277">
        <v>45</v>
      </c>
      <c r="AI38" s="282">
        <v>51</v>
      </c>
      <c r="AJ38" s="276">
        <v>0</v>
      </c>
      <c r="AK38" s="280">
        <v>0</v>
      </c>
      <c r="AL38" s="277">
        <v>0</v>
      </c>
      <c r="AM38" s="279">
        <v>0</v>
      </c>
      <c r="AN38" s="280">
        <v>14</v>
      </c>
      <c r="AO38" s="280">
        <v>0</v>
      </c>
      <c r="AP38" s="280">
        <v>0</v>
      </c>
      <c r="AQ38" s="280">
        <v>0</v>
      </c>
      <c r="AR38" s="280">
        <v>0</v>
      </c>
      <c r="AS38" s="277">
        <v>14</v>
      </c>
      <c r="AT38" s="282">
        <v>14</v>
      </c>
      <c r="AU38" s="276">
        <v>0</v>
      </c>
      <c r="AV38" s="280">
        <v>0</v>
      </c>
      <c r="AW38" s="277">
        <v>0</v>
      </c>
      <c r="AX38" s="279">
        <v>0</v>
      </c>
      <c r="AY38" s="280">
        <v>19</v>
      </c>
      <c r="AZ38" s="280">
        <v>3</v>
      </c>
      <c r="BA38" s="280">
        <v>4</v>
      </c>
      <c r="BB38" s="280">
        <v>16</v>
      </c>
      <c r="BC38" s="280">
        <v>8</v>
      </c>
      <c r="BD38" s="281">
        <v>50</v>
      </c>
      <c r="BE38" s="282">
        <v>50</v>
      </c>
      <c r="BF38" s="276">
        <v>0</v>
      </c>
      <c r="BG38" s="280">
        <v>0</v>
      </c>
      <c r="BH38" s="277">
        <v>0</v>
      </c>
      <c r="BI38" s="279">
        <v>0</v>
      </c>
      <c r="BJ38" s="280">
        <v>3</v>
      </c>
      <c r="BK38" s="280">
        <v>0</v>
      </c>
      <c r="BL38" s="280">
        <v>0</v>
      </c>
      <c r="BM38" s="280">
        <v>0</v>
      </c>
      <c r="BN38" s="280">
        <v>0</v>
      </c>
      <c r="BO38" s="277">
        <v>3</v>
      </c>
      <c r="BP38" s="282">
        <v>3</v>
      </c>
      <c r="BQ38" s="276">
        <v>0</v>
      </c>
      <c r="BR38" s="280">
        <v>0</v>
      </c>
      <c r="BS38" s="277">
        <v>0</v>
      </c>
      <c r="BT38" s="279">
        <v>0</v>
      </c>
      <c r="BU38" s="280">
        <v>0</v>
      </c>
      <c r="BV38" s="280">
        <v>16</v>
      </c>
      <c r="BW38" s="280">
        <v>7</v>
      </c>
      <c r="BX38" s="280">
        <v>0</v>
      </c>
      <c r="BY38" s="280">
        <v>0</v>
      </c>
      <c r="BZ38" s="277">
        <v>23</v>
      </c>
      <c r="CA38" s="282">
        <v>23</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4">
        <v>0</v>
      </c>
      <c r="E39" s="285">
        <v>0</v>
      </c>
      <c r="F39" s="286">
        <v>0</v>
      </c>
      <c r="G39" s="287">
        <v>0</v>
      </c>
      <c r="H39" s="287">
        <v>0</v>
      </c>
      <c r="I39" s="287">
        <v>0</v>
      </c>
      <c r="J39" s="287">
        <v>0</v>
      </c>
      <c r="K39" s="287">
        <v>22</v>
      </c>
      <c r="L39" s="288">
        <v>22</v>
      </c>
      <c r="M39" s="289">
        <v>22</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4</v>
      </c>
      <c r="AH39" s="284">
        <v>4</v>
      </c>
      <c r="AI39" s="289">
        <v>4</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8">
        <v>0</v>
      </c>
      <c r="BE39" s="289">
        <v>0</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2</v>
      </c>
      <c r="CK39" s="284">
        <v>2</v>
      </c>
      <c r="CL39" s="289">
        <v>2</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CB3:CL3"/>
    <mergeCell ref="CM3:CW3"/>
    <mergeCell ref="CB4:CD4"/>
    <mergeCell ref="CE4:CK4"/>
    <mergeCell ref="CL4:CL5"/>
    <mergeCell ref="CM4:CO4"/>
    <mergeCell ref="CP4:CV4"/>
    <mergeCell ref="CW4:CW5"/>
    <mergeCell ref="J1:K1"/>
    <mergeCell ref="M1:N1"/>
    <mergeCell ref="B3:B5"/>
    <mergeCell ref="C3:M3"/>
    <mergeCell ref="N3:X3"/>
    <mergeCell ref="Y3:AI3"/>
    <mergeCell ref="C4:E4"/>
    <mergeCell ref="F4:L4"/>
    <mergeCell ref="M4:M5"/>
    <mergeCell ref="N4:P4"/>
    <mergeCell ref="Q4:W4"/>
    <mergeCell ref="X4:X5"/>
    <mergeCell ref="Y4:AA4"/>
    <mergeCell ref="AB4:AH4"/>
    <mergeCell ref="AI4:AI5"/>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20" t="s">
        <v>129</v>
      </c>
      <c r="F1" s="22"/>
      <c r="H1" s="524">
        <f>第１表!F2</f>
        <v>5</v>
      </c>
      <c r="I1" s="524"/>
      <c r="J1" s="248">
        <f>第１表!G2</f>
        <v>4</v>
      </c>
      <c r="K1" s="555">
        <f>IF(J1&lt;3,J1-2+12,J1-2)</f>
        <v>2</v>
      </c>
      <c r="L1" s="555"/>
    </row>
    <row r="2" spans="2:35" ht="24" customHeight="1" thickBot="1" x14ac:dyDescent="0.25">
      <c r="J2" s="5"/>
      <c r="K2" s="5"/>
      <c r="L2" s="5"/>
      <c r="M2" s="5"/>
      <c r="N2" s="5"/>
      <c r="O2" s="5"/>
      <c r="P2" s="30"/>
      <c r="Q2" s="30"/>
      <c r="R2" s="30"/>
    </row>
    <row r="3" spans="2:35" ht="21" customHeight="1" thickBot="1" x14ac:dyDescent="0.25">
      <c r="B3" s="26"/>
      <c r="C3" s="556" t="s">
        <v>53</v>
      </c>
      <c r="D3" s="557"/>
      <c r="E3" s="557"/>
      <c r="F3" s="557"/>
      <c r="G3" s="557"/>
      <c r="H3" s="557"/>
      <c r="I3" s="557"/>
      <c r="J3" s="557"/>
      <c r="K3" s="557"/>
      <c r="L3" s="557"/>
      <c r="M3" s="558"/>
      <c r="N3" s="556" t="s">
        <v>54</v>
      </c>
      <c r="O3" s="557"/>
      <c r="P3" s="557"/>
      <c r="Q3" s="557"/>
      <c r="R3" s="557"/>
      <c r="S3" s="557"/>
      <c r="T3" s="557"/>
      <c r="U3" s="557"/>
      <c r="V3" s="557"/>
      <c r="W3" s="557"/>
      <c r="X3" s="558"/>
      <c r="Y3" s="556" t="s">
        <v>55</v>
      </c>
      <c r="Z3" s="557"/>
      <c r="AA3" s="557"/>
      <c r="AB3" s="557"/>
      <c r="AC3" s="557"/>
      <c r="AD3" s="557"/>
      <c r="AE3" s="557"/>
      <c r="AF3" s="557"/>
      <c r="AG3" s="557"/>
      <c r="AH3" s="557"/>
      <c r="AI3" s="558"/>
    </row>
    <row r="4" spans="2:35" ht="30"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21" customHeight="1" x14ac:dyDescent="0.2">
      <c r="B5" s="14" t="s">
        <v>4</v>
      </c>
      <c r="C5" s="91">
        <v>194</v>
      </c>
      <c r="D5" s="92">
        <v>311</v>
      </c>
      <c r="E5" s="93">
        <v>505</v>
      </c>
      <c r="F5" s="94">
        <v>0</v>
      </c>
      <c r="G5" s="92">
        <v>18430</v>
      </c>
      <c r="H5" s="92">
        <v>18406</v>
      </c>
      <c r="I5" s="92">
        <v>12714</v>
      </c>
      <c r="J5" s="92">
        <v>8030</v>
      </c>
      <c r="K5" s="92">
        <v>5051</v>
      </c>
      <c r="L5" s="93">
        <v>62631</v>
      </c>
      <c r="M5" s="95">
        <v>63136</v>
      </c>
      <c r="N5" s="96">
        <v>1</v>
      </c>
      <c r="O5" s="92">
        <v>3</v>
      </c>
      <c r="P5" s="93">
        <v>4</v>
      </c>
      <c r="Q5" s="94">
        <v>0</v>
      </c>
      <c r="R5" s="92">
        <v>204</v>
      </c>
      <c r="S5" s="92">
        <v>358</v>
      </c>
      <c r="T5" s="92">
        <v>238</v>
      </c>
      <c r="U5" s="92">
        <v>174</v>
      </c>
      <c r="V5" s="92">
        <v>182</v>
      </c>
      <c r="W5" s="93">
        <v>1156</v>
      </c>
      <c r="X5" s="95">
        <v>1160</v>
      </c>
      <c r="Y5" s="96">
        <v>195</v>
      </c>
      <c r="Z5" s="92">
        <v>314</v>
      </c>
      <c r="AA5" s="93">
        <v>509</v>
      </c>
      <c r="AB5" s="94">
        <v>0</v>
      </c>
      <c r="AC5" s="92">
        <v>18634</v>
      </c>
      <c r="AD5" s="92">
        <v>18764</v>
      </c>
      <c r="AE5" s="92">
        <v>12952</v>
      </c>
      <c r="AF5" s="92">
        <v>8204</v>
      </c>
      <c r="AG5" s="92">
        <v>5233</v>
      </c>
      <c r="AH5" s="93">
        <v>63787</v>
      </c>
      <c r="AI5" s="95">
        <v>64296</v>
      </c>
    </row>
    <row r="6" spans="2:35" ht="21" customHeight="1" x14ac:dyDescent="0.2">
      <c r="B6" s="18" t="s">
        <v>5</v>
      </c>
      <c r="C6" s="97">
        <v>77</v>
      </c>
      <c r="D6" s="98">
        <v>114</v>
      </c>
      <c r="E6" s="99">
        <v>191</v>
      </c>
      <c r="F6" s="100">
        <v>0</v>
      </c>
      <c r="G6" s="98">
        <v>6763</v>
      </c>
      <c r="H6" s="98">
        <v>8678</v>
      </c>
      <c r="I6" s="98">
        <v>5567</v>
      </c>
      <c r="J6" s="98">
        <v>3525</v>
      </c>
      <c r="K6" s="98">
        <v>2332</v>
      </c>
      <c r="L6" s="99">
        <v>26865</v>
      </c>
      <c r="M6" s="101">
        <v>27056</v>
      </c>
      <c r="N6" s="102">
        <v>0</v>
      </c>
      <c r="O6" s="98">
        <v>1</v>
      </c>
      <c r="P6" s="99">
        <v>1</v>
      </c>
      <c r="Q6" s="100">
        <v>0</v>
      </c>
      <c r="R6" s="98">
        <v>70</v>
      </c>
      <c r="S6" s="98">
        <v>156</v>
      </c>
      <c r="T6" s="98">
        <v>137</v>
      </c>
      <c r="U6" s="98">
        <v>78</v>
      </c>
      <c r="V6" s="98">
        <v>87</v>
      </c>
      <c r="W6" s="99">
        <v>528</v>
      </c>
      <c r="X6" s="101">
        <v>529</v>
      </c>
      <c r="Y6" s="102">
        <v>77</v>
      </c>
      <c r="Z6" s="98">
        <v>115</v>
      </c>
      <c r="AA6" s="99">
        <v>192</v>
      </c>
      <c r="AB6" s="100">
        <v>0</v>
      </c>
      <c r="AC6" s="98">
        <v>6833</v>
      </c>
      <c r="AD6" s="98">
        <v>8834</v>
      </c>
      <c r="AE6" s="98">
        <v>5704</v>
      </c>
      <c r="AF6" s="98">
        <v>3603</v>
      </c>
      <c r="AG6" s="98">
        <v>2419</v>
      </c>
      <c r="AH6" s="99">
        <v>27393</v>
      </c>
      <c r="AI6" s="101">
        <v>27585</v>
      </c>
    </row>
    <row r="7" spans="2:35" ht="21" customHeight="1" x14ac:dyDescent="0.2">
      <c r="B7" s="18" t="s">
        <v>6</v>
      </c>
      <c r="C7" s="97">
        <v>26</v>
      </c>
      <c r="D7" s="98">
        <v>34</v>
      </c>
      <c r="E7" s="99">
        <v>60</v>
      </c>
      <c r="F7" s="100">
        <v>0</v>
      </c>
      <c r="G7" s="98">
        <v>2945</v>
      </c>
      <c r="H7" s="98">
        <v>2399</v>
      </c>
      <c r="I7" s="98">
        <v>1910</v>
      </c>
      <c r="J7" s="98">
        <v>1373</v>
      </c>
      <c r="K7" s="98">
        <v>905</v>
      </c>
      <c r="L7" s="99">
        <v>9532</v>
      </c>
      <c r="M7" s="101">
        <v>9592</v>
      </c>
      <c r="N7" s="102">
        <v>0</v>
      </c>
      <c r="O7" s="98">
        <v>0</v>
      </c>
      <c r="P7" s="99">
        <v>0</v>
      </c>
      <c r="Q7" s="100">
        <v>0</v>
      </c>
      <c r="R7" s="98">
        <v>30</v>
      </c>
      <c r="S7" s="98">
        <v>37</v>
      </c>
      <c r="T7" s="98">
        <v>28</v>
      </c>
      <c r="U7" s="98">
        <v>27</v>
      </c>
      <c r="V7" s="98">
        <v>35</v>
      </c>
      <c r="W7" s="99">
        <v>157</v>
      </c>
      <c r="X7" s="101">
        <v>157</v>
      </c>
      <c r="Y7" s="102">
        <v>26</v>
      </c>
      <c r="Z7" s="98">
        <v>34</v>
      </c>
      <c r="AA7" s="99">
        <v>60</v>
      </c>
      <c r="AB7" s="100">
        <v>0</v>
      </c>
      <c r="AC7" s="98">
        <v>2975</v>
      </c>
      <c r="AD7" s="98">
        <v>2436</v>
      </c>
      <c r="AE7" s="98">
        <v>1938</v>
      </c>
      <c r="AF7" s="98">
        <v>1400</v>
      </c>
      <c r="AG7" s="98">
        <v>940</v>
      </c>
      <c r="AH7" s="99">
        <v>9689</v>
      </c>
      <c r="AI7" s="101">
        <v>9749</v>
      </c>
    </row>
    <row r="8" spans="2:35" ht="21" customHeight="1" x14ac:dyDescent="0.2">
      <c r="B8" s="18" t="s">
        <v>14</v>
      </c>
      <c r="C8" s="97">
        <v>22</v>
      </c>
      <c r="D8" s="98">
        <v>34</v>
      </c>
      <c r="E8" s="99">
        <v>56</v>
      </c>
      <c r="F8" s="100">
        <v>0</v>
      </c>
      <c r="G8" s="98">
        <v>1359</v>
      </c>
      <c r="H8" s="98">
        <v>1556</v>
      </c>
      <c r="I8" s="98">
        <v>1094</v>
      </c>
      <c r="J8" s="98">
        <v>607</v>
      </c>
      <c r="K8" s="98">
        <v>344</v>
      </c>
      <c r="L8" s="99">
        <v>4960</v>
      </c>
      <c r="M8" s="101">
        <v>5016</v>
      </c>
      <c r="N8" s="102">
        <v>0</v>
      </c>
      <c r="O8" s="98">
        <v>0</v>
      </c>
      <c r="P8" s="99">
        <v>0</v>
      </c>
      <c r="Q8" s="100">
        <v>0</v>
      </c>
      <c r="R8" s="98">
        <v>10</v>
      </c>
      <c r="S8" s="98">
        <v>41</v>
      </c>
      <c r="T8" s="98">
        <v>10</v>
      </c>
      <c r="U8" s="98">
        <v>13</v>
      </c>
      <c r="V8" s="98">
        <v>12</v>
      </c>
      <c r="W8" s="99">
        <v>86</v>
      </c>
      <c r="X8" s="101">
        <v>86</v>
      </c>
      <c r="Y8" s="102">
        <v>22</v>
      </c>
      <c r="Z8" s="98">
        <v>34</v>
      </c>
      <c r="AA8" s="99">
        <v>56</v>
      </c>
      <c r="AB8" s="100">
        <v>0</v>
      </c>
      <c r="AC8" s="98">
        <v>1369</v>
      </c>
      <c r="AD8" s="98">
        <v>1597</v>
      </c>
      <c r="AE8" s="98">
        <v>1104</v>
      </c>
      <c r="AF8" s="98">
        <v>620</v>
      </c>
      <c r="AG8" s="98">
        <v>356</v>
      </c>
      <c r="AH8" s="99">
        <v>5046</v>
      </c>
      <c r="AI8" s="101">
        <v>5102</v>
      </c>
    </row>
    <row r="9" spans="2:35" ht="21" customHeight="1" x14ac:dyDescent="0.2">
      <c r="B9" s="18" t="s">
        <v>7</v>
      </c>
      <c r="C9" s="97">
        <v>3</v>
      </c>
      <c r="D9" s="98">
        <v>9</v>
      </c>
      <c r="E9" s="99">
        <v>12</v>
      </c>
      <c r="F9" s="100">
        <v>0</v>
      </c>
      <c r="G9" s="98">
        <v>1359</v>
      </c>
      <c r="H9" s="98">
        <v>896</v>
      </c>
      <c r="I9" s="98">
        <v>618</v>
      </c>
      <c r="J9" s="98">
        <v>328</v>
      </c>
      <c r="K9" s="98">
        <v>160</v>
      </c>
      <c r="L9" s="99">
        <v>3361</v>
      </c>
      <c r="M9" s="101">
        <v>3373</v>
      </c>
      <c r="N9" s="102">
        <v>1</v>
      </c>
      <c r="O9" s="98">
        <v>0</v>
      </c>
      <c r="P9" s="99">
        <v>1</v>
      </c>
      <c r="Q9" s="100">
        <v>0</v>
      </c>
      <c r="R9" s="98">
        <v>12</v>
      </c>
      <c r="S9" s="98">
        <v>18</v>
      </c>
      <c r="T9" s="98">
        <v>6</v>
      </c>
      <c r="U9" s="98">
        <v>6</v>
      </c>
      <c r="V9" s="98">
        <v>9</v>
      </c>
      <c r="W9" s="99">
        <v>51</v>
      </c>
      <c r="X9" s="101">
        <v>52</v>
      </c>
      <c r="Y9" s="102">
        <v>4</v>
      </c>
      <c r="Z9" s="98">
        <v>9</v>
      </c>
      <c r="AA9" s="99">
        <v>13</v>
      </c>
      <c r="AB9" s="100">
        <v>0</v>
      </c>
      <c r="AC9" s="98">
        <v>1371</v>
      </c>
      <c r="AD9" s="98">
        <v>914</v>
      </c>
      <c r="AE9" s="98">
        <v>624</v>
      </c>
      <c r="AF9" s="98">
        <v>334</v>
      </c>
      <c r="AG9" s="98">
        <v>169</v>
      </c>
      <c r="AH9" s="99">
        <v>3412</v>
      </c>
      <c r="AI9" s="101">
        <v>3425</v>
      </c>
    </row>
    <row r="10" spans="2:35" ht="21" customHeight="1" x14ac:dyDescent="0.2">
      <c r="B10" s="18" t="s">
        <v>8</v>
      </c>
      <c r="C10" s="97">
        <v>8</v>
      </c>
      <c r="D10" s="98">
        <v>11</v>
      </c>
      <c r="E10" s="99">
        <v>19</v>
      </c>
      <c r="F10" s="100">
        <v>0</v>
      </c>
      <c r="G10" s="98">
        <v>763</v>
      </c>
      <c r="H10" s="98">
        <v>655</v>
      </c>
      <c r="I10" s="98">
        <v>405</v>
      </c>
      <c r="J10" s="98">
        <v>222</v>
      </c>
      <c r="K10" s="98">
        <v>129</v>
      </c>
      <c r="L10" s="99">
        <v>2174</v>
      </c>
      <c r="M10" s="101">
        <v>2193</v>
      </c>
      <c r="N10" s="102">
        <v>0</v>
      </c>
      <c r="O10" s="98">
        <v>0</v>
      </c>
      <c r="P10" s="99">
        <v>0</v>
      </c>
      <c r="Q10" s="100">
        <v>0</v>
      </c>
      <c r="R10" s="98">
        <v>14</v>
      </c>
      <c r="S10" s="98">
        <v>29</v>
      </c>
      <c r="T10" s="98">
        <v>5</v>
      </c>
      <c r="U10" s="98">
        <v>5</v>
      </c>
      <c r="V10" s="98">
        <v>3</v>
      </c>
      <c r="W10" s="99">
        <v>56</v>
      </c>
      <c r="X10" s="101">
        <v>56</v>
      </c>
      <c r="Y10" s="102">
        <v>8</v>
      </c>
      <c r="Z10" s="98">
        <v>11</v>
      </c>
      <c r="AA10" s="99">
        <v>19</v>
      </c>
      <c r="AB10" s="100">
        <v>0</v>
      </c>
      <c r="AC10" s="98">
        <v>777</v>
      </c>
      <c r="AD10" s="98">
        <v>684</v>
      </c>
      <c r="AE10" s="98">
        <v>410</v>
      </c>
      <c r="AF10" s="98">
        <v>227</v>
      </c>
      <c r="AG10" s="98">
        <v>132</v>
      </c>
      <c r="AH10" s="99">
        <v>2230</v>
      </c>
      <c r="AI10" s="101">
        <v>2249</v>
      </c>
    </row>
    <row r="11" spans="2:35" ht="21" customHeight="1" x14ac:dyDescent="0.2">
      <c r="B11" s="18" t="s">
        <v>9</v>
      </c>
      <c r="C11" s="97">
        <v>8</v>
      </c>
      <c r="D11" s="98">
        <v>7</v>
      </c>
      <c r="E11" s="99">
        <v>15</v>
      </c>
      <c r="F11" s="100">
        <v>0</v>
      </c>
      <c r="G11" s="98">
        <v>520</v>
      </c>
      <c r="H11" s="98">
        <v>369</v>
      </c>
      <c r="I11" s="98">
        <v>300</v>
      </c>
      <c r="J11" s="98">
        <v>180</v>
      </c>
      <c r="K11" s="98">
        <v>94</v>
      </c>
      <c r="L11" s="99">
        <v>1463</v>
      </c>
      <c r="M11" s="101">
        <v>1478</v>
      </c>
      <c r="N11" s="102">
        <v>0</v>
      </c>
      <c r="O11" s="98">
        <v>0</v>
      </c>
      <c r="P11" s="99">
        <v>0</v>
      </c>
      <c r="Q11" s="100">
        <v>0</v>
      </c>
      <c r="R11" s="98">
        <v>15</v>
      </c>
      <c r="S11" s="98">
        <v>10</v>
      </c>
      <c r="T11" s="98">
        <v>7</v>
      </c>
      <c r="U11" s="98">
        <v>3</v>
      </c>
      <c r="V11" s="98">
        <v>2</v>
      </c>
      <c r="W11" s="99">
        <v>37</v>
      </c>
      <c r="X11" s="101">
        <v>37</v>
      </c>
      <c r="Y11" s="102">
        <v>8</v>
      </c>
      <c r="Z11" s="98">
        <v>7</v>
      </c>
      <c r="AA11" s="99">
        <v>15</v>
      </c>
      <c r="AB11" s="100">
        <v>0</v>
      </c>
      <c r="AC11" s="98">
        <v>535</v>
      </c>
      <c r="AD11" s="98">
        <v>379</v>
      </c>
      <c r="AE11" s="98">
        <v>307</v>
      </c>
      <c r="AF11" s="98">
        <v>183</v>
      </c>
      <c r="AG11" s="98">
        <v>96</v>
      </c>
      <c r="AH11" s="99">
        <v>1500</v>
      </c>
      <c r="AI11" s="101">
        <v>1515</v>
      </c>
    </row>
    <row r="12" spans="2:35" ht="21" customHeight="1" x14ac:dyDescent="0.2">
      <c r="B12" s="18" t="s">
        <v>10</v>
      </c>
      <c r="C12" s="97">
        <v>10</v>
      </c>
      <c r="D12" s="98">
        <v>22</v>
      </c>
      <c r="E12" s="99">
        <v>32</v>
      </c>
      <c r="F12" s="100">
        <v>0</v>
      </c>
      <c r="G12" s="98">
        <v>848</v>
      </c>
      <c r="H12" s="98">
        <v>541</v>
      </c>
      <c r="I12" s="98">
        <v>424</v>
      </c>
      <c r="J12" s="98">
        <v>329</v>
      </c>
      <c r="K12" s="98">
        <v>252</v>
      </c>
      <c r="L12" s="99">
        <v>2394</v>
      </c>
      <c r="M12" s="101">
        <v>2426</v>
      </c>
      <c r="N12" s="102">
        <v>0</v>
      </c>
      <c r="O12" s="98">
        <v>1</v>
      </c>
      <c r="P12" s="99">
        <v>1</v>
      </c>
      <c r="Q12" s="100">
        <v>0</v>
      </c>
      <c r="R12" s="98">
        <v>12</v>
      </c>
      <c r="S12" s="98">
        <v>9</v>
      </c>
      <c r="T12" s="98">
        <v>6</v>
      </c>
      <c r="U12" s="98">
        <v>8</v>
      </c>
      <c r="V12" s="98">
        <v>7</v>
      </c>
      <c r="W12" s="99">
        <v>42</v>
      </c>
      <c r="X12" s="101">
        <v>43</v>
      </c>
      <c r="Y12" s="102">
        <v>10</v>
      </c>
      <c r="Z12" s="98">
        <v>23</v>
      </c>
      <c r="AA12" s="99">
        <v>33</v>
      </c>
      <c r="AB12" s="100">
        <v>0</v>
      </c>
      <c r="AC12" s="98">
        <v>860</v>
      </c>
      <c r="AD12" s="98">
        <v>550</v>
      </c>
      <c r="AE12" s="98">
        <v>430</v>
      </c>
      <c r="AF12" s="98">
        <v>337</v>
      </c>
      <c r="AG12" s="98">
        <v>259</v>
      </c>
      <c r="AH12" s="99">
        <v>2436</v>
      </c>
      <c r="AI12" s="101">
        <v>2469</v>
      </c>
    </row>
    <row r="13" spans="2:35" ht="21" customHeight="1" x14ac:dyDescent="0.2">
      <c r="B13" s="18" t="s">
        <v>11</v>
      </c>
      <c r="C13" s="97">
        <v>0</v>
      </c>
      <c r="D13" s="98">
        <v>10</v>
      </c>
      <c r="E13" s="99">
        <v>10</v>
      </c>
      <c r="F13" s="100">
        <v>0</v>
      </c>
      <c r="G13" s="98">
        <v>626</v>
      </c>
      <c r="H13" s="98">
        <v>392</v>
      </c>
      <c r="I13" s="98">
        <v>284</v>
      </c>
      <c r="J13" s="98">
        <v>166</v>
      </c>
      <c r="K13" s="98">
        <v>64</v>
      </c>
      <c r="L13" s="99">
        <v>1532</v>
      </c>
      <c r="M13" s="101">
        <v>1542</v>
      </c>
      <c r="N13" s="102">
        <v>0</v>
      </c>
      <c r="O13" s="98">
        <v>0</v>
      </c>
      <c r="P13" s="99">
        <v>0</v>
      </c>
      <c r="Q13" s="100">
        <v>0</v>
      </c>
      <c r="R13" s="98">
        <v>8</v>
      </c>
      <c r="S13" s="98">
        <v>6</v>
      </c>
      <c r="T13" s="98">
        <v>2</v>
      </c>
      <c r="U13" s="98">
        <v>6</v>
      </c>
      <c r="V13" s="98">
        <v>3</v>
      </c>
      <c r="W13" s="99">
        <v>25</v>
      </c>
      <c r="X13" s="101">
        <v>25</v>
      </c>
      <c r="Y13" s="102">
        <v>0</v>
      </c>
      <c r="Z13" s="98">
        <v>10</v>
      </c>
      <c r="AA13" s="99">
        <v>10</v>
      </c>
      <c r="AB13" s="100">
        <v>0</v>
      </c>
      <c r="AC13" s="98">
        <v>634</v>
      </c>
      <c r="AD13" s="98">
        <v>398</v>
      </c>
      <c r="AE13" s="98">
        <v>286</v>
      </c>
      <c r="AF13" s="98">
        <v>172</v>
      </c>
      <c r="AG13" s="98">
        <v>67</v>
      </c>
      <c r="AH13" s="99">
        <v>1557</v>
      </c>
      <c r="AI13" s="101">
        <v>1567</v>
      </c>
    </row>
    <row r="14" spans="2:35" ht="21" customHeight="1" x14ac:dyDescent="0.2">
      <c r="B14" s="18" t="s">
        <v>12</v>
      </c>
      <c r="C14" s="97">
        <v>1</v>
      </c>
      <c r="D14" s="98">
        <v>1</v>
      </c>
      <c r="E14" s="99">
        <v>2</v>
      </c>
      <c r="F14" s="100">
        <v>0</v>
      </c>
      <c r="G14" s="98">
        <v>437</v>
      </c>
      <c r="H14" s="98">
        <v>348</v>
      </c>
      <c r="I14" s="98">
        <v>273</v>
      </c>
      <c r="J14" s="98">
        <v>199</v>
      </c>
      <c r="K14" s="98">
        <v>125</v>
      </c>
      <c r="L14" s="99">
        <v>1382</v>
      </c>
      <c r="M14" s="101">
        <v>1384</v>
      </c>
      <c r="N14" s="102">
        <v>0</v>
      </c>
      <c r="O14" s="98">
        <v>0</v>
      </c>
      <c r="P14" s="99">
        <v>0</v>
      </c>
      <c r="Q14" s="100">
        <v>0</v>
      </c>
      <c r="R14" s="98">
        <v>5</v>
      </c>
      <c r="S14" s="98">
        <v>6</v>
      </c>
      <c r="T14" s="98">
        <v>2</v>
      </c>
      <c r="U14" s="98">
        <v>1</v>
      </c>
      <c r="V14" s="98">
        <v>3</v>
      </c>
      <c r="W14" s="99">
        <v>17</v>
      </c>
      <c r="X14" s="101">
        <v>17</v>
      </c>
      <c r="Y14" s="102">
        <v>1</v>
      </c>
      <c r="Z14" s="98">
        <v>1</v>
      </c>
      <c r="AA14" s="99">
        <v>2</v>
      </c>
      <c r="AB14" s="100">
        <v>0</v>
      </c>
      <c r="AC14" s="98">
        <v>442</v>
      </c>
      <c r="AD14" s="98">
        <v>354</v>
      </c>
      <c r="AE14" s="98">
        <v>275</v>
      </c>
      <c r="AF14" s="98">
        <v>200</v>
      </c>
      <c r="AG14" s="98">
        <v>128</v>
      </c>
      <c r="AH14" s="99">
        <v>1399</v>
      </c>
      <c r="AI14" s="101">
        <v>1401</v>
      </c>
    </row>
    <row r="15" spans="2:35" ht="21" customHeight="1" x14ac:dyDescent="0.2">
      <c r="B15" s="18" t="s">
        <v>13</v>
      </c>
      <c r="C15" s="97">
        <v>1</v>
      </c>
      <c r="D15" s="98">
        <v>3</v>
      </c>
      <c r="E15" s="99">
        <v>4</v>
      </c>
      <c r="F15" s="100">
        <v>0</v>
      </c>
      <c r="G15" s="98">
        <v>158</v>
      </c>
      <c r="H15" s="98">
        <v>160</v>
      </c>
      <c r="I15" s="98">
        <v>109</v>
      </c>
      <c r="J15" s="98">
        <v>62</v>
      </c>
      <c r="K15" s="98">
        <v>29</v>
      </c>
      <c r="L15" s="99">
        <v>518</v>
      </c>
      <c r="M15" s="101">
        <v>522</v>
      </c>
      <c r="N15" s="102">
        <v>0</v>
      </c>
      <c r="O15" s="98">
        <v>0</v>
      </c>
      <c r="P15" s="99">
        <v>0</v>
      </c>
      <c r="Q15" s="100">
        <v>0</v>
      </c>
      <c r="R15" s="98">
        <v>1</v>
      </c>
      <c r="S15" s="98">
        <v>2</v>
      </c>
      <c r="T15" s="98">
        <v>3</v>
      </c>
      <c r="U15" s="98">
        <v>0</v>
      </c>
      <c r="V15" s="98">
        <v>0</v>
      </c>
      <c r="W15" s="99">
        <v>6</v>
      </c>
      <c r="X15" s="101">
        <v>6</v>
      </c>
      <c r="Y15" s="102">
        <v>1</v>
      </c>
      <c r="Z15" s="98">
        <v>3</v>
      </c>
      <c r="AA15" s="99">
        <v>4</v>
      </c>
      <c r="AB15" s="100">
        <v>0</v>
      </c>
      <c r="AC15" s="98">
        <v>159</v>
      </c>
      <c r="AD15" s="98">
        <v>162</v>
      </c>
      <c r="AE15" s="98">
        <v>112</v>
      </c>
      <c r="AF15" s="98">
        <v>62</v>
      </c>
      <c r="AG15" s="98">
        <v>29</v>
      </c>
      <c r="AH15" s="99">
        <v>524</v>
      </c>
      <c r="AI15" s="101">
        <v>528</v>
      </c>
    </row>
    <row r="16" spans="2:35" ht="21" customHeight="1" x14ac:dyDescent="0.2">
      <c r="B16" s="18" t="s">
        <v>15</v>
      </c>
      <c r="C16" s="97">
        <v>3</v>
      </c>
      <c r="D16" s="98">
        <v>14</v>
      </c>
      <c r="E16" s="99">
        <v>17</v>
      </c>
      <c r="F16" s="100">
        <v>0</v>
      </c>
      <c r="G16" s="98">
        <v>201</v>
      </c>
      <c r="H16" s="98">
        <v>224</v>
      </c>
      <c r="I16" s="98">
        <v>139</v>
      </c>
      <c r="J16" s="98">
        <v>86</v>
      </c>
      <c r="K16" s="98">
        <v>41</v>
      </c>
      <c r="L16" s="99">
        <v>691</v>
      </c>
      <c r="M16" s="101">
        <v>708</v>
      </c>
      <c r="N16" s="102">
        <v>0</v>
      </c>
      <c r="O16" s="98">
        <v>1</v>
      </c>
      <c r="P16" s="99">
        <v>1</v>
      </c>
      <c r="Q16" s="100">
        <v>0</v>
      </c>
      <c r="R16" s="98">
        <v>4</v>
      </c>
      <c r="S16" s="98">
        <v>4</v>
      </c>
      <c r="T16" s="98">
        <v>0</v>
      </c>
      <c r="U16" s="98">
        <v>1</v>
      </c>
      <c r="V16" s="98">
        <v>2</v>
      </c>
      <c r="W16" s="99">
        <v>11</v>
      </c>
      <c r="X16" s="101">
        <v>12</v>
      </c>
      <c r="Y16" s="102">
        <v>3</v>
      </c>
      <c r="Z16" s="98">
        <v>15</v>
      </c>
      <c r="AA16" s="99">
        <v>18</v>
      </c>
      <c r="AB16" s="100">
        <v>0</v>
      </c>
      <c r="AC16" s="98">
        <v>205</v>
      </c>
      <c r="AD16" s="98">
        <v>228</v>
      </c>
      <c r="AE16" s="98">
        <v>139</v>
      </c>
      <c r="AF16" s="98">
        <v>87</v>
      </c>
      <c r="AG16" s="98">
        <v>43</v>
      </c>
      <c r="AH16" s="99">
        <v>702</v>
      </c>
      <c r="AI16" s="101">
        <v>720</v>
      </c>
    </row>
    <row r="17" spans="2:35" ht="21" customHeight="1" x14ac:dyDescent="0.2">
      <c r="B17" s="18" t="s">
        <v>16</v>
      </c>
      <c r="C17" s="97">
        <v>1</v>
      </c>
      <c r="D17" s="98">
        <v>1</v>
      </c>
      <c r="E17" s="99">
        <v>2</v>
      </c>
      <c r="F17" s="100">
        <v>0</v>
      </c>
      <c r="G17" s="98">
        <v>204</v>
      </c>
      <c r="H17" s="98">
        <v>260</v>
      </c>
      <c r="I17" s="98">
        <v>191</v>
      </c>
      <c r="J17" s="98">
        <v>116</v>
      </c>
      <c r="K17" s="98">
        <v>87</v>
      </c>
      <c r="L17" s="99">
        <v>858</v>
      </c>
      <c r="M17" s="101">
        <v>860</v>
      </c>
      <c r="N17" s="102">
        <v>0</v>
      </c>
      <c r="O17" s="98">
        <v>0</v>
      </c>
      <c r="P17" s="99">
        <v>0</v>
      </c>
      <c r="Q17" s="100">
        <v>0</v>
      </c>
      <c r="R17" s="98">
        <v>1</v>
      </c>
      <c r="S17" s="98">
        <v>3</v>
      </c>
      <c r="T17" s="98">
        <v>5</v>
      </c>
      <c r="U17" s="98">
        <v>1</v>
      </c>
      <c r="V17" s="98">
        <v>4</v>
      </c>
      <c r="W17" s="99">
        <v>14</v>
      </c>
      <c r="X17" s="101">
        <v>14</v>
      </c>
      <c r="Y17" s="102">
        <v>1</v>
      </c>
      <c r="Z17" s="98">
        <v>1</v>
      </c>
      <c r="AA17" s="99">
        <v>2</v>
      </c>
      <c r="AB17" s="100">
        <v>0</v>
      </c>
      <c r="AC17" s="98">
        <v>205</v>
      </c>
      <c r="AD17" s="98">
        <v>263</v>
      </c>
      <c r="AE17" s="98">
        <v>196</v>
      </c>
      <c r="AF17" s="98">
        <v>117</v>
      </c>
      <c r="AG17" s="98">
        <v>91</v>
      </c>
      <c r="AH17" s="99">
        <v>872</v>
      </c>
      <c r="AI17" s="101">
        <v>874</v>
      </c>
    </row>
    <row r="18" spans="2:35" ht="21" customHeight="1" x14ac:dyDescent="0.2">
      <c r="B18" s="18" t="s">
        <v>17</v>
      </c>
      <c r="C18" s="97">
        <v>1</v>
      </c>
      <c r="D18" s="98">
        <v>3</v>
      </c>
      <c r="E18" s="99">
        <v>4</v>
      </c>
      <c r="F18" s="100">
        <v>0</v>
      </c>
      <c r="G18" s="98">
        <v>313</v>
      </c>
      <c r="H18" s="98">
        <v>393</v>
      </c>
      <c r="I18" s="98">
        <v>273</v>
      </c>
      <c r="J18" s="98">
        <v>220</v>
      </c>
      <c r="K18" s="98">
        <v>133</v>
      </c>
      <c r="L18" s="99">
        <v>1332</v>
      </c>
      <c r="M18" s="101">
        <v>1336</v>
      </c>
      <c r="N18" s="102">
        <v>0</v>
      </c>
      <c r="O18" s="98">
        <v>0</v>
      </c>
      <c r="P18" s="99">
        <v>0</v>
      </c>
      <c r="Q18" s="100">
        <v>0</v>
      </c>
      <c r="R18" s="98">
        <v>2</v>
      </c>
      <c r="S18" s="98">
        <v>15</v>
      </c>
      <c r="T18" s="98">
        <v>9</v>
      </c>
      <c r="U18" s="98">
        <v>12</v>
      </c>
      <c r="V18" s="98">
        <v>4</v>
      </c>
      <c r="W18" s="99">
        <v>42</v>
      </c>
      <c r="X18" s="101">
        <v>42</v>
      </c>
      <c r="Y18" s="102">
        <v>1</v>
      </c>
      <c r="Z18" s="98">
        <v>3</v>
      </c>
      <c r="AA18" s="99">
        <v>4</v>
      </c>
      <c r="AB18" s="100">
        <v>0</v>
      </c>
      <c r="AC18" s="98">
        <v>315</v>
      </c>
      <c r="AD18" s="98">
        <v>408</v>
      </c>
      <c r="AE18" s="98">
        <v>282</v>
      </c>
      <c r="AF18" s="98">
        <v>232</v>
      </c>
      <c r="AG18" s="98">
        <v>137</v>
      </c>
      <c r="AH18" s="99">
        <v>1374</v>
      </c>
      <c r="AI18" s="101">
        <v>1378</v>
      </c>
    </row>
    <row r="19" spans="2:35" ht="21" customHeight="1" x14ac:dyDescent="0.2">
      <c r="B19" s="18" t="s">
        <v>18</v>
      </c>
      <c r="C19" s="97">
        <v>12</v>
      </c>
      <c r="D19" s="98">
        <v>18</v>
      </c>
      <c r="E19" s="99">
        <v>30</v>
      </c>
      <c r="F19" s="100">
        <v>0</v>
      </c>
      <c r="G19" s="98">
        <v>390</v>
      </c>
      <c r="H19" s="98">
        <v>349</v>
      </c>
      <c r="I19" s="98">
        <v>278</v>
      </c>
      <c r="J19" s="98">
        <v>158</v>
      </c>
      <c r="K19" s="98">
        <v>87</v>
      </c>
      <c r="L19" s="99">
        <v>1262</v>
      </c>
      <c r="M19" s="101">
        <v>1292</v>
      </c>
      <c r="N19" s="102">
        <v>0</v>
      </c>
      <c r="O19" s="98">
        <v>0</v>
      </c>
      <c r="P19" s="99">
        <v>0</v>
      </c>
      <c r="Q19" s="100">
        <v>0</v>
      </c>
      <c r="R19" s="98">
        <v>3</v>
      </c>
      <c r="S19" s="98">
        <v>6</v>
      </c>
      <c r="T19" s="98">
        <v>2</v>
      </c>
      <c r="U19" s="98">
        <v>5</v>
      </c>
      <c r="V19" s="98">
        <v>4</v>
      </c>
      <c r="W19" s="99">
        <v>20</v>
      </c>
      <c r="X19" s="101">
        <v>20</v>
      </c>
      <c r="Y19" s="102">
        <v>12</v>
      </c>
      <c r="Z19" s="98">
        <v>18</v>
      </c>
      <c r="AA19" s="99">
        <v>30</v>
      </c>
      <c r="AB19" s="100">
        <v>0</v>
      </c>
      <c r="AC19" s="98">
        <v>393</v>
      </c>
      <c r="AD19" s="98">
        <v>355</v>
      </c>
      <c r="AE19" s="98">
        <v>280</v>
      </c>
      <c r="AF19" s="98">
        <v>163</v>
      </c>
      <c r="AG19" s="98">
        <v>91</v>
      </c>
      <c r="AH19" s="99">
        <v>1282</v>
      </c>
      <c r="AI19" s="101">
        <v>1312</v>
      </c>
    </row>
    <row r="20" spans="2:35" ht="21" customHeight="1" x14ac:dyDescent="0.2">
      <c r="B20" s="18" t="s">
        <v>19</v>
      </c>
      <c r="C20" s="97">
        <v>1</v>
      </c>
      <c r="D20" s="98">
        <v>2</v>
      </c>
      <c r="E20" s="99">
        <v>3</v>
      </c>
      <c r="F20" s="100">
        <v>0</v>
      </c>
      <c r="G20" s="98">
        <v>194</v>
      </c>
      <c r="H20" s="98">
        <v>187</v>
      </c>
      <c r="I20" s="98">
        <v>114</v>
      </c>
      <c r="J20" s="98">
        <v>70</v>
      </c>
      <c r="K20" s="98">
        <v>68</v>
      </c>
      <c r="L20" s="99">
        <v>633</v>
      </c>
      <c r="M20" s="101">
        <v>636</v>
      </c>
      <c r="N20" s="102">
        <v>0</v>
      </c>
      <c r="O20" s="98">
        <v>0</v>
      </c>
      <c r="P20" s="99">
        <v>0</v>
      </c>
      <c r="Q20" s="100">
        <v>0</v>
      </c>
      <c r="R20" s="98">
        <v>1</v>
      </c>
      <c r="S20" s="98">
        <v>1</v>
      </c>
      <c r="T20" s="98">
        <v>4</v>
      </c>
      <c r="U20" s="98">
        <v>2</v>
      </c>
      <c r="V20" s="98">
        <v>0</v>
      </c>
      <c r="W20" s="99">
        <v>8</v>
      </c>
      <c r="X20" s="101">
        <v>8</v>
      </c>
      <c r="Y20" s="102">
        <v>1</v>
      </c>
      <c r="Z20" s="98">
        <v>2</v>
      </c>
      <c r="AA20" s="99">
        <v>3</v>
      </c>
      <c r="AB20" s="100">
        <v>0</v>
      </c>
      <c r="AC20" s="98">
        <v>195</v>
      </c>
      <c r="AD20" s="98">
        <v>188</v>
      </c>
      <c r="AE20" s="98">
        <v>118</v>
      </c>
      <c r="AF20" s="98">
        <v>72</v>
      </c>
      <c r="AG20" s="98">
        <v>68</v>
      </c>
      <c r="AH20" s="99">
        <v>641</v>
      </c>
      <c r="AI20" s="101">
        <v>644</v>
      </c>
    </row>
    <row r="21" spans="2:35" ht="21" customHeight="1" x14ac:dyDescent="0.2">
      <c r="B21" s="18" t="s">
        <v>20</v>
      </c>
      <c r="C21" s="97">
        <v>1</v>
      </c>
      <c r="D21" s="98">
        <v>1</v>
      </c>
      <c r="E21" s="99">
        <v>2</v>
      </c>
      <c r="F21" s="100">
        <v>0</v>
      </c>
      <c r="G21" s="98">
        <v>230</v>
      </c>
      <c r="H21" s="98">
        <v>125</v>
      </c>
      <c r="I21" s="98">
        <v>107</v>
      </c>
      <c r="J21" s="98">
        <v>44</v>
      </c>
      <c r="K21" s="98">
        <v>21</v>
      </c>
      <c r="L21" s="99">
        <v>527</v>
      </c>
      <c r="M21" s="101">
        <v>529</v>
      </c>
      <c r="N21" s="102">
        <v>0</v>
      </c>
      <c r="O21" s="98">
        <v>0</v>
      </c>
      <c r="P21" s="99">
        <v>0</v>
      </c>
      <c r="Q21" s="100">
        <v>0</v>
      </c>
      <c r="R21" s="98">
        <v>5</v>
      </c>
      <c r="S21" s="98">
        <v>4</v>
      </c>
      <c r="T21" s="98">
        <v>1</v>
      </c>
      <c r="U21" s="98">
        <v>1</v>
      </c>
      <c r="V21" s="98">
        <v>0</v>
      </c>
      <c r="W21" s="99">
        <v>11</v>
      </c>
      <c r="X21" s="101">
        <v>11</v>
      </c>
      <c r="Y21" s="102">
        <v>1</v>
      </c>
      <c r="Z21" s="98">
        <v>1</v>
      </c>
      <c r="AA21" s="99">
        <v>2</v>
      </c>
      <c r="AB21" s="100">
        <v>0</v>
      </c>
      <c r="AC21" s="98">
        <v>235</v>
      </c>
      <c r="AD21" s="98">
        <v>129</v>
      </c>
      <c r="AE21" s="98">
        <v>108</v>
      </c>
      <c r="AF21" s="98">
        <v>45</v>
      </c>
      <c r="AG21" s="98">
        <v>21</v>
      </c>
      <c r="AH21" s="99">
        <v>538</v>
      </c>
      <c r="AI21" s="101">
        <v>540</v>
      </c>
    </row>
    <row r="22" spans="2:35" ht="21" customHeight="1" x14ac:dyDescent="0.2">
      <c r="B22" s="18" t="s">
        <v>21</v>
      </c>
      <c r="C22" s="97">
        <v>0</v>
      </c>
      <c r="D22" s="98">
        <v>0</v>
      </c>
      <c r="E22" s="99">
        <v>0</v>
      </c>
      <c r="F22" s="100">
        <v>0</v>
      </c>
      <c r="G22" s="98">
        <v>229</v>
      </c>
      <c r="H22" s="98">
        <v>232</v>
      </c>
      <c r="I22" s="98">
        <v>134</v>
      </c>
      <c r="J22" s="98">
        <v>53</v>
      </c>
      <c r="K22" s="98">
        <v>31</v>
      </c>
      <c r="L22" s="99">
        <v>679</v>
      </c>
      <c r="M22" s="101">
        <v>679</v>
      </c>
      <c r="N22" s="102">
        <v>0</v>
      </c>
      <c r="O22" s="98">
        <v>0</v>
      </c>
      <c r="P22" s="99">
        <v>0</v>
      </c>
      <c r="Q22" s="100">
        <v>0</v>
      </c>
      <c r="R22" s="98">
        <v>2</v>
      </c>
      <c r="S22" s="98">
        <v>5</v>
      </c>
      <c r="T22" s="98">
        <v>4</v>
      </c>
      <c r="U22" s="98">
        <v>3</v>
      </c>
      <c r="V22" s="98">
        <v>3</v>
      </c>
      <c r="W22" s="99">
        <v>17</v>
      </c>
      <c r="X22" s="101">
        <v>17</v>
      </c>
      <c r="Y22" s="102">
        <v>0</v>
      </c>
      <c r="Z22" s="98">
        <v>0</v>
      </c>
      <c r="AA22" s="99">
        <v>0</v>
      </c>
      <c r="AB22" s="100">
        <v>0</v>
      </c>
      <c r="AC22" s="98">
        <v>231</v>
      </c>
      <c r="AD22" s="98">
        <v>237</v>
      </c>
      <c r="AE22" s="98">
        <v>138</v>
      </c>
      <c r="AF22" s="98">
        <v>56</v>
      </c>
      <c r="AG22" s="98">
        <v>34</v>
      </c>
      <c r="AH22" s="99">
        <v>696</v>
      </c>
      <c r="AI22" s="101">
        <v>696</v>
      </c>
    </row>
    <row r="23" spans="2:35" ht="21" customHeight="1" x14ac:dyDescent="0.2">
      <c r="B23" s="18" t="s">
        <v>22</v>
      </c>
      <c r="C23" s="97">
        <v>3</v>
      </c>
      <c r="D23" s="98">
        <v>5</v>
      </c>
      <c r="E23" s="99">
        <v>8</v>
      </c>
      <c r="F23" s="100">
        <v>0</v>
      </c>
      <c r="G23" s="98">
        <v>170</v>
      </c>
      <c r="H23" s="98">
        <v>145</v>
      </c>
      <c r="I23" s="98">
        <v>70</v>
      </c>
      <c r="J23" s="98">
        <v>62</v>
      </c>
      <c r="K23" s="98">
        <v>19</v>
      </c>
      <c r="L23" s="99">
        <v>466</v>
      </c>
      <c r="M23" s="101">
        <v>474</v>
      </c>
      <c r="N23" s="102">
        <v>0</v>
      </c>
      <c r="O23" s="98">
        <v>0</v>
      </c>
      <c r="P23" s="99">
        <v>0</v>
      </c>
      <c r="Q23" s="100">
        <v>0</v>
      </c>
      <c r="R23" s="98">
        <v>3</v>
      </c>
      <c r="S23" s="98">
        <v>0</v>
      </c>
      <c r="T23" s="98">
        <v>2</v>
      </c>
      <c r="U23" s="98">
        <v>1</v>
      </c>
      <c r="V23" s="98">
        <v>0</v>
      </c>
      <c r="W23" s="99">
        <v>6</v>
      </c>
      <c r="X23" s="101">
        <v>6</v>
      </c>
      <c r="Y23" s="102">
        <v>3</v>
      </c>
      <c r="Z23" s="98">
        <v>5</v>
      </c>
      <c r="AA23" s="99">
        <v>8</v>
      </c>
      <c r="AB23" s="100">
        <v>0</v>
      </c>
      <c r="AC23" s="98">
        <v>173</v>
      </c>
      <c r="AD23" s="98">
        <v>145</v>
      </c>
      <c r="AE23" s="98">
        <v>72</v>
      </c>
      <c r="AF23" s="98">
        <v>63</v>
      </c>
      <c r="AG23" s="98">
        <v>19</v>
      </c>
      <c r="AH23" s="99">
        <v>472</v>
      </c>
      <c r="AI23" s="101">
        <v>480</v>
      </c>
    </row>
    <row r="24" spans="2:35" ht="21" customHeight="1" x14ac:dyDescent="0.2">
      <c r="B24" s="18" t="s">
        <v>23</v>
      </c>
      <c r="C24" s="97">
        <v>0</v>
      </c>
      <c r="D24" s="98">
        <v>0</v>
      </c>
      <c r="E24" s="99">
        <v>0</v>
      </c>
      <c r="F24" s="100">
        <v>0</v>
      </c>
      <c r="G24" s="98">
        <v>97</v>
      </c>
      <c r="H24" s="98">
        <v>54</v>
      </c>
      <c r="I24" s="98">
        <v>49</v>
      </c>
      <c r="J24" s="98">
        <v>26</v>
      </c>
      <c r="K24" s="98">
        <v>19</v>
      </c>
      <c r="L24" s="99">
        <v>245</v>
      </c>
      <c r="M24" s="101">
        <v>245</v>
      </c>
      <c r="N24" s="102">
        <v>0</v>
      </c>
      <c r="O24" s="98">
        <v>0</v>
      </c>
      <c r="P24" s="99">
        <v>0</v>
      </c>
      <c r="Q24" s="100">
        <v>0</v>
      </c>
      <c r="R24" s="98">
        <v>0</v>
      </c>
      <c r="S24" s="98">
        <v>1</v>
      </c>
      <c r="T24" s="98">
        <v>1</v>
      </c>
      <c r="U24" s="98">
        <v>0</v>
      </c>
      <c r="V24" s="98">
        <v>0</v>
      </c>
      <c r="W24" s="99">
        <v>2</v>
      </c>
      <c r="X24" s="101">
        <v>2</v>
      </c>
      <c r="Y24" s="102">
        <v>0</v>
      </c>
      <c r="Z24" s="98">
        <v>0</v>
      </c>
      <c r="AA24" s="99">
        <v>0</v>
      </c>
      <c r="AB24" s="100">
        <v>0</v>
      </c>
      <c r="AC24" s="98">
        <v>97</v>
      </c>
      <c r="AD24" s="98">
        <v>55</v>
      </c>
      <c r="AE24" s="98">
        <v>50</v>
      </c>
      <c r="AF24" s="98">
        <v>26</v>
      </c>
      <c r="AG24" s="98">
        <v>19</v>
      </c>
      <c r="AH24" s="99">
        <v>247</v>
      </c>
      <c r="AI24" s="101">
        <v>247</v>
      </c>
    </row>
    <row r="25" spans="2:35" ht="21" customHeight="1" x14ac:dyDescent="0.2">
      <c r="B25" s="18" t="s">
        <v>24</v>
      </c>
      <c r="C25" s="97">
        <v>3</v>
      </c>
      <c r="D25" s="98">
        <v>4</v>
      </c>
      <c r="E25" s="99">
        <v>7</v>
      </c>
      <c r="F25" s="100">
        <v>0</v>
      </c>
      <c r="G25" s="98">
        <v>53</v>
      </c>
      <c r="H25" s="98">
        <v>33</v>
      </c>
      <c r="I25" s="98">
        <v>35</v>
      </c>
      <c r="J25" s="98">
        <v>18</v>
      </c>
      <c r="K25" s="98">
        <v>9</v>
      </c>
      <c r="L25" s="99">
        <v>148</v>
      </c>
      <c r="M25" s="101">
        <v>155</v>
      </c>
      <c r="N25" s="102">
        <v>0</v>
      </c>
      <c r="O25" s="98">
        <v>0</v>
      </c>
      <c r="P25" s="99">
        <v>0</v>
      </c>
      <c r="Q25" s="100">
        <v>0</v>
      </c>
      <c r="R25" s="98">
        <v>0</v>
      </c>
      <c r="S25" s="98">
        <v>1</v>
      </c>
      <c r="T25" s="98">
        <v>0</v>
      </c>
      <c r="U25" s="98">
        <v>0</v>
      </c>
      <c r="V25" s="98">
        <v>0</v>
      </c>
      <c r="W25" s="99">
        <v>1</v>
      </c>
      <c r="X25" s="101">
        <v>1</v>
      </c>
      <c r="Y25" s="102">
        <v>3</v>
      </c>
      <c r="Z25" s="98">
        <v>4</v>
      </c>
      <c r="AA25" s="99">
        <v>7</v>
      </c>
      <c r="AB25" s="100">
        <v>0</v>
      </c>
      <c r="AC25" s="98">
        <v>53</v>
      </c>
      <c r="AD25" s="98">
        <v>34</v>
      </c>
      <c r="AE25" s="98">
        <v>35</v>
      </c>
      <c r="AF25" s="98">
        <v>18</v>
      </c>
      <c r="AG25" s="98">
        <v>9</v>
      </c>
      <c r="AH25" s="99">
        <v>149</v>
      </c>
      <c r="AI25" s="101">
        <v>156</v>
      </c>
    </row>
    <row r="26" spans="2:35" ht="21" customHeight="1" x14ac:dyDescent="0.2">
      <c r="B26" s="18" t="s">
        <v>25</v>
      </c>
      <c r="C26" s="97">
        <v>2</v>
      </c>
      <c r="D26" s="98">
        <v>0</v>
      </c>
      <c r="E26" s="99">
        <v>2</v>
      </c>
      <c r="F26" s="100">
        <v>0</v>
      </c>
      <c r="G26" s="98">
        <v>84</v>
      </c>
      <c r="H26" s="98">
        <v>52</v>
      </c>
      <c r="I26" s="98">
        <v>26</v>
      </c>
      <c r="J26" s="98">
        <v>10</v>
      </c>
      <c r="K26" s="98">
        <v>2</v>
      </c>
      <c r="L26" s="99">
        <v>174</v>
      </c>
      <c r="M26" s="101">
        <v>176</v>
      </c>
      <c r="N26" s="102">
        <v>0</v>
      </c>
      <c r="O26" s="98">
        <v>0</v>
      </c>
      <c r="P26" s="99">
        <v>0</v>
      </c>
      <c r="Q26" s="100">
        <v>0</v>
      </c>
      <c r="R26" s="98">
        <v>1</v>
      </c>
      <c r="S26" s="98">
        <v>1</v>
      </c>
      <c r="T26" s="98">
        <v>1</v>
      </c>
      <c r="U26" s="98">
        <v>0</v>
      </c>
      <c r="V26" s="98">
        <v>0</v>
      </c>
      <c r="W26" s="99">
        <v>3</v>
      </c>
      <c r="X26" s="101">
        <v>3</v>
      </c>
      <c r="Y26" s="102">
        <v>2</v>
      </c>
      <c r="Z26" s="98">
        <v>0</v>
      </c>
      <c r="AA26" s="99">
        <v>2</v>
      </c>
      <c r="AB26" s="100">
        <v>0</v>
      </c>
      <c r="AC26" s="98">
        <v>85</v>
      </c>
      <c r="AD26" s="98">
        <v>53</v>
      </c>
      <c r="AE26" s="98">
        <v>27</v>
      </c>
      <c r="AF26" s="98">
        <v>10</v>
      </c>
      <c r="AG26" s="98">
        <v>2</v>
      </c>
      <c r="AH26" s="99">
        <v>177</v>
      </c>
      <c r="AI26" s="101">
        <v>179</v>
      </c>
    </row>
    <row r="27" spans="2:35" ht="21" customHeight="1" x14ac:dyDescent="0.2">
      <c r="B27" s="18" t="s">
        <v>26</v>
      </c>
      <c r="C27" s="97">
        <v>1</v>
      </c>
      <c r="D27" s="98">
        <v>0</v>
      </c>
      <c r="E27" s="99">
        <v>1</v>
      </c>
      <c r="F27" s="100">
        <v>0</v>
      </c>
      <c r="G27" s="98">
        <v>64</v>
      </c>
      <c r="H27" s="98">
        <v>57</v>
      </c>
      <c r="I27" s="98">
        <v>50</v>
      </c>
      <c r="J27" s="98">
        <v>20</v>
      </c>
      <c r="K27" s="98">
        <v>8</v>
      </c>
      <c r="L27" s="99">
        <v>199</v>
      </c>
      <c r="M27" s="101">
        <v>200</v>
      </c>
      <c r="N27" s="102">
        <v>0</v>
      </c>
      <c r="O27" s="98">
        <v>0</v>
      </c>
      <c r="P27" s="99">
        <v>0</v>
      </c>
      <c r="Q27" s="100">
        <v>0</v>
      </c>
      <c r="R27" s="98">
        <v>1</v>
      </c>
      <c r="S27" s="98">
        <v>0</v>
      </c>
      <c r="T27" s="98">
        <v>0</v>
      </c>
      <c r="U27" s="98">
        <v>0</v>
      </c>
      <c r="V27" s="98">
        <v>1</v>
      </c>
      <c r="W27" s="99">
        <v>2</v>
      </c>
      <c r="X27" s="101">
        <v>2</v>
      </c>
      <c r="Y27" s="102">
        <v>1</v>
      </c>
      <c r="Z27" s="98">
        <v>0</v>
      </c>
      <c r="AA27" s="99">
        <v>1</v>
      </c>
      <c r="AB27" s="100">
        <v>0</v>
      </c>
      <c r="AC27" s="98">
        <v>65</v>
      </c>
      <c r="AD27" s="98">
        <v>57</v>
      </c>
      <c r="AE27" s="98">
        <v>50</v>
      </c>
      <c r="AF27" s="98">
        <v>20</v>
      </c>
      <c r="AG27" s="98">
        <v>9</v>
      </c>
      <c r="AH27" s="99">
        <v>201</v>
      </c>
      <c r="AI27" s="101">
        <v>202</v>
      </c>
    </row>
    <row r="28" spans="2:35" ht="21" customHeight="1" x14ac:dyDescent="0.2">
      <c r="B28" s="18" t="s">
        <v>27</v>
      </c>
      <c r="C28" s="97">
        <v>0</v>
      </c>
      <c r="D28" s="98">
        <v>0</v>
      </c>
      <c r="E28" s="99">
        <v>0</v>
      </c>
      <c r="F28" s="100">
        <v>0</v>
      </c>
      <c r="G28" s="98">
        <v>43</v>
      </c>
      <c r="H28" s="98">
        <v>22</v>
      </c>
      <c r="I28" s="98">
        <v>31</v>
      </c>
      <c r="J28" s="98">
        <v>20</v>
      </c>
      <c r="K28" s="98">
        <v>10</v>
      </c>
      <c r="L28" s="99">
        <v>126</v>
      </c>
      <c r="M28" s="101">
        <v>126</v>
      </c>
      <c r="N28" s="102">
        <v>0</v>
      </c>
      <c r="O28" s="98">
        <v>0</v>
      </c>
      <c r="P28" s="99">
        <v>0</v>
      </c>
      <c r="Q28" s="100">
        <v>0</v>
      </c>
      <c r="R28" s="98">
        <v>1</v>
      </c>
      <c r="S28" s="98">
        <v>0</v>
      </c>
      <c r="T28" s="98">
        <v>1</v>
      </c>
      <c r="U28" s="98">
        <v>0</v>
      </c>
      <c r="V28" s="98">
        <v>0</v>
      </c>
      <c r="W28" s="99">
        <v>2</v>
      </c>
      <c r="X28" s="101">
        <v>2</v>
      </c>
      <c r="Y28" s="102">
        <v>0</v>
      </c>
      <c r="Z28" s="98">
        <v>0</v>
      </c>
      <c r="AA28" s="99">
        <v>0</v>
      </c>
      <c r="AB28" s="100">
        <v>0</v>
      </c>
      <c r="AC28" s="98">
        <v>44</v>
      </c>
      <c r="AD28" s="98">
        <v>22</v>
      </c>
      <c r="AE28" s="98">
        <v>32</v>
      </c>
      <c r="AF28" s="98">
        <v>20</v>
      </c>
      <c r="AG28" s="98">
        <v>10</v>
      </c>
      <c r="AH28" s="99">
        <v>128</v>
      </c>
      <c r="AI28" s="101">
        <v>128</v>
      </c>
    </row>
    <row r="29" spans="2:35" ht="21" customHeight="1" x14ac:dyDescent="0.2">
      <c r="B29" s="18" t="s">
        <v>28</v>
      </c>
      <c r="C29" s="97">
        <v>0</v>
      </c>
      <c r="D29" s="98">
        <v>0</v>
      </c>
      <c r="E29" s="99">
        <v>0</v>
      </c>
      <c r="F29" s="100">
        <v>0</v>
      </c>
      <c r="G29" s="98">
        <v>23</v>
      </c>
      <c r="H29" s="98">
        <v>21</v>
      </c>
      <c r="I29" s="98">
        <v>9</v>
      </c>
      <c r="J29" s="98">
        <v>4</v>
      </c>
      <c r="K29" s="98">
        <v>4</v>
      </c>
      <c r="L29" s="99">
        <v>61</v>
      </c>
      <c r="M29" s="101">
        <v>61</v>
      </c>
      <c r="N29" s="102">
        <v>0</v>
      </c>
      <c r="O29" s="98">
        <v>0</v>
      </c>
      <c r="P29" s="99">
        <v>0</v>
      </c>
      <c r="Q29" s="100">
        <v>0</v>
      </c>
      <c r="R29" s="98">
        <v>0</v>
      </c>
      <c r="S29" s="98">
        <v>0</v>
      </c>
      <c r="T29" s="98">
        <v>0</v>
      </c>
      <c r="U29" s="98">
        <v>0</v>
      </c>
      <c r="V29" s="98">
        <v>1</v>
      </c>
      <c r="W29" s="99">
        <v>1</v>
      </c>
      <c r="X29" s="101">
        <v>1</v>
      </c>
      <c r="Y29" s="102">
        <v>0</v>
      </c>
      <c r="Z29" s="98">
        <v>0</v>
      </c>
      <c r="AA29" s="99">
        <v>0</v>
      </c>
      <c r="AB29" s="100">
        <v>0</v>
      </c>
      <c r="AC29" s="98">
        <v>23</v>
      </c>
      <c r="AD29" s="98">
        <v>21</v>
      </c>
      <c r="AE29" s="98">
        <v>9</v>
      </c>
      <c r="AF29" s="98">
        <v>4</v>
      </c>
      <c r="AG29" s="98">
        <v>5</v>
      </c>
      <c r="AH29" s="99">
        <v>62</v>
      </c>
      <c r="AI29" s="101">
        <v>62</v>
      </c>
    </row>
    <row r="30" spans="2:35" ht="21" customHeight="1" x14ac:dyDescent="0.2">
      <c r="B30" s="18" t="s">
        <v>29</v>
      </c>
      <c r="C30" s="97">
        <v>0</v>
      </c>
      <c r="D30" s="98">
        <v>4</v>
      </c>
      <c r="E30" s="99">
        <v>4</v>
      </c>
      <c r="F30" s="100">
        <v>0</v>
      </c>
      <c r="G30" s="98">
        <v>31</v>
      </c>
      <c r="H30" s="98">
        <v>26</v>
      </c>
      <c r="I30" s="98">
        <v>28</v>
      </c>
      <c r="J30" s="98">
        <v>17</v>
      </c>
      <c r="K30" s="98">
        <v>9</v>
      </c>
      <c r="L30" s="99">
        <v>111</v>
      </c>
      <c r="M30" s="101">
        <v>115</v>
      </c>
      <c r="N30" s="102">
        <v>0</v>
      </c>
      <c r="O30" s="98">
        <v>0</v>
      </c>
      <c r="P30" s="99">
        <v>0</v>
      </c>
      <c r="Q30" s="100">
        <v>0</v>
      </c>
      <c r="R30" s="98">
        <v>0</v>
      </c>
      <c r="S30" s="98">
        <v>0</v>
      </c>
      <c r="T30" s="98">
        <v>0</v>
      </c>
      <c r="U30" s="98">
        <v>0</v>
      </c>
      <c r="V30" s="98">
        <v>0</v>
      </c>
      <c r="W30" s="99">
        <v>0</v>
      </c>
      <c r="X30" s="101">
        <v>0</v>
      </c>
      <c r="Y30" s="102">
        <v>0</v>
      </c>
      <c r="Z30" s="98">
        <v>4</v>
      </c>
      <c r="AA30" s="99">
        <v>4</v>
      </c>
      <c r="AB30" s="100">
        <v>0</v>
      </c>
      <c r="AC30" s="98">
        <v>31</v>
      </c>
      <c r="AD30" s="98">
        <v>26</v>
      </c>
      <c r="AE30" s="98">
        <v>28</v>
      </c>
      <c r="AF30" s="98">
        <v>17</v>
      </c>
      <c r="AG30" s="98">
        <v>9</v>
      </c>
      <c r="AH30" s="99">
        <v>111</v>
      </c>
      <c r="AI30" s="101">
        <v>115</v>
      </c>
    </row>
    <row r="31" spans="2:35" ht="21" customHeight="1" x14ac:dyDescent="0.2">
      <c r="B31" s="18" t="s">
        <v>30</v>
      </c>
      <c r="C31" s="97">
        <v>1</v>
      </c>
      <c r="D31" s="98">
        <v>0</v>
      </c>
      <c r="E31" s="99">
        <v>1</v>
      </c>
      <c r="F31" s="100">
        <v>0</v>
      </c>
      <c r="G31" s="98">
        <v>30</v>
      </c>
      <c r="H31" s="98">
        <v>15</v>
      </c>
      <c r="I31" s="98">
        <v>16</v>
      </c>
      <c r="J31" s="98">
        <v>9</v>
      </c>
      <c r="K31" s="98">
        <v>2</v>
      </c>
      <c r="L31" s="99">
        <v>72</v>
      </c>
      <c r="M31" s="101">
        <v>73</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1</v>
      </c>
      <c r="AD31" s="98">
        <v>15</v>
      </c>
      <c r="AE31" s="98">
        <v>16</v>
      </c>
      <c r="AF31" s="98">
        <v>9</v>
      </c>
      <c r="AG31" s="98">
        <v>2</v>
      </c>
      <c r="AH31" s="99">
        <v>73</v>
      </c>
      <c r="AI31" s="101">
        <v>74</v>
      </c>
    </row>
    <row r="32" spans="2:35" ht="21" customHeight="1" x14ac:dyDescent="0.2">
      <c r="B32" s="18" t="s">
        <v>31</v>
      </c>
      <c r="C32" s="97">
        <v>0</v>
      </c>
      <c r="D32" s="98">
        <v>2</v>
      </c>
      <c r="E32" s="99">
        <v>2</v>
      </c>
      <c r="F32" s="100">
        <v>0</v>
      </c>
      <c r="G32" s="98">
        <v>52</v>
      </c>
      <c r="H32" s="98">
        <v>33</v>
      </c>
      <c r="I32" s="98">
        <v>23</v>
      </c>
      <c r="J32" s="98">
        <v>17</v>
      </c>
      <c r="K32" s="98">
        <v>6</v>
      </c>
      <c r="L32" s="99">
        <v>131</v>
      </c>
      <c r="M32" s="101">
        <v>133</v>
      </c>
      <c r="N32" s="102">
        <v>0</v>
      </c>
      <c r="O32" s="98">
        <v>0</v>
      </c>
      <c r="P32" s="99">
        <v>0</v>
      </c>
      <c r="Q32" s="100">
        <v>0</v>
      </c>
      <c r="R32" s="98">
        <v>0</v>
      </c>
      <c r="S32" s="98">
        <v>0</v>
      </c>
      <c r="T32" s="98">
        <v>0</v>
      </c>
      <c r="U32" s="98">
        <v>0</v>
      </c>
      <c r="V32" s="98">
        <v>0</v>
      </c>
      <c r="W32" s="99">
        <v>0</v>
      </c>
      <c r="X32" s="101">
        <v>0</v>
      </c>
      <c r="Y32" s="102">
        <v>0</v>
      </c>
      <c r="Z32" s="98">
        <v>2</v>
      </c>
      <c r="AA32" s="99">
        <v>2</v>
      </c>
      <c r="AB32" s="100">
        <v>0</v>
      </c>
      <c r="AC32" s="98">
        <v>52</v>
      </c>
      <c r="AD32" s="98">
        <v>33</v>
      </c>
      <c r="AE32" s="98">
        <v>23</v>
      </c>
      <c r="AF32" s="98">
        <v>17</v>
      </c>
      <c r="AG32" s="98">
        <v>6</v>
      </c>
      <c r="AH32" s="99">
        <v>131</v>
      </c>
      <c r="AI32" s="101">
        <v>133</v>
      </c>
    </row>
    <row r="33" spans="2:35" ht="21" customHeight="1" x14ac:dyDescent="0.2">
      <c r="B33" s="18" t="s">
        <v>32</v>
      </c>
      <c r="C33" s="97">
        <v>2</v>
      </c>
      <c r="D33" s="98">
        <v>3</v>
      </c>
      <c r="E33" s="99">
        <v>5</v>
      </c>
      <c r="F33" s="100">
        <v>0</v>
      </c>
      <c r="G33" s="98">
        <v>44</v>
      </c>
      <c r="H33" s="98">
        <v>38</v>
      </c>
      <c r="I33" s="98">
        <v>40</v>
      </c>
      <c r="J33" s="98">
        <v>22</v>
      </c>
      <c r="K33" s="98">
        <v>12</v>
      </c>
      <c r="L33" s="99">
        <v>156</v>
      </c>
      <c r="M33" s="101">
        <v>161</v>
      </c>
      <c r="N33" s="102">
        <v>0</v>
      </c>
      <c r="O33" s="98">
        <v>0</v>
      </c>
      <c r="P33" s="99">
        <v>0</v>
      </c>
      <c r="Q33" s="100">
        <v>0</v>
      </c>
      <c r="R33" s="98">
        <v>1</v>
      </c>
      <c r="S33" s="98">
        <v>1</v>
      </c>
      <c r="T33" s="98">
        <v>0</v>
      </c>
      <c r="U33" s="98">
        <v>0</v>
      </c>
      <c r="V33" s="98">
        <v>1</v>
      </c>
      <c r="W33" s="99">
        <v>3</v>
      </c>
      <c r="X33" s="101">
        <v>3</v>
      </c>
      <c r="Y33" s="102">
        <v>2</v>
      </c>
      <c r="Z33" s="98">
        <v>3</v>
      </c>
      <c r="AA33" s="99">
        <v>5</v>
      </c>
      <c r="AB33" s="100">
        <v>0</v>
      </c>
      <c r="AC33" s="98">
        <v>45</v>
      </c>
      <c r="AD33" s="98">
        <v>39</v>
      </c>
      <c r="AE33" s="98">
        <v>40</v>
      </c>
      <c r="AF33" s="98">
        <v>22</v>
      </c>
      <c r="AG33" s="98">
        <v>13</v>
      </c>
      <c r="AH33" s="99">
        <v>159</v>
      </c>
      <c r="AI33" s="101">
        <v>164</v>
      </c>
    </row>
    <row r="34" spans="2:35" ht="21" customHeight="1" x14ac:dyDescent="0.2">
      <c r="B34" s="18" t="s">
        <v>33</v>
      </c>
      <c r="C34" s="97">
        <v>0</v>
      </c>
      <c r="D34" s="98">
        <v>2</v>
      </c>
      <c r="E34" s="99">
        <v>2</v>
      </c>
      <c r="F34" s="100">
        <v>0</v>
      </c>
      <c r="G34" s="98">
        <v>34</v>
      </c>
      <c r="H34" s="98">
        <v>19</v>
      </c>
      <c r="I34" s="98">
        <v>21</v>
      </c>
      <c r="J34" s="98">
        <v>3</v>
      </c>
      <c r="K34" s="98">
        <v>7</v>
      </c>
      <c r="L34" s="99">
        <v>84</v>
      </c>
      <c r="M34" s="101">
        <v>86</v>
      </c>
      <c r="N34" s="102">
        <v>0</v>
      </c>
      <c r="O34" s="98">
        <v>0</v>
      </c>
      <c r="P34" s="99">
        <v>0</v>
      </c>
      <c r="Q34" s="100">
        <v>0</v>
      </c>
      <c r="R34" s="98">
        <v>0</v>
      </c>
      <c r="S34" s="98">
        <v>0</v>
      </c>
      <c r="T34" s="98">
        <v>0</v>
      </c>
      <c r="U34" s="98">
        <v>0</v>
      </c>
      <c r="V34" s="98">
        <v>0</v>
      </c>
      <c r="W34" s="99">
        <v>0</v>
      </c>
      <c r="X34" s="101">
        <v>0</v>
      </c>
      <c r="Y34" s="102">
        <v>0</v>
      </c>
      <c r="Z34" s="98">
        <v>2</v>
      </c>
      <c r="AA34" s="99">
        <v>2</v>
      </c>
      <c r="AB34" s="100">
        <v>0</v>
      </c>
      <c r="AC34" s="98">
        <v>34</v>
      </c>
      <c r="AD34" s="98">
        <v>19</v>
      </c>
      <c r="AE34" s="98">
        <v>21</v>
      </c>
      <c r="AF34" s="98">
        <v>3</v>
      </c>
      <c r="AG34" s="98">
        <v>7</v>
      </c>
      <c r="AH34" s="99">
        <v>84</v>
      </c>
      <c r="AI34" s="101">
        <v>86</v>
      </c>
    </row>
    <row r="35" spans="2:35" ht="21" customHeight="1" x14ac:dyDescent="0.2">
      <c r="B35" s="18" t="s">
        <v>34</v>
      </c>
      <c r="C35" s="97">
        <v>1</v>
      </c>
      <c r="D35" s="98">
        <v>4</v>
      </c>
      <c r="E35" s="99">
        <v>5</v>
      </c>
      <c r="F35" s="100">
        <v>0</v>
      </c>
      <c r="G35" s="98">
        <v>30</v>
      </c>
      <c r="H35" s="98">
        <v>23</v>
      </c>
      <c r="I35" s="98">
        <v>9</v>
      </c>
      <c r="J35" s="98">
        <v>8</v>
      </c>
      <c r="K35" s="98">
        <v>8</v>
      </c>
      <c r="L35" s="99">
        <v>78</v>
      </c>
      <c r="M35" s="101">
        <v>83</v>
      </c>
      <c r="N35" s="102">
        <v>0</v>
      </c>
      <c r="O35" s="98">
        <v>0</v>
      </c>
      <c r="P35" s="99">
        <v>0</v>
      </c>
      <c r="Q35" s="100">
        <v>0</v>
      </c>
      <c r="R35" s="98">
        <v>0</v>
      </c>
      <c r="S35" s="98">
        <v>0</v>
      </c>
      <c r="T35" s="98">
        <v>0</v>
      </c>
      <c r="U35" s="98">
        <v>1</v>
      </c>
      <c r="V35" s="98">
        <v>0</v>
      </c>
      <c r="W35" s="99">
        <v>1</v>
      </c>
      <c r="X35" s="101">
        <v>1</v>
      </c>
      <c r="Y35" s="102">
        <v>1</v>
      </c>
      <c r="Z35" s="98">
        <v>4</v>
      </c>
      <c r="AA35" s="99">
        <v>5</v>
      </c>
      <c r="AB35" s="100">
        <v>0</v>
      </c>
      <c r="AC35" s="98">
        <v>30</v>
      </c>
      <c r="AD35" s="98">
        <v>23</v>
      </c>
      <c r="AE35" s="98">
        <v>9</v>
      </c>
      <c r="AF35" s="98">
        <v>9</v>
      </c>
      <c r="AG35" s="98">
        <v>8</v>
      </c>
      <c r="AH35" s="99">
        <v>79</v>
      </c>
      <c r="AI35" s="101">
        <v>84</v>
      </c>
    </row>
    <row r="36" spans="2:35" ht="21" customHeight="1" x14ac:dyDescent="0.2">
      <c r="B36" s="18" t="s">
        <v>35</v>
      </c>
      <c r="C36" s="97">
        <v>3</v>
      </c>
      <c r="D36" s="98">
        <v>2</v>
      </c>
      <c r="E36" s="99">
        <v>5</v>
      </c>
      <c r="F36" s="100">
        <v>0</v>
      </c>
      <c r="G36" s="98">
        <v>42</v>
      </c>
      <c r="H36" s="98">
        <v>37</v>
      </c>
      <c r="I36" s="98">
        <v>30</v>
      </c>
      <c r="J36" s="98">
        <v>28</v>
      </c>
      <c r="K36" s="98">
        <v>11</v>
      </c>
      <c r="L36" s="99">
        <v>148</v>
      </c>
      <c r="M36" s="101">
        <v>153</v>
      </c>
      <c r="N36" s="102">
        <v>0</v>
      </c>
      <c r="O36" s="98">
        <v>0</v>
      </c>
      <c r="P36" s="99">
        <v>0</v>
      </c>
      <c r="Q36" s="100">
        <v>0</v>
      </c>
      <c r="R36" s="98">
        <v>0</v>
      </c>
      <c r="S36" s="98">
        <v>1</v>
      </c>
      <c r="T36" s="98">
        <v>0</v>
      </c>
      <c r="U36" s="98">
        <v>0</v>
      </c>
      <c r="V36" s="98">
        <v>0</v>
      </c>
      <c r="W36" s="99">
        <v>1</v>
      </c>
      <c r="X36" s="101">
        <v>1</v>
      </c>
      <c r="Y36" s="102">
        <v>3</v>
      </c>
      <c r="Z36" s="98">
        <v>2</v>
      </c>
      <c r="AA36" s="99">
        <v>5</v>
      </c>
      <c r="AB36" s="100">
        <v>0</v>
      </c>
      <c r="AC36" s="98">
        <v>42</v>
      </c>
      <c r="AD36" s="98">
        <v>38</v>
      </c>
      <c r="AE36" s="98">
        <v>30</v>
      </c>
      <c r="AF36" s="98">
        <v>28</v>
      </c>
      <c r="AG36" s="98">
        <v>11</v>
      </c>
      <c r="AH36" s="99">
        <v>149</v>
      </c>
      <c r="AI36" s="101">
        <v>154</v>
      </c>
    </row>
    <row r="37" spans="2:35" ht="21" customHeight="1" x14ac:dyDescent="0.2">
      <c r="B37" s="18" t="s">
        <v>36</v>
      </c>
      <c r="C37" s="97">
        <v>3</v>
      </c>
      <c r="D37" s="98">
        <v>1</v>
      </c>
      <c r="E37" s="99">
        <v>4</v>
      </c>
      <c r="F37" s="100">
        <v>0</v>
      </c>
      <c r="G37" s="98">
        <v>81</v>
      </c>
      <c r="H37" s="98">
        <v>60</v>
      </c>
      <c r="I37" s="98">
        <v>46</v>
      </c>
      <c r="J37" s="98">
        <v>26</v>
      </c>
      <c r="K37" s="98">
        <v>20</v>
      </c>
      <c r="L37" s="99">
        <v>233</v>
      </c>
      <c r="M37" s="101">
        <v>237</v>
      </c>
      <c r="N37" s="102">
        <v>0</v>
      </c>
      <c r="O37" s="98">
        <v>0</v>
      </c>
      <c r="P37" s="99">
        <v>0</v>
      </c>
      <c r="Q37" s="100">
        <v>0</v>
      </c>
      <c r="R37" s="98">
        <v>1</v>
      </c>
      <c r="S37" s="98">
        <v>1</v>
      </c>
      <c r="T37" s="98">
        <v>2</v>
      </c>
      <c r="U37" s="98">
        <v>0</v>
      </c>
      <c r="V37" s="98">
        <v>1</v>
      </c>
      <c r="W37" s="99">
        <v>5</v>
      </c>
      <c r="X37" s="101">
        <v>5</v>
      </c>
      <c r="Y37" s="102">
        <v>3</v>
      </c>
      <c r="Z37" s="98">
        <v>1</v>
      </c>
      <c r="AA37" s="99">
        <v>4</v>
      </c>
      <c r="AB37" s="100">
        <v>0</v>
      </c>
      <c r="AC37" s="98">
        <v>82</v>
      </c>
      <c r="AD37" s="98">
        <v>61</v>
      </c>
      <c r="AE37" s="98">
        <v>48</v>
      </c>
      <c r="AF37" s="98">
        <v>26</v>
      </c>
      <c r="AG37" s="98">
        <v>21</v>
      </c>
      <c r="AH37" s="99">
        <v>238</v>
      </c>
      <c r="AI37" s="101">
        <v>242</v>
      </c>
    </row>
    <row r="38" spans="2:35" ht="21" customHeight="1" thickBot="1" x14ac:dyDescent="0.25">
      <c r="B38" s="19" t="s">
        <v>37</v>
      </c>
      <c r="C38" s="103">
        <v>0</v>
      </c>
      <c r="D38" s="104">
        <v>0</v>
      </c>
      <c r="E38" s="105">
        <v>0</v>
      </c>
      <c r="F38" s="106">
        <v>0</v>
      </c>
      <c r="G38" s="104">
        <v>13</v>
      </c>
      <c r="H38" s="104">
        <v>7</v>
      </c>
      <c r="I38" s="104">
        <v>11</v>
      </c>
      <c r="J38" s="104">
        <v>2</v>
      </c>
      <c r="K38" s="104">
        <v>3</v>
      </c>
      <c r="L38" s="105">
        <v>36</v>
      </c>
      <c r="M38" s="107">
        <v>36</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13</v>
      </c>
      <c r="AD38" s="104">
        <v>7</v>
      </c>
      <c r="AE38" s="104">
        <v>11</v>
      </c>
      <c r="AF38" s="104">
        <v>2</v>
      </c>
      <c r="AG38" s="104">
        <v>3</v>
      </c>
      <c r="AH38" s="105">
        <v>36</v>
      </c>
      <c r="AI38" s="107">
        <v>36</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5</v>
      </c>
      <c r="J1" s="524"/>
      <c r="K1" s="248">
        <f>第１表!G2</f>
        <v>4</v>
      </c>
      <c r="L1" s="529">
        <f>IF(K1&lt;3,K1+12-2,K1-2)</f>
        <v>2</v>
      </c>
      <c r="M1" s="529"/>
    </row>
    <row r="2" spans="1:101" s="291" customFormat="1" ht="24" customHeight="1" thickBot="1" x14ac:dyDescent="0.25">
      <c r="A2" s="44"/>
      <c r="B2" s="290" t="s">
        <v>133</v>
      </c>
    </row>
    <row r="3" spans="1:101" ht="21" customHeight="1" thickBot="1" x14ac:dyDescent="0.25">
      <c r="B3" s="537"/>
      <c r="C3" s="540" t="s">
        <v>114</v>
      </c>
      <c r="D3" s="541"/>
      <c r="E3" s="541"/>
      <c r="F3" s="541"/>
      <c r="G3" s="541"/>
      <c r="H3" s="541"/>
      <c r="I3" s="541"/>
      <c r="J3" s="541"/>
      <c r="K3" s="541"/>
      <c r="L3" s="541"/>
      <c r="M3" s="542"/>
      <c r="N3" s="540" t="s">
        <v>115</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263" t="s">
        <v>43</v>
      </c>
      <c r="D5" s="265" t="s">
        <v>44</v>
      </c>
      <c r="E5" s="266" t="s">
        <v>45</v>
      </c>
      <c r="F5" s="267" t="s">
        <v>83</v>
      </c>
      <c r="G5" s="259" t="s">
        <v>47</v>
      </c>
      <c r="H5" s="259" t="s">
        <v>48</v>
      </c>
      <c r="I5" s="259" t="s">
        <v>49</v>
      </c>
      <c r="J5" s="259" t="s">
        <v>50</v>
      </c>
      <c r="K5" s="259" t="s">
        <v>51</v>
      </c>
      <c r="L5" s="268" t="s">
        <v>45</v>
      </c>
      <c r="M5" s="531"/>
      <c r="N5" s="263" t="s">
        <v>43</v>
      </c>
      <c r="O5" s="259" t="s">
        <v>44</v>
      </c>
      <c r="P5" s="265" t="s">
        <v>45</v>
      </c>
      <c r="Q5" s="267" t="s">
        <v>83</v>
      </c>
      <c r="R5" s="259" t="s">
        <v>47</v>
      </c>
      <c r="S5" s="259" t="s">
        <v>48</v>
      </c>
      <c r="T5" s="259" t="s">
        <v>49</v>
      </c>
      <c r="U5" s="259" t="s">
        <v>50</v>
      </c>
      <c r="V5" s="259" t="s">
        <v>51</v>
      </c>
      <c r="W5" s="265" t="s">
        <v>45</v>
      </c>
      <c r="X5" s="531"/>
      <c r="Y5" s="263" t="s">
        <v>43</v>
      </c>
      <c r="Z5" s="259" t="s">
        <v>44</v>
      </c>
      <c r="AA5" s="265" t="s">
        <v>45</v>
      </c>
      <c r="AB5" s="267" t="s">
        <v>83</v>
      </c>
      <c r="AC5" s="259" t="s">
        <v>47</v>
      </c>
      <c r="AD5" s="259" t="s">
        <v>48</v>
      </c>
      <c r="AE5" s="259" t="s">
        <v>49</v>
      </c>
      <c r="AF5" s="259" t="s">
        <v>50</v>
      </c>
      <c r="AG5" s="259" t="s">
        <v>51</v>
      </c>
      <c r="AH5" s="265" t="s">
        <v>45</v>
      </c>
      <c r="AI5" s="531"/>
      <c r="AJ5" s="340" t="s">
        <v>43</v>
      </c>
      <c r="AK5" s="259" t="s">
        <v>44</v>
      </c>
      <c r="AL5" s="265" t="s">
        <v>45</v>
      </c>
      <c r="AM5" s="267" t="s">
        <v>83</v>
      </c>
      <c r="AN5" s="259" t="s">
        <v>47</v>
      </c>
      <c r="AO5" s="259" t="s">
        <v>48</v>
      </c>
      <c r="AP5" s="259" t="s">
        <v>49</v>
      </c>
      <c r="AQ5" s="259" t="s">
        <v>50</v>
      </c>
      <c r="AR5" s="259" t="s">
        <v>51</v>
      </c>
      <c r="AS5" s="265" t="s">
        <v>45</v>
      </c>
      <c r="AT5" s="531"/>
      <c r="AU5" s="340" t="s">
        <v>43</v>
      </c>
      <c r="AV5" s="259" t="s">
        <v>44</v>
      </c>
      <c r="AW5" s="265" t="s">
        <v>45</v>
      </c>
      <c r="AX5" s="267" t="s">
        <v>83</v>
      </c>
      <c r="AY5" s="259" t="s">
        <v>47</v>
      </c>
      <c r="AZ5" s="259" t="s">
        <v>48</v>
      </c>
      <c r="BA5" s="259" t="s">
        <v>49</v>
      </c>
      <c r="BB5" s="259" t="s">
        <v>50</v>
      </c>
      <c r="BC5" s="259" t="s">
        <v>51</v>
      </c>
      <c r="BD5" s="265" t="s">
        <v>45</v>
      </c>
      <c r="BE5" s="564"/>
      <c r="BF5" s="340" t="s">
        <v>43</v>
      </c>
      <c r="BG5" s="259" t="s">
        <v>44</v>
      </c>
      <c r="BH5" s="265" t="s">
        <v>45</v>
      </c>
      <c r="BI5" s="267" t="s">
        <v>83</v>
      </c>
      <c r="BJ5" s="259" t="s">
        <v>47</v>
      </c>
      <c r="BK5" s="259" t="s">
        <v>48</v>
      </c>
      <c r="BL5" s="259" t="s">
        <v>49</v>
      </c>
      <c r="BM5" s="259" t="s">
        <v>50</v>
      </c>
      <c r="BN5" s="259" t="s">
        <v>51</v>
      </c>
      <c r="BO5" s="265" t="s">
        <v>45</v>
      </c>
      <c r="BP5" s="564"/>
      <c r="BQ5" s="340" t="s">
        <v>43</v>
      </c>
      <c r="BR5" s="259" t="s">
        <v>44</v>
      </c>
      <c r="BS5" s="265" t="s">
        <v>45</v>
      </c>
      <c r="BT5" s="267" t="s">
        <v>83</v>
      </c>
      <c r="BU5" s="259" t="s">
        <v>47</v>
      </c>
      <c r="BV5" s="259" t="s">
        <v>48</v>
      </c>
      <c r="BW5" s="259" t="s">
        <v>49</v>
      </c>
      <c r="BX5" s="259" t="s">
        <v>50</v>
      </c>
      <c r="BY5" s="259" t="s">
        <v>51</v>
      </c>
      <c r="BZ5" s="265" t="s">
        <v>45</v>
      </c>
      <c r="CA5" s="564"/>
      <c r="CB5" s="340" t="s">
        <v>43</v>
      </c>
      <c r="CC5" s="259" t="s">
        <v>44</v>
      </c>
      <c r="CD5" s="265" t="s">
        <v>45</v>
      </c>
      <c r="CE5" s="267" t="s">
        <v>83</v>
      </c>
      <c r="CF5" s="259" t="s">
        <v>47</v>
      </c>
      <c r="CG5" s="259" t="s">
        <v>48</v>
      </c>
      <c r="CH5" s="259" t="s">
        <v>49</v>
      </c>
      <c r="CI5" s="259" t="s">
        <v>50</v>
      </c>
      <c r="CJ5" s="259" t="s">
        <v>51</v>
      </c>
      <c r="CK5" s="265" t="s">
        <v>45</v>
      </c>
      <c r="CL5" s="564"/>
      <c r="CM5" s="340"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0</v>
      </c>
      <c r="D6" s="270">
        <v>0</v>
      </c>
      <c r="E6" s="271">
        <v>0</v>
      </c>
      <c r="F6" s="272">
        <v>0</v>
      </c>
      <c r="G6" s="273">
        <v>325</v>
      </c>
      <c r="H6" s="273">
        <v>371</v>
      </c>
      <c r="I6" s="273">
        <v>367</v>
      </c>
      <c r="J6" s="273">
        <v>394</v>
      </c>
      <c r="K6" s="273">
        <v>385</v>
      </c>
      <c r="L6" s="274">
        <v>1842</v>
      </c>
      <c r="M6" s="275">
        <v>1842</v>
      </c>
      <c r="N6" s="269">
        <v>0</v>
      </c>
      <c r="O6" s="273">
        <v>0</v>
      </c>
      <c r="P6" s="270">
        <v>0</v>
      </c>
      <c r="Q6" s="272">
        <v>0</v>
      </c>
      <c r="R6" s="273">
        <v>203</v>
      </c>
      <c r="S6" s="273">
        <v>533</v>
      </c>
      <c r="T6" s="273">
        <v>472</v>
      </c>
      <c r="U6" s="273">
        <v>448</v>
      </c>
      <c r="V6" s="273">
        <v>414</v>
      </c>
      <c r="W6" s="270">
        <v>2070</v>
      </c>
      <c r="X6" s="275">
        <v>2070</v>
      </c>
      <c r="Y6" s="269">
        <v>0</v>
      </c>
      <c r="Z6" s="273">
        <v>0</v>
      </c>
      <c r="AA6" s="270">
        <v>0</v>
      </c>
      <c r="AB6" s="272">
        <v>0</v>
      </c>
      <c r="AC6" s="273">
        <v>13324</v>
      </c>
      <c r="AD6" s="273">
        <v>12098</v>
      </c>
      <c r="AE6" s="273">
        <v>5892</v>
      </c>
      <c r="AF6" s="273">
        <v>2959</v>
      </c>
      <c r="AG6" s="273">
        <v>1302</v>
      </c>
      <c r="AH6" s="270">
        <v>35575</v>
      </c>
      <c r="AI6" s="275">
        <v>35575</v>
      </c>
      <c r="AJ6" s="269">
        <v>10</v>
      </c>
      <c r="AK6" s="273">
        <v>7</v>
      </c>
      <c r="AL6" s="270">
        <v>17</v>
      </c>
      <c r="AM6" s="272">
        <v>0</v>
      </c>
      <c r="AN6" s="273">
        <v>800</v>
      </c>
      <c r="AO6" s="273">
        <v>952</v>
      </c>
      <c r="AP6" s="273">
        <v>1078</v>
      </c>
      <c r="AQ6" s="273">
        <v>602</v>
      </c>
      <c r="AR6" s="273">
        <v>432</v>
      </c>
      <c r="AS6" s="270">
        <v>3864</v>
      </c>
      <c r="AT6" s="275">
        <v>3881</v>
      </c>
      <c r="AU6" s="269">
        <v>182</v>
      </c>
      <c r="AV6" s="273">
        <v>272</v>
      </c>
      <c r="AW6" s="270">
        <v>454</v>
      </c>
      <c r="AX6" s="272">
        <v>0</v>
      </c>
      <c r="AY6" s="273">
        <v>1370</v>
      </c>
      <c r="AZ6" s="273">
        <v>1556</v>
      </c>
      <c r="BA6" s="273">
        <v>1347</v>
      </c>
      <c r="BB6" s="273">
        <v>942</v>
      </c>
      <c r="BC6" s="273">
        <v>507</v>
      </c>
      <c r="BD6" s="270">
        <v>5722</v>
      </c>
      <c r="BE6" s="275">
        <v>6176</v>
      </c>
      <c r="BF6" s="269">
        <v>0</v>
      </c>
      <c r="BG6" s="273">
        <v>36</v>
      </c>
      <c r="BH6" s="270">
        <v>36</v>
      </c>
      <c r="BI6" s="272">
        <v>0</v>
      </c>
      <c r="BJ6" s="273">
        <v>2508</v>
      </c>
      <c r="BK6" s="273">
        <v>3159</v>
      </c>
      <c r="BL6" s="273">
        <v>3495</v>
      </c>
      <c r="BM6" s="273">
        <v>2327</v>
      </c>
      <c r="BN6" s="273">
        <v>1629</v>
      </c>
      <c r="BO6" s="274">
        <v>13118</v>
      </c>
      <c r="BP6" s="275">
        <v>13154</v>
      </c>
      <c r="BQ6" s="269">
        <v>0</v>
      </c>
      <c r="BR6" s="273">
        <v>0</v>
      </c>
      <c r="BS6" s="270">
        <v>0</v>
      </c>
      <c r="BT6" s="272">
        <v>0</v>
      </c>
      <c r="BU6" s="273">
        <v>39</v>
      </c>
      <c r="BV6" s="273">
        <v>51</v>
      </c>
      <c r="BW6" s="273">
        <v>62</v>
      </c>
      <c r="BX6" s="273">
        <v>66</v>
      </c>
      <c r="BY6" s="273">
        <v>51</v>
      </c>
      <c r="BZ6" s="270">
        <v>269</v>
      </c>
      <c r="CA6" s="275">
        <v>269</v>
      </c>
      <c r="CB6" s="269">
        <v>0</v>
      </c>
      <c r="CC6" s="273">
        <v>0</v>
      </c>
      <c r="CD6" s="270">
        <v>0</v>
      </c>
      <c r="CE6" s="272">
        <v>0</v>
      </c>
      <c r="CF6" s="273">
        <v>10</v>
      </c>
      <c r="CG6" s="273">
        <v>31</v>
      </c>
      <c r="CH6" s="273">
        <v>219</v>
      </c>
      <c r="CI6" s="273">
        <v>323</v>
      </c>
      <c r="CJ6" s="273">
        <v>212</v>
      </c>
      <c r="CK6" s="270">
        <v>795</v>
      </c>
      <c r="CL6" s="275">
        <v>795</v>
      </c>
      <c r="CM6" s="269">
        <v>0</v>
      </c>
      <c r="CN6" s="273">
        <v>0</v>
      </c>
      <c r="CO6" s="270">
        <v>0</v>
      </c>
      <c r="CP6" s="272">
        <v>0</v>
      </c>
      <c r="CQ6" s="273">
        <v>195</v>
      </c>
      <c r="CR6" s="273">
        <v>297</v>
      </c>
      <c r="CS6" s="273">
        <v>292</v>
      </c>
      <c r="CT6" s="273">
        <v>352</v>
      </c>
      <c r="CU6" s="273">
        <v>434</v>
      </c>
      <c r="CV6" s="270">
        <v>1570</v>
      </c>
      <c r="CW6" s="275">
        <v>1570</v>
      </c>
    </row>
    <row r="7" spans="1:101" ht="21" customHeight="1" x14ac:dyDescent="0.2">
      <c r="B7" s="261" t="s">
        <v>5</v>
      </c>
      <c r="C7" s="276">
        <v>0</v>
      </c>
      <c r="D7" s="277">
        <v>0</v>
      </c>
      <c r="E7" s="278">
        <v>0</v>
      </c>
      <c r="F7" s="279">
        <v>0</v>
      </c>
      <c r="G7" s="280">
        <v>122</v>
      </c>
      <c r="H7" s="280">
        <v>161</v>
      </c>
      <c r="I7" s="280">
        <v>188</v>
      </c>
      <c r="J7" s="280">
        <v>180</v>
      </c>
      <c r="K7" s="280">
        <v>184</v>
      </c>
      <c r="L7" s="281">
        <v>835</v>
      </c>
      <c r="M7" s="282">
        <v>835</v>
      </c>
      <c r="N7" s="276">
        <v>0</v>
      </c>
      <c r="O7" s="280">
        <v>0</v>
      </c>
      <c r="P7" s="277">
        <v>0</v>
      </c>
      <c r="Q7" s="279">
        <v>0</v>
      </c>
      <c r="R7" s="280">
        <v>107</v>
      </c>
      <c r="S7" s="280">
        <v>400</v>
      </c>
      <c r="T7" s="280">
        <v>351</v>
      </c>
      <c r="U7" s="280">
        <v>318</v>
      </c>
      <c r="V7" s="280">
        <v>298</v>
      </c>
      <c r="W7" s="277">
        <v>1474</v>
      </c>
      <c r="X7" s="282">
        <v>1474</v>
      </c>
      <c r="Y7" s="276">
        <v>0</v>
      </c>
      <c r="Z7" s="280">
        <v>0</v>
      </c>
      <c r="AA7" s="277">
        <v>0</v>
      </c>
      <c r="AB7" s="279">
        <v>0</v>
      </c>
      <c r="AC7" s="280">
        <v>4656</v>
      </c>
      <c r="AD7" s="280">
        <v>5803</v>
      </c>
      <c r="AE7" s="280">
        <v>2655</v>
      </c>
      <c r="AF7" s="280">
        <v>1377</v>
      </c>
      <c r="AG7" s="280">
        <v>576</v>
      </c>
      <c r="AH7" s="277">
        <v>15067</v>
      </c>
      <c r="AI7" s="282">
        <v>15067</v>
      </c>
      <c r="AJ7" s="276">
        <v>4</v>
      </c>
      <c r="AK7" s="280">
        <v>2</v>
      </c>
      <c r="AL7" s="277">
        <v>6</v>
      </c>
      <c r="AM7" s="279">
        <v>0</v>
      </c>
      <c r="AN7" s="280">
        <v>387</v>
      </c>
      <c r="AO7" s="280">
        <v>505</v>
      </c>
      <c r="AP7" s="280">
        <v>567</v>
      </c>
      <c r="AQ7" s="280">
        <v>325</v>
      </c>
      <c r="AR7" s="280">
        <v>236</v>
      </c>
      <c r="AS7" s="277">
        <v>2020</v>
      </c>
      <c r="AT7" s="282">
        <v>2026</v>
      </c>
      <c r="AU7" s="276">
        <v>73</v>
      </c>
      <c r="AV7" s="280">
        <v>101</v>
      </c>
      <c r="AW7" s="277">
        <v>174</v>
      </c>
      <c r="AX7" s="279">
        <v>0</v>
      </c>
      <c r="AY7" s="280">
        <v>503</v>
      </c>
      <c r="AZ7" s="280">
        <v>676</v>
      </c>
      <c r="BA7" s="280">
        <v>560</v>
      </c>
      <c r="BB7" s="280">
        <v>409</v>
      </c>
      <c r="BC7" s="280">
        <v>261</v>
      </c>
      <c r="BD7" s="277">
        <v>2409</v>
      </c>
      <c r="BE7" s="282">
        <v>2583</v>
      </c>
      <c r="BF7" s="276">
        <v>0</v>
      </c>
      <c r="BG7" s="280">
        <v>12</v>
      </c>
      <c r="BH7" s="277">
        <v>12</v>
      </c>
      <c r="BI7" s="279">
        <v>0</v>
      </c>
      <c r="BJ7" s="280">
        <v>1107</v>
      </c>
      <c r="BK7" s="280">
        <v>1382</v>
      </c>
      <c r="BL7" s="280">
        <v>1475</v>
      </c>
      <c r="BM7" s="280">
        <v>983</v>
      </c>
      <c r="BN7" s="280">
        <v>744</v>
      </c>
      <c r="BO7" s="281">
        <v>5691</v>
      </c>
      <c r="BP7" s="282">
        <v>5703</v>
      </c>
      <c r="BQ7" s="276">
        <v>0</v>
      </c>
      <c r="BR7" s="280">
        <v>0</v>
      </c>
      <c r="BS7" s="277">
        <v>0</v>
      </c>
      <c r="BT7" s="279">
        <v>0</v>
      </c>
      <c r="BU7" s="280">
        <v>1</v>
      </c>
      <c r="BV7" s="280">
        <v>0</v>
      </c>
      <c r="BW7" s="280">
        <v>5</v>
      </c>
      <c r="BX7" s="280">
        <v>1</v>
      </c>
      <c r="BY7" s="280">
        <v>5</v>
      </c>
      <c r="BZ7" s="277">
        <v>12</v>
      </c>
      <c r="CA7" s="282">
        <v>12</v>
      </c>
      <c r="CB7" s="276">
        <v>0</v>
      </c>
      <c r="CC7" s="280">
        <v>0</v>
      </c>
      <c r="CD7" s="277">
        <v>0</v>
      </c>
      <c r="CE7" s="279">
        <v>0</v>
      </c>
      <c r="CF7" s="280">
        <v>4</v>
      </c>
      <c r="CG7" s="280">
        <v>9</v>
      </c>
      <c r="CH7" s="280">
        <v>13</v>
      </c>
      <c r="CI7" s="280">
        <v>30</v>
      </c>
      <c r="CJ7" s="280">
        <v>26</v>
      </c>
      <c r="CK7" s="277">
        <v>82</v>
      </c>
      <c r="CL7" s="282">
        <v>82</v>
      </c>
      <c r="CM7" s="276">
        <v>0</v>
      </c>
      <c r="CN7" s="280">
        <v>0</v>
      </c>
      <c r="CO7" s="277">
        <v>0</v>
      </c>
      <c r="CP7" s="279">
        <v>0</v>
      </c>
      <c r="CQ7" s="280">
        <v>32</v>
      </c>
      <c r="CR7" s="280">
        <v>61</v>
      </c>
      <c r="CS7" s="280">
        <v>71</v>
      </c>
      <c r="CT7" s="280">
        <v>96</v>
      </c>
      <c r="CU7" s="280">
        <v>163</v>
      </c>
      <c r="CV7" s="277">
        <v>423</v>
      </c>
      <c r="CW7" s="282">
        <v>423</v>
      </c>
    </row>
    <row r="8" spans="1:101" ht="21" customHeight="1" x14ac:dyDescent="0.2">
      <c r="B8" s="261" t="s">
        <v>6</v>
      </c>
      <c r="C8" s="276">
        <v>0</v>
      </c>
      <c r="D8" s="277">
        <v>0</v>
      </c>
      <c r="E8" s="278">
        <v>0</v>
      </c>
      <c r="F8" s="279">
        <v>0</v>
      </c>
      <c r="G8" s="280">
        <v>76</v>
      </c>
      <c r="H8" s="280">
        <v>77</v>
      </c>
      <c r="I8" s="280">
        <v>74</v>
      </c>
      <c r="J8" s="280">
        <v>106</v>
      </c>
      <c r="K8" s="280">
        <v>110</v>
      </c>
      <c r="L8" s="281">
        <v>443</v>
      </c>
      <c r="M8" s="282">
        <v>443</v>
      </c>
      <c r="N8" s="276">
        <v>0</v>
      </c>
      <c r="O8" s="280">
        <v>0</v>
      </c>
      <c r="P8" s="277">
        <v>0</v>
      </c>
      <c r="Q8" s="279">
        <v>0</v>
      </c>
      <c r="R8" s="280">
        <v>70</v>
      </c>
      <c r="S8" s="280">
        <v>100</v>
      </c>
      <c r="T8" s="280">
        <v>97</v>
      </c>
      <c r="U8" s="280">
        <v>100</v>
      </c>
      <c r="V8" s="280">
        <v>93</v>
      </c>
      <c r="W8" s="277">
        <v>460</v>
      </c>
      <c r="X8" s="282">
        <v>460</v>
      </c>
      <c r="Y8" s="276">
        <v>0</v>
      </c>
      <c r="Z8" s="280">
        <v>0</v>
      </c>
      <c r="AA8" s="277">
        <v>0</v>
      </c>
      <c r="AB8" s="279">
        <v>0</v>
      </c>
      <c r="AC8" s="280">
        <v>1906</v>
      </c>
      <c r="AD8" s="280">
        <v>1246</v>
      </c>
      <c r="AE8" s="280">
        <v>714</v>
      </c>
      <c r="AF8" s="280">
        <v>428</v>
      </c>
      <c r="AG8" s="280">
        <v>205</v>
      </c>
      <c r="AH8" s="277">
        <v>4499</v>
      </c>
      <c r="AI8" s="282">
        <v>4499</v>
      </c>
      <c r="AJ8" s="276">
        <v>1</v>
      </c>
      <c r="AK8" s="280">
        <v>1</v>
      </c>
      <c r="AL8" s="277">
        <v>2</v>
      </c>
      <c r="AM8" s="279">
        <v>0</v>
      </c>
      <c r="AN8" s="280">
        <v>182</v>
      </c>
      <c r="AO8" s="280">
        <v>195</v>
      </c>
      <c r="AP8" s="280">
        <v>207</v>
      </c>
      <c r="AQ8" s="280">
        <v>134</v>
      </c>
      <c r="AR8" s="280">
        <v>91</v>
      </c>
      <c r="AS8" s="277">
        <v>809</v>
      </c>
      <c r="AT8" s="282">
        <v>811</v>
      </c>
      <c r="AU8" s="276">
        <v>22</v>
      </c>
      <c r="AV8" s="280">
        <v>30</v>
      </c>
      <c r="AW8" s="277">
        <v>52</v>
      </c>
      <c r="AX8" s="279">
        <v>0</v>
      </c>
      <c r="AY8" s="280">
        <v>213</v>
      </c>
      <c r="AZ8" s="280">
        <v>216</v>
      </c>
      <c r="BA8" s="280">
        <v>183</v>
      </c>
      <c r="BB8" s="280">
        <v>147</v>
      </c>
      <c r="BC8" s="280">
        <v>68</v>
      </c>
      <c r="BD8" s="277">
        <v>827</v>
      </c>
      <c r="BE8" s="282">
        <v>879</v>
      </c>
      <c r="BF8" s="276">
        <v>0</v>
      </c>
      <c r="BG8" s="280">
        <v>3</v>
      </c>
      <c r="BH8" s="277">
        <v>3</v>
      </c>
      <c r="BI8" s="279">
        <v>0</v>
      </c>
      <c r="BJ8" s="280">
        <v>454</v>
      </c>
      <c r="BK8" s="280">
        <v>550</v>
      </c>
      <c r="BL8" s="280">
        <v>565</v>
      </c>
      <c r="BM8" s="280">
        <v>369</v>
      </c>
      <c r="BN8" s="280">
        <v>250</v>
      </c>
      <c r="BO8" s="281">
        <v>2188</v>
      </c>
      <c r="BP8" s="282">
        <v>2191</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4</v>
      </c>
      <c r="CG8" s="280">
        <v>6</v>
      </c>
      <c r="CH8" s="280">
        <v>74</v>
      </c>
      <c r="CI8" s="280">
        <v>89</v>
      </c>
      <c r="CJ8" s="280">
        <v>66</v>
      </c>
      <c r="CK8" s="277">
        <v>239</v>
      </c>
      <c r="CL8" s="282">
        <v>239</v>
      </c>
      <c r="CM8" s="276">
        <v>0</v>
      </c>
      <c r="CN8" s="280">
        <v>0</v>
      </c>
      <c r="CO8" s="277">
        <v>0</v>
      </c>
      <c r="CP8" s="279">
        <v>0</v>
      </c>
      <c r="CQ8" s="280">
        <v>58</v>
      </c>
      <c r="CR8" s="280">
        <v>95</v>
      </c>
      <c r="CS8" s="280">
        <v>76</v>
      </c>
      <c r="CT8" s="280">
        <v>90</v>
      </c>
      <c r="CU8" s="280">
        <v>96</v>
      </c>
      <c r="CV8" s="277">
        <v>415</v>
      </c>
      <c r="CW8" s="282">
        <v>415</v>
      </c>
    </row>
    <row r="9" spans="1:101" ht="21" customHeight="1" x14ac:dyDescent="0.2">
      <c r="B9" s="261" t="s">
        <v>14</v>
      </c>
      <c r="C9" s="276">
        <v>0</v>
      </c>
      <c r="D9" s="277">
        <v>0</v>
      </c>
      <c r="E9" s="278">
        <v>0</v>
      </c>
      <c r="F9" s="279">
        <v>0</v>
      </c>
      <c r="G9" s="280">
        <v>24</v>
      </c>
      <c r="H9" s="280">
        <v>22</v>
      </c>
      <c r="I9" s="280">
        <v>27</v>
      </c>
      <c r="J9" s="280">
        <v>22</v>
      </c>
      <c r="K9" s="280">
        <v>21</v>
      </c>
      <c r="L9" s="281">
        <v>116</v>
      </c>
      <c r="M9" s="282">
        <v>116</v>
      </c>
      <c r="N9" s="276">
        <v>0</v>
      </c>
      <c r="O9" s="280">
        <v>0</v>
      </c>
      <c r="P9" s="277">
        <v>0</v>
      </c>
      <c r="Q9" s="279">
        <v>0</v>
      </c>
      <c r="R9" s="280">
        <v>1</v>
      </c>
      <c r="S9" s="280">
        <v>0</v>
      </c>
      <c r="T9" s="280">
        <v>2</v>
      </c>
      <c r="U9" s="280">
        <v>3</v>
      </c>
      <c r="V9" s="280">
        <v>2</v>
      </c>
      <c r="W9" s="277">
        <v>8</v>
      </c>
      <c r="X9" s="282">
        <v>8</v>
      </c>
      <c r="Y9" s="276">
        <v>0</v>
      </c>
      <c r="Z9" s="280">
        <v>0</v>
      </c>
      <c r="AA9" s="277">
        <v>0</v>
      </c>
      <c r="AB9" s="279">
        <v>0</v>
      </c>
      <c r="AC9" s="280">
        <v>989</v>
      </c>
      <c r="AD9" s="280">
        <v>1103</v>
      </c>
      <c r="AE9" s="280">
        <v>533</v>
      </c>
      <c r="AF9" s="280">
        <v>235</v>
      </c>
      <c r="AG9" s="280">
        <v>122</v>
      </c>
      <c r="AH9" s="277">
        <v>2982</v>
      </c>
      <c r="AI9" s="282">
        <v>2982</v>
      </c>
      <c r="AJ9" s="276">
        <v>2</v>
      </c>
      <c r="AK9" s="280">
        <v>0</v>
      </c>
      <c r="AL9" s="277">
        <v>2</v>
      </c>
      <c r="AM9" s="279">
        <v>0</v>
      </c>
      <c r="AN9" s="280">
        <v>17</v>
      </c>
      <c r="AO9" s="280">
        <v>21</v>
      </c>
      <c r="AP9" s="280">
        <v>37</v>
      </c>
      <c r="AQ9" s="280">
        <v>18</v>
      </c>
      <c r="AR9" s="280">
        <v>21</v>
      </c>
      <c r="AS9" s="277">
        <v>114</v>
      </c>
      <c r="AT9" s="282">
        <v>116</v>
      </c>
      <c r="AU9" s="276">
        <v>20</v>
      </c>
      <c r="AV9" s="280">
        <v>31</v>
      </c>
      <c r="AW9" s="277">
        <v>51</v>
      </c>
      <c r="AX9" s="279">
        <v>0</v>
      </c>
      <c r="AY9" s="280">
        <v>117</v>
      </c>
      <c r="AZ9" s="280">
        <v>142</v>
      </c>
      <c r="BA9" s="280">
        <v>121</v>
      </c>
      <c r="BB9" s="280">
        <v>79</v>
      </c>
      <c r="BC9" s="280">
        <v>23</v>
      </c>
      <c r="BD9" s="277">
        <v>482</v>
      </c>
      <c r="BE9" s="282">
        <v>533</v>
      </c>
      <c r="BF9" s="276">
        <v>0</v>
      </c>
      <c r="BG9" s="280">
        <v>3</v>
      </c>
      <c r="BH9" s="277">
        <v>3</v>
      </c>
      <c r="BI9" s="279">
        <v>0</v>
      </c>
      <c r="BJ9" s="280">
        <v>213</v>
      </c>
      <c r="BK9" s="280">
        <v>292</v>
      </c>
      <c r="BL9" s="280">
        <v>352</v>
      </c>
      <c r="BM9" s="280">
        <v>212</v>
      </c>
      <c r="BN9" s="280">
        <v>141</v>
      </c>
      <c r="BO9" s="281">
        <v>1210</v>
      </c>
      <c r="BP9" s="282">
        <v>1213</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2</v>
      </c>
      <c r="CH9" s="280">
        <v>15</v>
      </c>
      <c r="CI9" s="280">
        <v>28</v>
      </c>
      <c r="CJ9" s="280">
        <v>10</v>
      </c>
      <c r="CK9" s="277">
        <v>55</v>
      </c>
      <c r="CL9" s="282">
        <v>55</v>
      </c>
      <c r="CM9" s="276">
        <v>0</v>
      </c>
      <c r="CN9" s="280">
        <v>0</v>
      </c>
      <c r="CO9" s="277">
        <v>0</v>
      </c>
      <c r="CP9" s="279">
        <v>0</v>
      </c>
      <c r="CQ9" s="280">
        <v>12</v>
      </c>
      <c r="CR9" s="280">
        <v>19</v>
      </c>
      <c r="CS9" s="280">
        <v>21</v>
      </c>
      <c r="CT9" s="280">
        <v>25</v>
      </c>
      <c r="CU9" s="280">
        <v>20</v>
      </c>
      <c r="CV9" s="277">
        <v>97</v>
      </c>
      <c r="CW9" s="282">
        <v>97</v>
      </c>
    </row>
    <row r="10" spans="1:101" ht="21" customHeight="1" x14ac:dyDescent="0.2">
      <c r="B10" s="261" t="s">
        <v>7</v>
      </c>
      <c r="C10" s="276">
        <v>0</v>
      </c>
      <c r="D10" s="277">
        <v>0</v>
      </c>
      <c r="E10" s="278">
        <v>0</v>
      </c>
      <c r="F10" s="279">
        <v>0</v>
      </c>
      <c r="G10" s="280">
        <v>5</v>
      </c>
      <c r="H10" s="280">
        <v>7</v>
      </c>
      <c r="I10" s="280">
        <v>6</v>
      </c>
      <c r="J10" s="280">
        <v>8</v>
      </c>
      <c r="K10" s="280">
        <v>5</v>
      </c>
      <c r="L10" s="281">
        <v>31</v>
      </c>
      <c r="M10" s="282">
        <v>31</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1118</v>
      </c>
      <c r="AD10" s="280">
        <v>632</v>
      </c>
      <c r="AE10" s="280">
        <v>314</v>
      </c>
      <c r="AF10" s="280">
        <v>126</v>
      </c>
      <c r="AG10" s="280">
        <v>50</v>
      </c>
      <c r="AH10" s="277">
        <v>2240</v>
      </c>
      <c r="AI10" s="282">
        <v>2240</v>
      </c>
      <c r="AJ10" s="276">
        <v>0</v>
      </c>
      <c r="AK10" s="280">
        <v>0</v>
      </c>
      <c r="AL10" s="277">
        <v>0</v>
      </c>
      <c r="AM10" s="279">
        <v>0</v>
      </c>
      <c r="AN10" s="280">
        <v>87</v>
      </c>
      <c r="AO10" s="280">
        <v>98</v>
      </c>
      <c r="AP10" s="280">
        <v>96</v>
      </c>
      <c r="AQ10" s="280">
        <v>47</v>
      </c>
      <c r="AR10" s="280">
        <v>20</v>
      </c>
      <c r="AS10" s="277">
        <v>348</v>
      </c>
      <c r="AT10" s="282">
        <v>348</v>
      </c>
      <c r="AU10" s="276">
        <v>4</v>
      </c>
      <c r="AV10" s="280">
        <v>9</v>
      </c>
      <c r="AW10" s="277">
        <v>13</v>
      </c>
      <c r="AX10" s="279">
        <v>0</v>
      </c>
      <c r="AY10" s="280">
        <v>48</v>
      </c>
      <c r="AZ10" s="280">
        <v>31</v>
      </c>
      <c r="BA10" s="280">
        <v>36</v>
      </c>
      <c r="BB10" s="280">
        <v>17</v>
      </c>
      <c r="BC10" s="280">
        <v>5</v>
      </c>
      <c r="BD10" s="277">
        <v>137</v>
      </c>
      <c r="BE10" s="282">
        <v>150</v>
      </c>
      <c r="BF10" s="276">
        <v>0</v>
      </c>
      <c r="BG10" s="280">
        <v>0</v>
      </c>
      <c r="BH10" s="277">
        <v>0</v>
      </c>
      <c r="BI10" s="279">
        <v>0</v>
      </c>
      <c r="BJ10" s="280">
        <v>121</v>
      </c>
      <c r="BK10" s="280">
        <v>145</v>
      </c>
      <c r="BL10" s="280">
        <v>168</v>
      </c>
      <c r="BM10" s="280">
        <v>131</v>
      </c>
      <c r="BN10" s="280">
        <v>71</v>
      </c>
      <c r="BO10" s="281">
        <v>636</v>
      </c>
      <c r="BP10" s="282">
        <v>636</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0</v>
      </c>
      <c r="CR10" s="280">
        <v>15</v>
      </c>
      <c r="CS10" s="280">
        <v>11</v>
      </c>
      <c r="CT10" s="280">
        <v>12</v>
      </c>
      <c r="CU10" s="280">
        <v>23</v>
      </c>
      <c r="CV10" s="277">
        <v>71</v>
      </c>
      <c r="CW10" s="282">
        <v>71</v>
      </c>
    </row>
    <row r="11" spans="1:101" ht="21" customHeight="1" x14ac:dyDescent="0.2">
      <c r="B11" s="261" t="s">
        <v>8</v>
      </c>
      <c r="C11" s="276">
        <v>0</v>
      </c>
      <c r="D11" s="277">
        <v>0</v>
      </c>
      <c r="E11" s="278">
        <v>0</v>
      </c>
      <c r="F11" s="279">
        <v>0</v>
      </c>
      <c r="G11" s="280">
        <v>5</v>
      </c>
      <c r="H11" s="280">
        <v>7</v>
      </c>
      <c r="I11" s="280">
        <v>1</v>
      </c>
      <c r="J11" s="280">
        <v>7</v>
      </c>
      <c r="K11" s="280">
        <v>2</v>
      </c>
      <c r="L11" s="281">
        <v>22</v>
      </c>
      <c r="M11" s="282">
        <v>22</v>
      </c>
      <c r="N11" s="276">
        <v>0</v>
      </c>
      <c r="O11" s="280">
        <v>0</v>
      </c>
      <c r="P11" s="277">
        <v>0</v>
      </c>
      <c r="Q11" s="279">
        <v>0</v>
      </c>
      <c r="R11" s="280">
        <v>2</v>
      </c>
      <c r="S11" s="280">
        <v>1</v>
      </c>
      <c r="T11" s="280">
        <v>1</v>
      </c>
      <c r="U11" s="280">
        <v>0</v>
      </c>
      <c r="V11" s="280">
        <v>5</v>
      </c>
      <c r="W11" s="277">
        <v>9</v>
      </c>
      <c r="X11" s="282">
        <v>9</v>
      </c>
      <c r="Y11" s="276">
        <v>0</v>
      </c>
      <c r="Z11" s="280">
        <v>0</v>
      </c>
      <c r="AA11" s="277">
        <v>0</v>
      </c>
      <c r="AB11" s="279">
        <v>0</v>
      </c>
      <c r="AC11" s="280">
        <v>622</v>
      </c>
      <c r="AD11" s="280">
        <v>523</v>
      </c>
      <c r="AE11" s="280">
        <v>236</v>
      </c>
      <c r="AF11" s="280">
        <v>92</v>
      </c>
      <c r="AG11" s="280">
        <v>53</v>
      </c>
      <c r="AH11" s="277">
        <v>1526</v>
      </c>
      <c r="AI11" s="282">
        <v>1526</v>
      </c>
      <c r="AJ11" s="276">
        <v>0</v>
      </c>
      <c r="AK11" s="280">
        <v>0</v>
      </c>
      <c r="AL11" s="277">
        <v>0</v>
      </c>
      <c r="AM11" s="279">
        <v>0</v>
      </c>
      <c r="AN11" s="280">
        <v>8</v>
      </c>
      <c r="AO11" s="280">
        <v>8</v>
      </c>
      <c r="AP11" s="280">
        <v>10</v>
      </c>
      <c r="AQ11" s="280">
        <v>6</v>
      </c>
      <c r="AR11" s="280">
        <v>8</v>
      </c>
      <c r="AS11" s="277">
        <v>40</v>
      </c>
      <c r="AT11" s="282">
        <v>40</v>
      </c>
      <c r="AU11" s="276">
        <v>8</v>
      </c>
      <c r="AV11" s="280">
        <v>12</v>
      </c>
      <c r="AW11" s="277">
        <v>20</v>
      </c>
      <c r="AX11" s="279">
        <v>0</v>
      </c>
      <c r="AY11" s="280">
        <v>64</v>
      </c>
      <c r="AZ11" s="280">
        <v>50</v>
      </c>
      <c r="BA11" s="280">
        <v>53</v>
      </c>
      <c r="BB11" s="280">
        <v>27</v>
      </c>
      <c r="BC11" s="280">
        <v>9</v>
      </c>
      <c r="BD11" s="277">
        <v>203</v>
      </c>
      <c r="BE11" s="282">
        <v>223</v>
      </c>
      <c r="BF11" s="276">
        <v>0</v>
      </c>
      <c r="BG11" s="280">
        <v>0</v>
      </c>
      <c r="BH11" s="277">
        <v>0</v>
      </c>
      <c r="BI11" s="279">
        <v>0</v>
      </c>
      <c r="BJ11" s="280">
        <v>63</v>
      </c>
      <c r="BK11" s="280">
        <v>74</v>
      </c>
      <c r="BL11" s="280">
        <v>76</v>
      </c>
      <c r="BM11" s="280">
        <v>59</v>
      </c>
      <c r="BN11" s="280">
        <v>36</v>
      </c>
      <c r="BO11" s="281">
        <v>308</v>
      </c>
      <c r="BP11" s="282">
        <v>308</v>
      </c>
      <c r="BQ11" s="276">
        <v>0</v>
      </c>
      <c r="BR11" s="280">
        <v>0</v>
      </c>
      <c r="BS11" s="277">
        <v>0</v>
      </c>
      <c r="BT11" s="279">
        <v>0</v>
      </c>
      <c r="BU11" s="280">
        <v>4</v>
      </c>
      <c r="BV11" s="280">
        <v>10</v>
      </c>
      <c r="BW11" s="280">
        <v>11</v>
      </c>
      <c r="BX11" s="280">
        <v>11</v>
      </c>
      <c r="BY11" s="280">
        <v>5</v>
      </c>
      <c r="BZ11" s="277">
        <v>41</v>
      </c>
      <c r="CA11" s="282">
        <v>41</v>
      </c>
      <c r="CB11" s="276">
        <v>0</v>
      </c>
      <c r="CC11" s="280">
        <v>0</v>
      </c>
      <c r="CD11" s="277">
        <v>0</v>
      </c>
      <c r="CE11" s="279">
        <v>0</v>
      </c>
      <c r="CF11" s="280">
        <v>0</v>
      </c>
      <c r="CG11" s="280">
        <v>1</v>
      </c>
      <c r="CH11" s="280">
        <v>12</v>
      </c>
      <c r="CI11" s="280">
        <v>17</v>
      </c>
      <c r="CJ11" s="280">
        <v>11</v>
      </c>
      <c r="CK11" s="277">
        <v>41</v>
      </c>
      <c r="CL11" s="282">
        <v>41</v>
      </c>
      <c r="CM11" s="276">
        <v>0</v>
      </c>
      <c r="CN11" s="280">
        <v>0</v>
      </c>
      <c r="CO11" s="277">
        <v>0</v>
      </c>
      <c r="CP11" s="279">
        <v>0</v>
      </c>
      <c r="CQ11" s="280">
        <v>11</v>
      </c>
      <c r="CR11" s="280">
        <v>14</v>
      </c>
      <c r="CS11" s="280">
        <v>13</v>
      </c>
      <c r="CT11" s="280">
        <v>12</v>
      </c>
      <c r="CU11" s="280">
        <v>6</v>
      </c>
      <c r="CV11" s="277">
        <v>56</v>
      </c>
      <c r="CW11" s="282">
        <v>56</v>
      </c>
    </row>
    <row r="12" spans="1:101" ht="21" customHeight="1" x14ac:dyDescent="0.2">
      <c r="B12" s="261" t="s">
        <v>9</v>
      </c>
      <c r="C12" s="276">
        <v>0</v>
      </c>
      <c r="D12" s="277">
        <v>0</v>
      </c>
      <c r="E12" s="278">
        <v>0</v>
      </c>
      <c r="F12" s="279">
        <v>0</v>
      </c>
      <c r="G12" s="280">
        <v>2</v>
      </c>
      <c r="H12" s="280">
        <v>6</v>
      </c>
      <c r="I12" s="280">
        <v>4</v>
      </c>
      <c r="J12" s="280">
        <v>9</v>
      </c>
      <c r="K12" s="280">
        <v>7</v>
      </c>
      <c r="L12" s="281">
        <v>28</v>
      </c>
      <c r="M12" s="282">
        <v>28</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50</v>
      </c>
      <c r="AD12" s="280">
        <v>270</v>
      </c>
      <c r="AE12" s="280">
        <v>177</v>
      </c>
      <c r="AF12" s="280">
        <v>84</v>
      </c>
      <c r="AG12" s="280">
        <v>30</v>
      </c>
      <c r="AH12" s="277">
        <v>1011</v>
      </c>
      <c r="AI12" s="282">
        <v>1011</v>
      </c>
      <c r="AJ12" s="276">
        <v>0</v>
      </c>
      <c r="AK12" s="280">
        <v>0</v>
      </c>
      <c r="AL12" s="277">
        <v>0</v>
      </c>
      <c r="AM12" s="279">
        <v>0</v>
      </c>
      <c r="AN12" s="280">
        <v>6</v>
      </c>
      <c r="AO12" s="280">
        <v>5</v>
      </c>
      <c r="AP12" s="280">
        <v>11</v>
      </c>
      <c r="AQ12" s="280">
        <v>4</v>
      </c>
      <c r="AR12" s="280">
        <v>5</v>
      </c>
      <c r="AS12" s="277">
        <v>31</v>
      </c>
      <c r="AT12" s="282">
        <v>31</v>
      </c>
      <c r="AU12" s="276">
        <v>8</v>
      </c>
      <c r="AV12" s="280">
        <v>5</v>
      </c>
      <c r="AW12" s="277">
        <v>13</v>
      </c>
      <c r="AX12" s="279">
        <v>0</v>
      </c>
      <c r="AY12" s="280">
        <v>30</v>
      </c>
      <c r="AZ12" s="280">
        <v>35</v>
      </c>
      <c r="BA12" s="280">
        <v>17</v>
      </c>
      <c r="BB12" s="280">
        <v>20</v>
      </c>
      <c r="BC12" s="280">
        <v>7</v>
      </c>
      <c r="BD12" s="277">
        <v>109</v>
      </c>
      <c r="BE12" s="282">
        <v>122</v>
      </c>
      <c r="BF12" s="276">
        <v>0</v>
      </c>
      <c r="BG12" s="280">
        <v>2</v>
      </c>
      <c r="BH12" s="277">
        <v>2</v>
      </c>
      <c r="BI12" s="279">
        <v>0</v>
      </c>
      <c r="BJ12" s="280">
        <v>37</v>
      </c>
      <c r="BK12" s="280">
        <v>58</v>
      </c>
      <c r="BL12" s="280">
        <v>86</v>
      </c>
      <c r="BM12" s="280">
        <v>50</v>
      </c>
      <c r="BN12" s="280">
        <v>32</v>
      </c>
      <c r="BO12" s="281">
        <v>263</v>
      </c>
      <c r="BP12" s="282">
        <v>265</v>
      </c>
      <c r="BQ12" s="276">
        <v>0</v>
      </c>
      <c r="BR12" s="280">
        <v>0</v>
      </c>
      <c r="BS12" s="277">
        <v>0</v>
      </c>
      <c r="BT12" s="279">
        <v>0</v>
      </c>
      <c r="BU12" s="280">
        <v>5</v>
      </c>
      <c r="BV12" s="280">
        <v>5</v>
      </c>
      <c r="BW12" s="280">
        <v>5</v>
      </c>
      <c r="BX12" s="280">
        <v>5</v>
      </c>
      <c r="BY12" s="280">
        <v>5</v>
      </c>
      <c r="BZ12" s="277">
        <v>25</v>
      </c>
      <c r="CA12" s="282">
        <v>25</v>
      </c>
      <c r="CB12" s="276">
        <v>0</v>
      </c>
      <c r="CC12" s="280">
        <v>0</v>
      </c>
      <c r="CD12" s="277">
        <v>0</v>
      </c>
      <c r="CE12" s="279">
        <v>0</v>
      </c>
      <c r="CF12" s="280">
        <v>0</v>
      </c>
      <c r="CG12" s="280">
        <v>0</v>
      </c>
      <c r="CH12" s="280">
        <v>0</v>
      </c>
      <c r="CI12" s="280">
        <v>1</v>
      </c>
      <c r="CJ12" s="280">
        <v>0</v>
      </c>
      <c r="CK12" s="277">
        <v>1</v>
      </c>
      <c r="CL12" s="282">
        <v>1</v>
      </c>
      <c r="CM12" s="276">
        <v>0</v>
      </c>
      <c r="CN12" s="280">
        <v>0</v>
      </c>
      <c r="CO12" s="277">
        <v>0</v>
      </c>
      <c r="CP12" s="279">
        <v>0</v>
      </c>
      <c r="CQ12" s="280">
        <v>6</v>
      </c>
      <c r="CR12" s="280">
        <v>4</v>
      </c>
      <c r="CS12" s="280">
        <v>11</v>
      </c>
      <c r="CT12" s="280">
        <v>11</v>
      </c>
      <c r="CU12" s="280">
        <v>12</v>
      </c>
      <c r="CV12" s="277">
        <v>44</v>
      </c>
      <c r="CW12" s="282">
        <v>44</v>
      </c>
    </row>
    <row r="13" spans="1:101" ht="21" customHeight="1" x14ac:dyDescent="0.2">
      <c r="B13" s="261" t="s">
        <v>10</v>
      </c>
      <c r="C13" s="276">
        <v>0</v>
      </c>
      <c r="D13" s="277">
        <v>0</v>
      </c>
      <c r="E13" s="278">
        <v>0</v>
      </c>
      <c r="F13" s="279">
        <v>0</v>
      </c>
      <c r="G13" s="280">
        <v>20</v>
      </c>
      <c r="H13" s="280">
        <v>17</v>
      </c>
      <c r="I13" s="280">
        <v>15</v>
      </c>
      <c r="J13" s="280">
        <v>18</v>
      </c>
      <c r="K13" s="280">
        <v>15</v>
      </c>
      <c r="L13" s="281">
        <v>85</v>
      </c>
      <c r="M13" s="282">
        <v>85</v>
      </c>
      <c r="N13" s="276">
        <v>0</v>
      </c>
      <c r="O13" s="280">
        <v>0</v>
      </c>
      <c r="P13" s="277">
        <v>0</v>
      </c>
      <c r="Q13" s="279">
        <v>0</v>
      </c>
      <c r="R13" s="280">
        <v>11</v>
      </c>
      <c r="S13" s="280">
        <v>13</v>
      </c>
      <c r="T13" s="280">
        <v>8</v>
      </c>
      <c r="U13" s="280">
        <v>10</v>
      </c>
      <c r="V13" s="280">
        <v>8</v>
      </c>
      <c r="W13" s="277">
        <v>50</v>
      </c>
      <c r="X13" s="282">
        <v>50</v>
      </c>
      <c r="Y13" s="276">
        <v>0</v>
      </c>
      <c r="Z13" s="280">
        <v>0</v>
      </c>
      <c r="AA13" s="277">
        <v>0</v>
      </c>
      <c r="AB13" s="279">
        <v>0</v>
      </c>
      <c r="AC13" s="280">
        <v>562</v>
      </c>
      <c r="AD13" s="280">
        <v>255</v>
      </c>
      <c r="AE13" s="280">
        <v>127</v>
      </c>
      <c r="AF13" s="280">
        <v>69</v>
      </c>
      <c r="AG13" s="280">
        <v>31</v>
      </c>
      <c r="AH13" s="277">
        <v>1044</v>
      </c>
      <c r="AI13" s="282">
        <v>1044</v>
      </c>
      <c r="AJ13" s="276">
        <v>0</v>
      </c>
      <c r="AK13" s="280">
        <v>1</v>
      </c>
      <c r="AL13" s="277">
        <v>1</v>
      </c>
      <c r="AM13" s="279">
        <v>0</v>
      </c>
      <c r="AN13" s="280">
        <v>17</v>
      </c>
      <c r="AO13" s="280">
        <v>13</v>
      </c>
      <c r="AP13" s="280">
        <v>25</v>
      </c>
      <c r="AQ13" s="280">
        <v>10</v>
      </c>
      <c r="AR13" s="280">
        <v>11</v>
      </c>
      <c r="AS13" s="277">
        <v>76</v>
      </c>
      <c r="AT13" s="282">
        <v>77</v>
      </c>
      <c r="AU13" s="276">
        <v>10</v>
      </c>
      <c r="AV13" s="280">
        <v>20</v>
      </c>
      <c r="AW13" s="277">
        <v>30</v>
      </c>
      <c r="AX13" s="279">
        <v>0</v>
      </c>
      <c r="AY13" s="280">
        <v>94</v>
      </c>
      <c r="AZ13" s="280">
        <v>76</v>
      </c>
      <c r="BA13" s="280">
        <v>75</v>
      </c>
      <c r="BB13" s="280">
        <v>49</v>
      </c>
      <c r="BC13" s="280">
        <v>35</v>
      </c>
      <c r="BD13" s="277">
        <v>329</v>
      </c>
      <c r="BE13" s="282">
        <v>359</v>
      </c>
      <c r="BF13" s="276">
        <v>0</v>
      </c>
      <c r="BG13" s="280">
        <v>2</v>
      </c>
      <c r="BH13" s="277">
        <v>2</v>
      </c>
      <c r="BI13" s="279">
        <v>0</v>
      </c>
      <c r="BJ13" s="280">
        <v>104</v>
      </c>
      <c r="BK13" s="280">
        <v>122</v>
      </c>
      <c r="BL13" s="280">
        <v>111</v>
      </c>
      <c r="BM13" s="280">
        <v>89</v>
      </c>
      <c r="BN13" s="280">
        <v>85</v>
      </c>
      <c r="BO13" s="281">
        <v>511</v>
      </c>
      <c r="BP13" s="282">
        <v>513</v>
      </c>
      <c r="BQ13" s="276">
        <v>0</v>
      </c>
      <c r="BR13" s="280">
        <v>0</v>
      </c>
      <c r="BS13" s="277">
        <v>0</v>
      </c>
      <c r="BT13" s="279">
        <v>0</v>
      </c>
      <c r="BU13" s="280">
        <v>29</v>
      </c>
      <c r="BV13" s="280">
        <v>29</v>
      </c>
      <c r="BW13" s="280">
        <v>34</v>
      </c>
      <c r="BX13" s="280">
        <v>31</v>
      </c>
      <c r="BY13" s="280">
        <v>31</v>
      </c>
      <c r="BZ13" s="277">
        <v>154</v>
      </c>
      <c r="CA13" s="282">
        <v>154</v>
      </c>
      <c r="CB13" s="276">
        <v>0</v>
      </c>
      <c r="CC13" s="280">
        <v>0</v>
      </c>
      <c r="CD13" s="277">
        <v>0</v>
      </c>
      <c r="CE13" s="279">
        <v>0</v>
      </c>
      <c r="CF13" s="280">
        <v>0</v>
      </c>
      <c r="CG13" s="280">
        <v>1</v>
      </c>
      <c r="CH13" s="280">
        <v>4</v>
      </c>
      <c r="CI13" s="280">
        <v>24</v>
      </c>
      <c r="CJ13" s="280">
        <v>17</v>
      </c>
      <c r="CK13" s="277">
        <v>46</v>
      </c>
      <c r="CL13" s="282">
        <v>46</v>
      </c>
      <c r="CM13" s="276">
        <v>0</v>
      </c>
      <c r="CN13" s="280">
        <v>0</v>
      </c>
      <c r="CO13" s="277">
        <v>0</v>
      </c>
      <c r="CP13" s="279">
        <v>0</v>
      </c>
      <c r="CQ13" s="280">
        <v>28</v>
      </c>
      <c r="CR13" s="280">
        <v>28</v>
      </c>
      <c r="CS13" s="280">
        <v>38</v>
      </c>
      <c r="CT13" s="280">
        <v>39</v>
      </c>
      <c r="CU13" s="280">
        <v>27</v>
      </c>
      <c r="CV13" s="277">
        <v>160</v>
      </c>
      <c r="CW13" s="282">
        <v>160</v>
      </c>
    </row>
    <row r="14" spans="1:101" ht="21" customHeight="1" x14ac:dyDescent="0.2">
      <c r="B14" s="261" t="s">
        <v>11</v>
      </c>
      <c r="C14" s="276">
        <v>0</v>
      </c>
      <c r="D14" s="277">
        <v>0</v>
      </c>
      <c r="E14" s="278">
        <v>0</v>
      </c>
      <c r="F14" s="279">
        <v>0</v>
      </c>
      <c r="G14" s="280">
        <v>13</v>
      </c>
      <c r="H14" s="280">
        <v>11</v>
      </c>
      <c r="I14" s="280">
        <v>6</v>
      </c>
      <c r="J14" s="280">
        <v>6</v>
      </c>
      <c r="K14" s="280">
        <v>5</v>
      </c>
      <c r="L14" s="281">
        <v>41</v>
      </c>
      <c r="M14" s="282">
        <v>41</v>
      </c>
      <c r="N14" s="276">
        <v>0</v>
      </c>
      <c r="O14" s="280">
        <v>0</v>
      </c>
      <c r="P14" s="277">
        <v>0</v>
      </c>
      <c r="Q14" s="279">
        <v>0</v>
      </c>
      <c r="R14" s="280">
        <v>10</v>
      </c>
      <c r="S14" s="280">
        <v>13</v>
      </c>
      <c r="T14" s="280">
        <v>10</v>
      </c>
      <c r="U14" s="280">
        <v>10</v>
      </c>
      <c r="V14" s="280">
        <v>4</v>
      </c>
      <c r="W14" s="277">
        <v>47</v>
      </c>
      <c r="X14" s="282">
        <v>47</v>
      </c>
      <c r="Y14" s="276">
        <v>0</v>
      </c>
      <c r="Z14" s="280">
        <v>0</v>
      </c>
      <c r="AA14" s="277">
        <v>0</v>
      </c>
      <c r="AB14" s="279">
        <v>0</v>
      </c>
      <c r="AC14" s="280">
        <v>515</v>
      </c>
      <c r="AD14" s="280">
        <v>255</v>
      </c>
      <c r="AE14" s="280">
        <v>136</v>
      </c>
      <c r="AF14" s="280">
        <v>72</v>
      </c>
      <c r="AG14" s="280">
        <v>26</v>
      </c>
      <c r="AH14" s="277">
        <v>1004</v>
      </c>
      <c r="AI14" s="282">
        <v>1004</v>
      </c>
      <c r="AJ14" s="276">
        <v>0</v>
      </c>
      <c r="AK14" s="280">
        <v>1</v>
      </c>
      <c r="AL14" s="277">
        <v>1</v>
      </c>
      <c r="AM14" s="279">
        <v>0</v>
      </c>
      <c r="AN14" s="280">
        <v>13</v>
      </c>
      <c r="AO14" s="280">
        <v>17</v>
      </c>
      <c r="AP14" s="280">
        <v>18</v>
      </c>
      <c r="AQ14" s="280">
        <v>1</v>
      </c>
      <c r="AR14" s="280">
        <v>2</v>
      </c>
      <c r="AS14" s="277">
        <v>51</v>
      </c>
      <c r="AT14" s="282">
        <v>52</v>
      </c>
      <c r="AU14" s="276">
        <v>0</v>
      </c>
      <c r="AV14" s="280">
        <v>5</v>
      </c>
      <c r="AW14" s="277">
        <v>5</v>
      </c>
      <c r="AX14" s="279">
        <v>0</v>
      </c>
      <c r="AY14" s="280">
        <v>38</v>
      </c>
      <c r="AZ14" s="280">
        <v>38</v>
      </c>
      <c r="BA14" s="280">
        <v>35</v>
      </c>
      <c r="BB14" s="280">
        <v>22</v>
      </c>
      <c r="BC14" s="280">
        <v>7</v>
      </c>
      <c r="BD14" s="277">
        <v>140</v>
      </c>
      <c r="BE14" s="282">
        <v>145</v>
      </c>
      <c r="BF14" s="276">
        <v>0</v>
      </c>
      <c r="BG14" s="280">
        <v>4</v>
      </c>
      <c r="BH14" s="277">
        <v>4</v>
      </c>
      <c r="BI14" s="279">
        <v>0</v>
      </c>
      <c r="BJ14" s="280">
        <v>51</v>
      </c>
      <c r="BK14" s="280">
        <v>69</v>
      </c>
      <c r="BL14" s="280">
        <v>81</v>
      </c>
      <c r="BM14" s="280">
        <v>55</v>
      </c>
      <c r="BN14" s="280">
        <v>22</v>
      </c>
      <c r="BO14" s="281">
        <v>278</v>
      </c>
      <c r="BP14" s="282">
        <v>282</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1</v>
      </c>
      <c r="CH14" s="280">
        <v>0</v>
      </c>
      <c r="CI14" s="280">
        <v>0</v>
      </c>
      <c r="CJ14" s="280">
        <v>0</v>
      </c>
      <c r="CK14" s="277">
        <v>1</v>
      </c>
      <c r="CL14" s="282">
        <v>1</v>
      </c>
      <c r="CM14" s="276">
        <v>0</v>
      </c>
      <c r="CN14" s="280">
        <v>0</v>
      </c>
      <c r="CO14" s="277">
        <v>0</v>
      </c>
      <c r="CP14" s="279">
        <v>0</v>
      </c>
      <c r="CQ14" s="280">
        <v>6</v>
      </c>
      <c r="CR14" s="280">
        <v>3</v>
      </c>
      <c r="CS14" s="280">
        <v>5</v>
      </c>
      <c r="CT14" s="280">
        <v>8</v>
      </c>
      <c r="CU14" s="280">
        <v>3</v>
      </c>
      <c r="CV14" s="277">
        <v>25</v>
      </c>
      <c r="CW14" s="282">
        <v>25</v>
      </c>
    </row>
    <row r="15" spans="1:101" ht="21" customHeight="1" x14ac:dyDescent="0.2">
      <c r="B15" s="261" t="s">
        <v>12</v>
      </c>
      <c r="C15" s="276">
        <v>0</v>
      </c>
      <c r="D15" s="277">
        <v>0</v>
      </c>
      <c r="E15" s="278">
        <v>0</v>
      </c>
      <c r="F15" s="279">
        <v>0</v>
      </c>
      <c r="G15" s="280">
        <v>8</v>
      </c>
      <c r="H15" s="280">
        <v>6</v>
      </c>
      <c r="I15" s="280">
        <v>4</v>
      </c>
      <c r="J15" s="280">
        <v>3</v>
      </c>
      <c r="K15" s="280">
        <v>7</v>
      </c>
      <c r="L15" s="281">
        <v>28</v>
      </c>
      <c r="M15" s="282">
        <v>28</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369</v>
      </c>
      <c r="AD15" s="280">
        <v>249</v>
      </c>
      <c r="AE15" s="280">
        <v>151</v>
      </c>
      <c r="AF15" s="280">
        <v>75</v>
      </c>
      <c r="AG15" s="280">
        <v>29</v>
      </c>
      <c r="AH15" s="277">
        <v>873</v>
      </c>
      <c r="AI15" s="282">
        <v>873</v>
      </c>
      <c r="AJ15" s="276">
        <v>0</v>
      </c>
      <c r="AK15" s="280">
        <v>0</v>
      </c>
      <c r="AL15" s="277">
        <v>0</v>
      </c>
      <c r="AM15" s="279">
        <v>0</v>
      </c>
      <c r="AN15" s="280">
        <v>4</v>
      </c>
      <c r="AO15" s="280">
        <v>3</v>
      </c>
      <c r="AP15" s="280">
        <v>1</v>
      </c>
      <c r="AQ15" s="280">
        <v>1</v>
      </c>
      <c r="AR15" s="280">
        <v>1</v>
      </c>
      <c r="AS15" s="277">
        <v>10</v>
      </c>
      <c r="AT15" s="282">
        <v>10</v>
      </c>
      <c r="AU15" s="276">
        <v>1</v>
      </c>
      <c r="AV15" s="280">
        <v>1</v>
      </c>
      <c r="AW15" s="277">
        <v>2</v>
      </c>
      <c r="AX15" s="279">
        <v>0</v>
      </c>
      <c r="AY15" s="280">
        <v>21</v>
      </c>
      <c r="AZ15" s="280">
        <v>34</v>
      </c>
      <c r="BA15" s="280">
        <v>45</v>
      </c>
      <c r="BB15" s="280">
        <v>48</v>
      </c>
      <c r="BC15" s="280">
        <v>25</v>
      </c>
      <c r="BD15" s="277">
        <v>173</v>
      </c>
      <c r="BE15" s="282">
        <v>175</v>
      </c>
      <c r="BF15" s="276">
        <v>0</v>
      </c>
      <c r="BG15" s="280">
        <v>0</v>
      </c>
      <c r="BH15" s="277">
        <v>0</v>
      </c>
      <c r="BI15" s="279">
        <v>0</v>
      </c>
      <c r="BJ15" s="280">
        <v>40</v>
      </c>
      <c r="BK15" s="280">
        <v>46</v>
      </c>
      <c r="BL15" s="280">
        <v>44</v>
      </c>
      <c r="BM15" s="280">
        <v>35</v>
      </c>
      <c r="BN15" s="280">
        <v>38</v>
      </c>
      <c r="BO15" s="281">
        <v>203</v>
      </c>
      <c r="BP15" s="282">
        <v>203</v>
      </c>
      <c r="BQ15" s="276">
        <v>0</v>
      </c>
      <c r="BR15" s="280">
        <v>0</v>
      </c>
      <c r="BS15" s="277">
        <v>0</v>
      </c>
      <c r="BT15" s="279">
        <v>0</v>
      </c>
      <c r="BU15" s="280">
        <v>0</v>
      </c>
      <c r="BV15" s="280">
        <v>7</v>
      </c>
      <c r="BW15" s="280">
        <v>5</v>
      </c>
      <c r="BX15" s="280">
        <v>11</v>
      </c>
      <c r="BY15" s="280">
        <v>3</v>
      </c>
      <c r="BZ15" s="277">
        <v>26</v>
      </c>
      <c r="CA15" s="282">
        <v>26</v>
      </c>
      <c r="CB15" s="276">
        <v>0</v>
      </c>
      <c r="CC15" s="280">
        <v>0</v>
      </c>
      <c r="CD15" s="277">
        <v>0</v>
      </c>
      <c r="CE15" s="279">
        <v>0</v>
      </c>
      <c r="CF15" s="280">
        <v>0</v>
      </c>
      <c r="CG15" s="280">
        <v>1</v>
      </c>
      <c r="CH15" s="280">
        <v>11</v>
      </c>
      <c r="CI15" s="280">
        <v>10</v>
      </c>
      <c r="CJ15" s="280">
        <v>7</v>
      </c>
      <c r="CK15" s="277">
        <v>29</v>
      </c>
      <c r="CL15" s="282">
        <v>29</v>
      </c>
      <c r="CM15" s="276">
        <v>0</v>
      </c>
      <c r="CN15" s="280">
        <v>0</v>
      </c>
      <c r="CO15" s="277">
        <v>0</v>
      </c>
      <c r="CP15" s="279">
        <v>0</v>
      </c>
      <c r="CQ15" s="280">
        <v>6</v>
      </c>
      <c r="CR15" s="280">
        <v>11</v>
      </c>
      <c r="CS15" s="280">
        <v>16</v>
      </c>
      <c r="CT15" s="280">
        <v>19</v>
      </c>
      <c r="CU15" s="280">
        <v>18</v>
      </c>
      <c r="CV15" s="277">
        <v>70</v>
      </c>
      <c r="CW15" s="282">
        <v>70</v>
      </c>
    </row>
    <row r="16" spans="1:101" ht="21" customHeight="1" x14ac:dyDescent="0.2">
      <c r="B16" s="261" t="s">
        <v>13</v>
      </c>
      <c r="C16" s="276">
        <v>0</v>
      </c>
      <c r="D16" s="277">
        <v>0</v>
      </c>
      <c r="E16" s="278">
        <v>0</v>
      </c>
      <c r="F16" s="279">
        <v>0</v>
      </c>
      <c r="G16" s="280">
        <v>1</v>
      </c>
      <c r="H16" s="280">
        <v>1</v>
      </c>
      <c r="I16" s="280">
        <v>2</v>
      </c>
      <c r="J16" s="280">
        <v>1</v>
      </c>
      <c r="K16" s="280">
        <v>1</v>
      </c>
      <c r="L16" s="281">
        <v>6</v>
      </c>
      <c r="M16" s="282">
        <v>6</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40</v>
      </c>
      <c r="AD16" s="280">
        <v>129</v>
      </c>
      <c r="AE16" s="280">
        <v>68</v>
      </c>
      <c r="AF16" s="280">
        <v>35</v>
      </c>
      <c r="AG16" s="280">
        <v>12</v>
      </c>
      <c r="AH16" s="277">
        <v>384</v>
      </c>
      <c r="AI16" s="282">
        <v>384</v>
      </c>
      <c r="AJ16" s="276">
        <v>0</v>
      </c>
      <c r="AK16" s="280">
        <v>0</v>
      </c>
      <c r="AL16" s="277">
        <v>0</v>
      </c>
      <c r="AM16" s="279">
        <v>0</v>
      </c>
      <c r="AN16" s="280">
        <v>1</v>
      </c>
      <c r="AO16" s="280">
        <v>7</v>
      </c>
      <c r="AP16" s="280">
        <v>9</v>
      </c>
      <c r="AQ16" s="280">
        <v>5</v>
      </c>
      <c r="AR16" s="280">
        <v>3</v>
      </c>
      <c r="AS16" s="277">
        <v>25</v>
      </c>
      <c r="AT16" s="282">
        <v>25</v>
      </c>
      <c r="AU16" s="276">
        <v>1</v>
      </c>
      <c r="AV16" s="280">
        <v>3</v>
      </c>
      <c r="AW16" s="277">
        <v>4</v>
      </c>
      <c r="AX16" s="279">
        <v>0</v>
      </c>
      <c r="AY16" s="280">
        <v>10</v>
      </c>
      <c r="AZ16" s="280">
        <v>10</v>
      </c>
      <c r="BA16" s="280">
        <v>8</v>
      </c>
      <c r="BB16" s="280">
        <v>1</v>
      </c>
      <c r="BC16" s="280">
        <v>0</v>
      </c>
      <c r="BD16" s="277">
        <v>29</v>
      </c>
      <c r="BE16" s="282">
        <v>33</v>
      </c>
      <c r="BF16" s="276">
        <v>0</v>
      </c>
      <c r="BG16" s="280">
        <v>0</v>
      </c>
      <c r="BH16" s="277">
        <v>0</v>
      </c>
      <c r="BI16" s="279">
        <v>0</v>
      </c>
      <c r="BJ16" s="280">
        <v>8</v>
      </c>
      <c r="BK16" s="280">
        <v>16</v>
      </c>
      <c r="BL16" s="280">
        <v>24</v>
      </c>
      <c r="BM16" s="280">
        <v>15</v>
      </c>
      <c r="BN16" s="280">
        <v>11</v>
      </c>
      <c r="BO16" s="281">
        <v>74</v>
      </c>
      <c r="BP16" s="282">
        <v>74</v>
      </c>
      <c r="BQ16" s="276">
        <v>0</v>
      </c>
      <c r="BR16" s="280">
        <v>0</v>
      </c>
      <c r="BS16" s="277">
        <v>0</v>
      </c>
      <c r="BT16" s="279">
        <v>0</v>
      </c>
      <c r="BU16" s="280">
        <v>0</v>
      </c>
      <c r="BV16" s="280">
        <v>0</v>
      </c>
      <c r="BW16" s="280">
        <v>2</v>
      </c>
      <c r="BX16" s="280">
        <v>7</v>
      </c>
      <c r="BY16" s="280">
        <v>2</v>
      </c>
      <c r="BZ16" s="277">
        <v>11</v>
      </c>
      <c r="CA16" s="282">
        <v>11</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4</v>
      </c>
      <c r="H17" s="280">
        <v>2</v>
      </c>
      <c r="I17" s="280">
        <v>5</v>
      </c>
      <c r="J17" s="280">
        <v>5</v>
      </c>
      <c r="K17" s="280">
        <v>5</v>
      </c>
      <c r="L17" s="281">
        <v>21</v>
      </c>
      <c r="M17" s="282">
        <v>2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150</v>
      </c>
      <c r="AD17" s="280">
        <v>176</v>
      </c>
      <c r="AE17" s="280">
        <v>79</v>
      </c>
      <c r="AF17" s="280">
        <v>41</v>
      </c>
      <c r="AG17" s="280">
        <v>14</v>
      </c>
      <c r="AH17" s="277">
        <v>460</v>
      </c>
      <c r="AI17" s="282">
        <v>460</v>
      </c>
      <c r="AJ17" s="276">
        <v>0</v>
      </c>
      <c r="AK17" s="280">
        <v>0</v>
      </c>
      <c r="AL17" s="277">
        <v>0</v>
      </c>
      <c r="AM17" s="279">
        <v>0</v>
      </c>
      <c r="AN17" s="280">
        <v>2</v>
      </c>
      <c r="AO17" s="280">
        <v>6</v>
      </c>
      <c r="AP17" s="280">
        <v>3</v>
      </c>
      <c r="AQ17" s="280">
        <v>1</v>
      </c>
      <c r="AR17" s="280">
        <v>2</v>
      </c>
      <c r="AS17" s="277">
        <v>14</v>
      </c>
      <c r="AT17" s="282">
        <v>14</v>
      </c>
      <c r="AU17" s="276">
        <v>3</v>
      </c>
      <c r="AV17" s="280">
        <v>11</v>
      </c>
      <c r="AW17" s="277">
        <v>14</v>
      </c>
      <c r="AX17" s="279">
        <v>0</v>
      </c>
      <c r="AY17" s="280">
        <v>18</v>
      </c>
      <c r="AZ17" s="280">
        <v>20</v>
      </c>
      <c r="BA17" s="280">
        <v>9</v>
      </c>
      <c r="BB17" s="280">
        <v>7</v>
      </c>
      <c r="BC17" s="280">
        <v>4</v>
      </c>
      <c r="BD17" s="277">
        <v>58</v>
      </c>
      <c r="BE17" s="282">
        <v>72</v>
      </c>
      <c r="BF17" s="276">
        <v>0</v>
      </c>
      <c r="BG17" s="280">
        <v>4</v>
      </c>
      <c r="BH17" s="277">
        <v>4</v>
      </c>
      <c r="BI17" s="279">
        <v>0</v>
      </c>
      <c r="BJ17" s="280">
        <v>33</v>
      </c>
      <c r="BK17" s="280">
        <v>35</v>
      </c>
      <c r="BL17" s="280">
        <v>41</v>
      </c>
      <c r="BM17" s="280">
        <v>25</v>
      </c>
      <c r="BN17" s="280">
        <v>11</v>
      </c>
      <c r="BO17" s="281">
        <v>145</v>
      </c>
      <c r="BP17" s="282">
        <v>149</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7</v>
      </c>
      <c r="CI17" s="280">
        <v>12</v>
      </c>
      <c r="CJ17" s="280">
        <v>8</v>
      </c>
      <c r="CK17" s="277">
        <v>27</v>
      </c>
      <c r="CL17" s="282">
        <v>27</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12</v>
      </c>
      <c r="H18" s="280">
        <v>13</v>
      </c>
      <c r="I18" s="280">
        <v>14</v>
      </c>
      <c r="J18" s="280">
        <v>9</v>
      </c>
      <c r="K18" s="280">
        <v>9</v>
      </c>
      <c r="L18" s="281">
        <v>57</v>
      </c>
      <c r="M18" s="282">
        <v>57</v>
      </c>
      <c r="N18" s="276">
        <v>0</v>
      </c>
      <c r="O18" s="280">
        <v>0</v>
      </c>
      <c r="P18" s="277">
        <v>0</v>
      </c>
      <c r="Q18" s="279">
        <v>0</v>
      </c>
      <c r="R18" s="280">
        <v>1</v>
      </c>
      <c r="S18" s="280">
        <v>2</v>
      </c>
      <c r="T18" s="280">
        <v>2</v>
      </c>
      <c r="U18" s="280">
        <v>3</v>
      </c>
      <c r="V18" s="280">
        <v>3</v>
      </c>
      <c r="W18" s="277">
        <v>11</v>
      </c>
      <c r="X18" s="282">
        <v>11</v>
      </c>
      <c r="Y18" s="276">
        <v>0</v>
      </c>
      <c r="Z18" s="280">
        <v>0</v>
      </c>
      <c r="AA18" s="277">
        <v>0</v>
      </c>
      <c r="AB18" s="279">
        <v>0</v>
      </c>
      <c r="AC18" s="280">
        <v>161</v>
      </c>
      <c r="AD18" s="280">
        <v>164</v>
      </c>
      <c r="AE18" s="280">
        <v>90</v>
      </c>
      <c r="AF18" s="280">
        <v>39</v>
      </c>
      <c r="AG18" s="280">
        <v>19</v>
      </c>
      <c r="AH18" s="277">
        <v>473</v>
      </c>
      <c r="AI18" s="282">
        <v>473</v>
      </c>
      <c r="AJ18" s="276">
        <v>0</v>
      </c>
      <c r="AK18" s="280">
        <v>0</v>
      </c>
      <c r="AL18" s="277">
        <v>0</v>
      </c>
      <c r="AM18" s="279">
        <v>0</v>
      </c>
      <c r="AN18" s="280">
        <v>4</v>
      </c>
      <c r="AO18" s="280">
        <v>9</v>
      </c>
      <c r="AP18" s="280">
        <v>5</v>
      </c>
      <c r="AQ18" s="280">
        <v>4</v>
      </c>
      <c r="AR18" s="280">
        <v>3</v>
      </c>
      <c r="AS18" s="277">
        <v>25</v>
      </c>
      <c r="AT18" s="282">
        <v>25</v>
      </c>
      <c r="AU18" s="276">
        <v>1</v>
      </c>
      <c r="AV18" s="280">
        <v>1</v>
      </c>
      <c r="AW18" s="277">
        <v>2</v>
      </c>
      <c r="AX18" s="279">
        <v>0</v>
      </c>
      <c r="AY18" s="280">
        <v>9</v>
      </c>
      <c r="AZ18" s="280">
        <v>30</v>
      </c>
      <c r="BA18" s="280">
        <v>13</v>
      </c>
      <c r="BB18" s="280">
        <v>17</v>
      </c>
      <c r="BC18" s="280">
        <v>6</v>
      </c>
      <c r="BD18" s="277">
        <v>75</v>
      </c>
      <c r="BE18" s="282">
        <v>77</v>
      </c>
      <c r="BF18" s="276">
        <v>0</v>
      </c>
      <c r="BG18" s="280">
        <v>0</v>
      </c>
      <c r="BH18" s="277">
        <v>0</v>
      </c>
      <c r="BI18" s="279">
        <v>0</v>
      </c>
      <c r="BJ18" s="280">
        <v>17</v>
      </c>
      <c r="BK18" s="280">
        <v>41</v>
      </c>
      <c r="BL18" s="280">
        <v>59</v>
      </c>
      <c r="BM18" s="280">
        <v>36</v>
      </c>
      <c r="BN18" s="280">
        <v>36</v>
      </c>
      <c r="BO18" s="281">
        <v>189</v>
      </c>
      <c r="BP18" s="282">
        <v>189</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3</v>
      </c>
      <c r="CH18" s="280">
        <v>10</v>
      </c>
      <c r="CI18" s="280">
        <v>7</v>
      </c>
      <c r="CJ18" s="280">
        <v>10</v>
      </c>
      <c r="CK18" s="277">
        <v>30</v>
      </c>
      <c r="CL18" s="282">
        <v>30</v>
      </c>
      <c r="CM18" s="276">
        <v>0</v>
      </c>
      <c r="CN18" s="280">
        <v>0</v>
      </c>
      <c r="CO18" s="277">
        <v>0</v>
      </c>
      <c r="CP18" s="279">
        <v>0</v>
      </c>
      <c r="CQ18" s="280">
        <v>2</v>
      </c>
      <c r="CR18" s="280">
        <v>7</v>
      </c>
      <c r="CS18" s="280">
        <v>5</v>
      </c>
      <c r="CT18" s="280">
        <v>3</v>
      </c>
      <c r="CU18" s="280">
        <v>5</v>
      </c>
      <c r="CV18" s="277">
        <v>22</v>
      </c>
      <c r="CW18" s="282">
        <v>22</v>
      </c>
    </row>
    <row r="19" spans="2:101" ht="21" customHeight="1" x14ac:dyDescent="0.2">
      <c r="B19" s="261" t="s">
        <v>17</v>
      </c>
      <c r="C19" s="276">
        <v>0</v>
      </c>
      <c r="D19" s="277">
        <v>0</v>
      </c>
      <c r="E19" s="278">
        <v>0</v>
      </c>
      <c r="F19" s="279">
        <v>0</v>
      </c>
      <c r="G19" s="280">
        <v>3</v>
      </c>
      <c r="H19" s="280">
        <v>4</v>
      </c>
      <c r="I19" s="280">
        <v>3</v>
      </c>
      <c r="J19" s="280">
        <v>6</v>
      </c>
      <c r="K19" s="280">
        <v>1</v>
      </c>
      <c r="L19" s="281">
        <v>17</v>
      </c>
      <c r="M19" s="282">
        <v>17</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236</v>
      </c>
      <c r="AD19" s="280">
        <v>300</v>
      </c>
      <c r="AE19" s="280">
        <v>140</v>
      </c>
      <c r="AF19" s="280">
        <v>93</v>
      </c>
      <c r="AG19" s="280">
        <v>53</v>
      </c>
      <c r="AH19" s="277">
        <v>822</v>
      </c>
      <c r="AI19" s="282">
        <v>822</v>
      </c>
      <c r="AJ19" s="276">
        <v>1</v>
      </c>
      <c r="AK19" s="280">
        <v>2</v>
      </c>
      <c r="AL19" s="277">
        <v>3</v>
      </c>
      <c r="AM19" s="279">
        <v>0</v>
      </c>
      <c r="AN19" s="280">
        <v>18</v>
      </c>
      <c r="AO19" s="280">
        <v>17</v>
      </c>
      <c r="AP19" s="280">
        <v>19</v>
      </c>
      <c r="AQ19" s="280">
        <v>17</v>
      </c>
      <c r="AR19" s="280">
        <v>2</v>
      </c>
      <c r="AS19" s="277">
        <v>73</v>
      </c>
      <c r="AT19" s="282">
        <v>76</v>
      </c>
      <c r="AU19" s="276">
        <v>0</v>
      </c>
      <c r="AV19" s="280">
        <v>1</v>
      </c>
      <c r="AW19" s="277">
        <v>1</v>
      </c>
      <c r="AX19" s="279">
        <v>0</v>
      </c>
      <c r="AY19" s="280">
        <v>20</v>
      </c>
      <c r="AZ19" s="280">
        <v>26</v>
      </c>
      <c r="BA19" s="280">
        <v>34</v>
      </c>
      <c r="BB19" s="280">
        <v>22</v>
      </c>
      <c r="BC19" s="280">
        <v>12</v>
      </c>
      <c r="BD19" s="277">
        <v>114</v>
      </c>
      <c r="BE19" s="282">
        <v>115</v>
      </c>
      <c r="BF19" s="276">
        <v>0</v>
      </c>
      <c r="BG19" s="280">
        <v>0</v>
      </c>
      <c r="BH19" s="277">
        <v>0</v>
      </c>
      <c r="BI19" s="279">
        <v>0</v>
      </c>
      <c r="BJ19" s="280">
        <v>40</v>
      </c>
      <c r="BK19" s="280">
        <v>59</v>
      </c>
      <c r="BL19" s="280">
        <v>58</v>
      </c>
      <c r="BM19" s="280">
        <v>53</v>
      </c>
      <c r="BN19" s="280">
        <v>24</v>
      </c>
      <c r="BO19" s="281">
        <v>234</v>
      </c>
      <c r="BP19" s="282">
        <v>234</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2</v>
      </c>
      <c r="CH19" s="280">
        <v>27</v>
      </c>
      <c r="CI19" s="280">
        <v>38</v>
      </c>
      <c r="CJ19" s="280">
        <v>37</v>
      </c>
      <c r="CK19" s="277">
        <v>104</v>
      </c>
      <c r="CL19" s="282">
        <v>104</v>
      </c>
      <c r="CM19" s="276">
        <v>0</v>
      </c>
      <c r="CN19" s="280">
        <v>0</v>
      </c>
      <c r="CO19" s="277">
        <v>0</v>
      </c>
      <c r="CP19" s="279">
        <v>0</v>
      </c>
      <c r="CQ19" s="280">
        <v>2</v>
      </c>
      <c r="CR19" s="280">
        <v>4</v>
      </c>
      <c r="CS19" s="280">
        <v>2</v>
      </c>
      <c r="CT19" s="280">
        <v>6</v>
      </c>
      <c r="CU19" s="280">
        <v>8</v>
      </c>
      <c r="CV19" s="277">
        <v>22</v>
      </c>
      <c r="CW19" s="282">
        <v>22</v>
      </c>
    </row>
    <row r="20" spans="2:101" ht="21" customHeight="1" x14ac:dyDescent="0.2">
      <c r="B20" s="261" t="s">
        <v>18</v>
      </c>
      <c r="C20" s="276">
        <v>0</v>
      </c>
      <c r="D20" s="277">
        <v>0</v>
      </c>
      <c r="E20" s="278">
        <v>0</v>
      </c>
      <c r="F20" s="279">
        <v>0</v>
      </c>
      <c r="G20" s="280">
        <v>2</v>
      </c>
      <c r="H20" s="280">
        <v>4</v>
      </c>
      <c r="I20" s="280">
        <v>1</v>
      </c>
      <c r="J20" s="280">
        <v>1</v>
      </c>
      <c r="K20" s="280">
        <v>1</v>
      </c>
      <c r="L20" s="281">
        <v>9</v>
      </c>
      <c r="M20" s="282">
        <v>9</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86</v>
      </c>
      <c r="AD20" s="280">
        <v>209</v>
      </c>
      <c r="AE20" s="280">
        <v>103</v>
      </c>
      <c r="AF20" s="280">
        <v>40</v>
      </c>
      <c r="AG20" s="280">
        <v>7</v>
      </c>
      <c r="AH20" s="277">
        <v>645</v>
      </c>
      <c r="AI20" s="282">
        <v>645</v>
      </c>
      <c r="AJ20" s="276">
        <v>0</v>
      </c>
      <c r="AK20" s="280">
        <v>0</v>
      </c>
      <c r="AL20" s="277">
        <v>0</v>
      </c>
      <c r="AM20" s="279">
        <v>0</v>
      </c>
      <c r="AN20" s="280">
        <v>9</v>
      </c>
      <c r="AO20" s="280">
        <v>5</v>
      </c>
      <c r="AP20" s="280">
        <v>24</v>
      </c>
      <c r="AQ20" s="280">
        <v>10</v>
      </c>
      <c r="AR20" s="280">
        <v>14</v>
      </c>
      <c r="AS20" s="277">
        <v>62</v>
      </c>
      <c r="AT20" s="282">
        <v>62</v>
      </c>
      <c r="AU20" s="276">
        <v>12</v>
      </c>
      <c r="AV20" s="280">
        <v>14</v>
      </c>
      <c r="AW20" s="277">
        <v>26</v>
      </c>
      <c r="AX20" s="279">
        <v>0</v>
      </c>
      <c r="AY20" s="280">
        <v>36</v>
      </c>
      <c r="AZ20" s="280">
        <v>50</v>
      </c>
      <c r="BA20" s="280">
        <v>40</v>
      </c>
      <c r="BB20" s="280">
        <v>22</v>
      </c>
      <c r="BC20" s="280">
        <v>11</v>
      </c>
      <c r="BD20" s="277">
        <v>159</v>
      </c>
      <c r="BE20" s="282">
        <v>185</v>
      </c>
      <c r="BF20" s="276">
        <v>0</v>
      </c>
      <c r="BG20" s="280">
        <v>4</v>
      </c>
      <c r="BH20" s="277">
        <v>4</v>
      </c>
      <c r="BI20" s="279">
        <v>0</v>
      </c>
      <c r="BJ20" s="280">
        <v>54</v>
      </c>
      <c r="BK20" s="280">
        <v>71</v>
      </c>
      <c r="BL20" s="280">
        <v>96</v>
      </c>
      <c r="BM20" s="280">
        <v>59</v>
      </c>
      <c r="BN20" s="280">
        <v>30</v>
      </c>
      <c r="BO20" s="281">
        <v>310</v>
      </c>
      <c r="BP20" s="282">
        <v>314</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2</v>
      </c>
      <c r="CH20" s="280">
        <v>6</v>
      </c>
      <c r="CI20" s="280">
        <v>18</v>
      </c>
      <c r="CJ20" s="280">
        <v>3</v>
      </c>
      <c r="CK20" s="277">
        <v>29</v>
      </c>
      <c r="CL20" s="282">
        <v>29</v>
      </c>
      <c r="CM20" s="276">
        <v>0</v>
      </c>
      <c r="CN20" s="280">
        <v>0</v>
      </c>
      <c r="CO20" s="277">
        <v>0</v>
      </c>
      <c r="CP20" s="279">
        <v>0</v>
      </c>
      <c r="CQ20" s="280">
        <v>7</v>
      </c>
      <c r="CR20" s="280">
        <v>15</v>
      </c>
      <c r="CS20" s="280">
        <v>14</v>
      </c>
      <c r="CT20" s="280">
        <v>17</v>
      </c>
      <c r="CU20" s="280">
        <v>25</v>
      </c>
      <c r="CV20" s="277">
        <v>78</v>
      </c>
      <c r="CW20" s="282">
        <v>78</v>
      </c>
    </row>
    <row r="21" spans="2:101" ht="21" customHeight="1" x14ac:dyDescent="0.2">
      <c r="B21" s="261" t="s">
        <v>19</v>
      </c>
      <c r="C21" s="276">
        <v>0</v>
      </c>
      <c r="D21" s="277">
        <v>0</v>
      </c>
      <c r="E21" s="278">
        <v>0</v>
      </c>
      <c r="F21" s="279">
        <v>0</v>
      </c>
      <c r="G21" s="280">
        <v>16</v>
      </c>
      <c r="H21" s="280">
        <v>11</v>
      </c>
      <c r="I21" s="280">
        <v>4</v>
      </c>
      <c r="J21" s="280">
        <v>3</v>
      </c>
      <c r="K21" s="280">
        <v>8</v>
      </c>
      <c r="L21" s="281">
        <v>42</v>
      </c>
      <c r="M21" s="282">
        <v>42</v>
      </c>
      <c r="N21" s="276">
        <v>0</v>
      </c>
      <c r="O21" s="280">
        <v>0</v>
      </c>
      <c r="P21" s="277">
        <v>0</v>
      </c>
      <c r="Q21" s="279">
        <v>0</v>
      </c>
      <c r="R21" s="280">
        <v>1</v>
      </c>
      <c r="S21" s="280">
        <v>4</v>
      </c>
      <c r="T21" s="280">
        <v>1</v>
      </c>
      <c r="U21" s="280">
        <v>4</v>
      </c>
      <c r="V21" s="280">
        <v>1</v>
      </c>
      <c r="W21" s="277">
        <v>11</v>
      </c>
      <c r="X21" s="282">
        <v>11</v>
      </c>
      <c r="Y21" s="276">
        <v>0</v>
      </c>
      <c r="Z21" s="280">
        <v>0</v>
      </c>
      <c r="AA21" s="277">
        <v>0</v>
      </c>
      <c r="AB21" s="279">
        <v>0</v>
      </c>
      <c r="AC21" s="280">
        <v>133</v>
      </c>
      <c r="AD21" s="280">
        <v>100</v>
      </c>
      <c r="AE21" s="280">
        <v>42</v>
      </c>
      <c r="AF21" s="280">
        <v>24</v>
      </c>
      <c r="AG21" s="280">
        <v>14</v>
      </c>
      <c r="AH21" s="277">
        <v>313</v>
      </c>
      <c r="AI21" s="282">
        <v>313</v>
      </c>
      <c r="AJ21" s="276">
        <v>0</v>
      </c>
      <c r="AK21" s="280">
        <v>0</v>
      </c>
      <c r="AL21" s="277">
        <v>0</v>
      </c>
      <c r="AM21" s="279">
        <v>0</v>
      </c>
      <c r="AN21" s="280">
        <v>16</v>
      </c>
      <c r="AO21" s="280">
        <v>19</v>
      </c>
      <c r="AP21" s="280">
        <v>15</v>
      </c>
      <c r="AQ21" s="280">
        <v>3</v>
      </c>
      <c r="AR21" s="280">
        <v>2</v>
      </c>
      <c r="AS21" s="277">
        <v>55</v>
      </c>
      <c r="AT21" s="282">
        <v>55</v>
      </c>
      <c r="AU21" s="276">
        <v>1</v>
      </c>
      <c r="AV21" s="280">
        <v>2</v>
      </c>
      <c r="AW21" s="277">
        <v>3</v>
      </c>
      <c r="AX21" s="279">
        <v>0</v>
      </c>
      <c r="AY21" s="280">
        <v>23</v>
      </c>
      <c r="AZ21" s="280">
        <v>33</v>
      </c>
      <c r="BA21" s="280">
        <v>23</v>
      </c>
      <c r="BB21" s="280">
        <v>14</v>
      </c>
      <c r="BC21" s="280">
        <v>14</v>
      </c>
      <c r="BD21" s="277">
        <v>107</v>
      </c>
      <c r="BE21" s="282">
        <v>110</v>
      </c>
      <c r="BF21" s="276">
        <v>0</v>
      </c>
      <c r="BG21" s="280">
        <v>0</v>
      </c>
      <c r="BH21" s="277">
        <v>0</v>
      </c>
      <c r="BI21" s="279">
        <v>0</v>
      </c>
      <c r="BJ21" s="280">
        <v>12</v>
      </c>
      <c r="BK21" s="280">
        <v>24</v>
      </c>
      <c r="BL21" s="280">
        <v>29</v>
      </c>
      <c r="BM21" s="280">
        <v>21</v>
      </c>
      <c r="BN21" s="280">
        <v>16</v>
      </c>
      <c r="BO21" s="281">
        <v>102</v>
      </c>
      <c r="BP21" s="282">
        <v>102</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2</v>
      </c>
      <c r="CR21" s="280">
        <v>2</v>
      </c>
      <c r="CS21" s="280">
        <v>4</v>
      </c>
      <c r="CT21" s="280">
        <v>2</v>
      </c>
      <c r="CU21" s="280">
        <v>12</v>
      </c>
      <c r="CV21" s="277">
        <v>22</v>
      </c>
      <c r="CW21" s="282">
        <v>22</v>
      </c>
    </row>
    <row r="22" spans="2:101" ht="21" customHeight="1" x14ac:dyDescent="0.2">
      <c r="B22" s="261" t="s">
        <v>20</v>
      </c>
      <c r="C22" s="276">
        <v>0</v>
      </c>
      <c r="D22" s="277">
        <v>0</v>
      </c>
      <c r="E22" s="278">
        <v>0</v>
      </c>
      <c r="F22" s="279">
        <v>0</v>
      </c>
      <c r="G22" s="280">
        <v>1</v>
      </c>
      <c r="H22" s="280">
        <v>1</v>
      </c>
      <c r="I22" s="280">
        <v>0</v>
      </c>
      <c r="J22" s="280">
        <v>0</v>
      </c>
      <c r="K22" s="280">
        <v>1</v>
      </c>
      <c r="L22" s="281">
        <v>3</v>
      </c>
      <c r="M22" s="282">
        <v>3</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98</v>
      </c>
      <c r="AD22" s="280">
        <v>89</v>
      </c>
      <c r="AE22" s="280">
        <v>51</v>
      </c>
      <c r="AF22" s="280">
        <v>19</v>
      </c>
      <c r="AG22" s="280">
        <v>2</v>
      </c>
      <c r="AH22" s="277">
        <v>359</v>
      </c>
      <c r="AI22" s="282">
        <v>359</v>
      </c>
      <c r="AJ22" s="276">
        <v>0</v>
      </c>
      <c r="AK22" s="280">
        <v>0</v>
      </c>
      <c r="AL22" s="277">
        <v>0</v>
      </c>
      <c r="AM22" s="279">
        <v>0</v>
      </c>
      <c r="AN22" s="280">
        <v>1</v>
      </c>
      <c r="AO22" s="280">
        <v>5</v>
      </c>
      <c r="AP22" s="280">
        <v>6</v>
      </c>
      <c r="AQ22" s="280">
        <v>0</v>
      </c>
      <c r="AR22" s="280">
        <v>2</v>
      </c>
      <c r="AS22" s="277">
        <v>14</v>
      </c>
      <c r="AT22" s="282">
        <v>14</v>
      </c>
      <c r="AU22" s="276">
        <v>1</v>
      </c>
      <c r="AV22" s="280">
        <v>1</v>
      </c>
      <c r="AW22" s="277">
        <v>2</v>
      </c>
      <c r="AX22" s="279">
        <v>0</v>
      </c>
      <c r="AY22" s="280">
        <v>16</v>
      </c>
      <c r="AZ22" s="280">
        <v>12</v>
      </c>
      <c r="BA22" s="280">
        <v>11</v>
      </c>
      <c r="BB22" s="280">
        <v>4</v>
      </c>
      <c r="BC22" s="280">
        <v>1</v>
      </c>
      <c r="BD22" s="277">
        <v>44</v>
      </c>
      <c r="BE22" s="282">
        <v>46</v>
      </c>
      <c r="BF22" s="276">
        <v>0</v>
      </c>
      <c r="BG22" s="280">
        <v>0</v>
      </c>
      <c r="BH22" s="277">
        <v>0</v>
      </c>
      <c r="BI22" s="279">
        <v>0</v>
      </c>
      <c r="BJ22" s="280">
        <v>19</v>
      </c>
      <c r="BK22" s="280">
        <v>22</v>
      </c>
      <c r="BL22" s="280">
        <v>40</v>
      </c>
      <c r="BM22" s="280">
        <v>22</v>
      </c>
      <c r="BN22" s="280">
        <v>15</v>
      </c>
      <c r="BO22" s="281">
        <v>118</v>
      </c>
      <c r="BP22" s="282">
        <v>118</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3</v>
      </c>
      <c r="H23" s="280">
        <v>7</v>
      </c>
      <c r="I23" s="280">
        <v>2</v>
      </c>
      <c r="J23" s="280">
        <v>5</v>
      </c>
      <c r="K23" s="280">
        <v>0</v>
      </c>
      <c r="L23" s="281">
        <v>17</v>
      </c>
      <c r="M23" s="282">
        <v>17</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93</v>
      </c>
      <c r="AD23" s="280">
        <v>181</v>
      </c>
      <c r="AE23" s="280">
        <v>78</v>
      </c>
      <c r="AF23" s="280">
        <v>27</v>
      </c>
      <c r="AG23" s="280">
        <v>14</v>
      </c>
      <c r="AH23" s="277">
        <v>493</v>
      </c>
      <c r="AI23" s="282">
        <v>493</v>
      </c>
      <c r="AJ23" s="276">
        <v>0</v>
      </c>
      <c r="AK23" s="280">
        <v>0</v>
      </c>
      <c r="AL23" s="277">
        <v>0</v>
      </c>
      <c r="AM23" s="279">
        <v>0</v>
      </c>
      <c r="AN23" s="280">
        <v>0</v>
      </c>
      <c r="AO23" s="280">
        <v>0</v>
      </c>
      <c r="AP23" s="280">
        <v>1</v>
      </c>
      <c r="AQ23" s="280">
        <v>1</v>
      </c>
      <c r="AR23" s="280">
        <v>1</v>
      </c>
      <c r="AS23" s="277">
        <v>3</v>
      </c>
      <c r="AT23" s="282">
        <v>3</v>
      </c>
      <c r="AU23" s="276">
        <v>0</v>
      </c>
      <c r="AV23" s="280">
        <v>0</v>
      </c>
      <c r="AW23" s="277">
        <v>0</v>
      </c>
      <c r="AX23" s="279">
        <v>0</v>
      </c>
      <c r="AY23" s="280">
        <v>8</v>
      </c>
      <c r="AZ23" s="280">
        <v>7</v>
      </c>
      <c r="BA23" s="280">
        <v>16</v>
      </c>
      <c r="BB23" s="280">
        <v>7</v>
      </c>
      <c r="BC23" s="280">
        <v>4</v>
      </c>
      <c r="BD23" s="277">
        <v>42</v>
      </c>
      <c r="BE23" s="282">
        <v>42</v>
      </c>
      <c r="BF23" s="276">
        <v>0</v>
      </c>
      <c r="BG23" s="280">
        <v>0</v>
      </c>
      <c r="BH23" s="277">
        <v>0</v>
      </c>
      <c r="BI23" s="279">
        <v>0</v>
      </c>
      <c r="BJ23" s="280">
        <v>21</v>
      </c>
      <c r="BK23" s="280">
        <v>38</v>
      </c>
      <c r="BL23" s="280">
        <v>37</v>
      </c>
      <c r="BM23" s="280">
        <v>15</v>
      </c>
      <c r="BN23" s="280">
        <v>10</v>
      </c>
      <c r="BO23" s="281">
        <v>121</v>
      </c>
      <c r="BP23" s="282">
        <v>121</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2</v>
      </c>
      <c r="CR23" s="280">
        <v>3</v>
      </c>
      <c r="CS23" s="280">
        <v>0</v>
      </c>
      <c r="CT23" s="280">
        <v>2</v>
      </c>
      <c r="CU23" s="280">
        <v>6</v>
      </c>
      <c r="CV23" s="277">
        <v>13</v>
      </c>
      <c r="CW23" s="282">
        <v>13</v>
      </c>
    </row>
    <row r="24" spans="2:101" ht="21" customHeight="1" x14ac:dyDescent="0.2">
      <c r="B24" s="261" t="s">
        <v>22</v>
      </c>
      <c r="C24" s="276">
        <v>0</v>
      </c>
      <c r="D24" s="277">
        <v>0</v>
      </c>
      <c r="E24" s="278">
        <v>0</v>
      </c>
      <c r="F24" s="279">
        <v>0</v>
      </c>
      <c r="G24" s="280">
        <v>2</v>
      </c>
      <c r="H24" s="280">
        <v>6</v>
      </c>
      <c r="I24" s="280">
        <v>5</v>
      </c>
      <c r="J24" s="280">
        <v>1</v>
      </c>
      <c r="K24" s="280">
        <v>0</v>
      </c>
      <c r="L24" s="281">
        <v>14</v>
      </c>
      <c r="M24" s="282">
        <v>14</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135</v>
      </c>
      <c r="AD24" s="280">
        <v>97</v>
      </c>
      <c r="AE24" s="280">
        <v>31</v>
      </c>
      <c r="AF24" s="280">
        <v>16</v>
      </c>
      <c r="AG24" s="280">
        <v>5</v>
      </c>
      <c r="AH24" s="277">
        <v>284</v>
      </c>
      <c r="AI24" s="282">
        <v>284</v>
      </c>
      <c r="AJ24" s="276">
        <v>1</v>
      </c>
      <c r="AK24" s="280">
        <v>0</v>
      </c>
      <c r="AL24" s="277">
        <v>1</v>
      </c>
      <c r="AM24" s="279">
        <v>0</v>
      </c>
      <c r="AN24" s="280">
        <v>5</v>
      </c>
      <c r="AO24" s="280">
        <v>7</v>
      </c>
      <c r="AP24" s="280">
        <v>2</v>
      </c>
      <c r="AQ24" s="280">
        <v>4</v>
      </c>
      <c r="AR24" s="280">
        <v>1</v>
      </c>
      <c r="AS24" s="277">
        <v>19</v>
      </c>
      <c r="AT24" s="282">
        <v>20</v>
      </c>
      <c r="AU24" s="276">
        <v>2</v>
      </c>
      <c r="AV24" s="280">
        <v>5</v>
      </c>
      <c r="AW24" s="277">
        <v>7</v>
      </c>
      <c r="AX24" s="279">
        <v>0</v>
      </c>
      <c r="AY24" s="280">
        <v>19</v>
      </c>
      <c r="AZ24" s="280">
        <v>19</v>
      </c>
      <c r="BA24" s="280">
        <v>17</v>
      </c>
      <c r="BB24" s="280">
        <v>9</v>
      </c>
      <c r="BC24" s="280">
        <v>3</v>
      </c>
      <c r="BD24" s="277">
        <v>67</v>
      </c>
      <c r="BE24" s="282">
        <v>74</v>
      </c>
      <c r="BF24" s="276">
        <v>0</v>
      </c>
      <c r="BG24" s="280">
        <v>0</v>
      </c>
      <c r="BH24" s="277">
        <v>0</v>
      </c>
      <c r="BI24" s="279">
        <v>0</v>
      </c>
      <c r="BJ24" s="280">
        <v>15</v>
      </c>
      <c r="BK24" s="280">
        <v>17</v>
      </c>
      <c r="BL24" s="280">
        <v>13</v>
      </c>
      <c r="BM24" s="280">
        <v>7</v>
      </c>
      <c r="BN24" s="280">
        <v>2</v>
      </c>
      <c r="BO24" s="281">
        <v>54</v>
      </c>
      <c r="BP24" s="282">
        <v>54</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3</v>
      </c>
      <c r="CI24" s="280">
        <v>21</v>
      </c>
      <c r="CJ24" s="280">
        <v>7</v>
      </c>
      <c r="CK24" s="277">
        <v>31</v>
      </c>
      <c r="CL24" s="282">
        <v>31</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1</v>
      </c>
      <c r="I25" s="280">
        <v>0</v>
      </c>
      <c r="J25" s="280">
        <v>0</v>
      </c>
      <c r="K25" s="280">
        <v>3</v>
      </c>
      <c r="L25" s="281">
        <v>4</v>
      </c>
      <c r="M25" s="282">
        <v>4</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61</v>
      </c>
      <c r="AD25" s="280">
        <v>35</v>
      </c>
      <c r="AE25" s="280">
        <v>23</v>
      </c>
      <c r="AF25" s="280">
        <v>11</v>
      </c>
      <c r="AG25" s="280">
        <v>6</v>
      </c>
      <c r="AH25" s="277">
        <v>136</v>
      </c>
      <c r="AI25" s="282">
        <v>136</v>
      </c>
      <c r="AJ25" s="276">
        <v>0</v>
      </c>
      <c r="AK25" s="280">
        <v>0</v>
      </c>
      <c r="AL25" s="277">
        <v>0</v>
      </c>
      <c r="AM25" s="279">
        <v>0</v>
      </c>
      <c r="AN25" s="280">
        <v>0</v>
      </c>
      <c r="AO25" s="280">
        <v>1</v>
      </c>
      <c r="AP25" s="280">
        <v>3</v>
      </c>
      <c r="AQ25" s="280">
        <v>1</v>
      </c>
      <c r="AR25" s="280">
        <v>0</v>
      </c>
      <c r="AS25" s="277">
        <v>5</v>
      </c>
      <c r="AT25" s="282">
        <v>5</v>
      </c>
      <c r="AU25" s="276">
        <v>0</v>
      </c>
      <c r="AV25" s="280">
        <v>0</v>
      </c>
      <c r="AW25" s="277">
        <v>0</v>
      </c>
      <c r="AX25" s="279">
        <v>0</v>
      </c>
      <c r="AY25" s="280">
        <v>6</v>
      </c>
      <c r="AZ25" s="280">
        <v>4</v>
      </c>
      <c r="BA25" s="280">
        <v>3</v>
      </c>
      <c r="BB25" s="280">
        <v>1</v>
      </c>
      <c r="BC25" s="280">
        <v>2</v>
      </c>
      <c r="BD25" s="277">
        <v>16</v>
      </c>
      <c r="BE25" s="282">
        <v>16</v>
      </c>
      <c r="BF25" s="276">
        <v>0</v>
      </c>
      <c r="BG25" s="280">
        <v>0</v>
      </c>
      <c r="BH25" s="277">
        <v>0</v>
      </c>
      <c r="BI25" s="279">
        <v>0</v>
      </c>
      <c r="BJ25" s="280">
        <v>30</v>
      </c>
      <c r="BK25" s="280">
        <v>14</v>
      </c>
      <c r="BL25" s="280">
        <v>22</v>
      </c>
      <c r="BM25" s="280">
        <v>12</v>
      </c>
      <c r="BN25" s="280">
        <v>9</v>
      </c>
      <c r="BO25" s="281">
        <v>87</v>
      </c>
      <c r="BP25" s="282">
        <v>87</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1</v>
      </c>
      <c r="CU25" s="280">
        <v>0</v>
      </c>
      <c r="CV25" s="277">
        <v>1</v>
      </c>
      <c r="CW25" s="282">
        <v>1</v>
      </c>
    </row>
    <row r="26" spans="2:101" ht="21" customHeight="1" x14ac:dyDescent="0.2">
      <c r="B26" s="261" t="s">
        <v>24</v>
      </c>
      <c r="C26" s="276">
        <v>0</v>
      </c>
      <c r="D26" s="277">
        <v>0</v>
      </c>
      <c r="E26" s="278">
        <v>0</v>
      </c>
      <c r="F26" s="279">
        <v>0</v>
      </c>
      <c r="G26" s="280">
        <v>3</v>
      </c>
      <c r="H26" s="280">
        <v>3</v>
      </c>
      <c r="I26" s="280">
        <v>2</v>
      </c>
      <c r="J26" s="280">
        <v>1</v>
      </c>
      <c r="K26" s="280">
        <v>0</v>
      </c>
      <c r="L26" s="281">
        <v>9</v>
      </c>
      <c r="M26" s="282">
        <v>9</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26</v>
      </c>
      <c r="AD26" s="280">
        <v>17</v>
      </c>
      <c r="AE26" s="280">
        <v>16</v>
      </c>
      <c r="AF26" s="280">
        <v>4</v>
      </c>
      <c r="AG26" s="280">
        <v>2</v>
      </c>
      <c r="AH26" s="277">
        <v>65</v>
      </c>
      <c r="AI26" s="282">
        <v>65</v>
      </c>
      <c r="AJ26" s="276">
        <v>0</v>
      </c>
      <c r="AK26" s="280">
        <v>0</v>
      </c>
      <c r="AL26" s="277">
        <v>0</v>
      </c>
      <c r="AM26" s="279">
        <v>0</v>
      </c>
      <c r="AN26" s="280">
        <v>9</v>
      </c>
      <c r="AO26" s="280">
        <v>3</v>
      </c>
      <c r="AP26" s="280">
        <v>5</v>
      </c>
      <c r="AQ26" s="280">
        <v>2</v>
      </c>
      <c r="AR26" s="280">
        <v>1</v>
      </c>
      <c r="AS26" s="277">
        <v>20</v>
      </c>
      <c r="AT26" s="282">
        <v>20</v>
      </c>
      <c r="AU26" s="276">
        <v>3</v>
      </c>
      <c r="AV26" s="280">
        <v>4</v>
      </c>
      <c r="AW26" s="277">
        <v>7</v>
      </c>
      <c r="AX26" s="279">
        <v>0</v>
      </c>
      <c r="AY26" s="280">
        <v>15</v>
      </c>
      <c r="AZ26" s="280">
        <v>9</v>
      </c>
      <c r="BA26" s="280">
        <v>7</v>
      </c>
      <c r="BB26" s="280">
        <v>3</v>
      </c>
      <c r="BC26" s="280">
        <v>1</v>
      </c>
      <c r="BD26" s="277">
        <v>35</v>
      </c>
      <c r="BE26" s="282">
        <v>42</v>
      </c>
      <c r="BF26" s="276">
        <v>0</v>
      </c>
      <c r="BG26" s="280">
        <v>0</v>
      </c>
      <c r="BH26" s="277">
        <v>0</v>
      </c>
      <c r="BI26" s="279">
        <v>0</v>
      </c>
      <c r="BJ26" s="280">
        <v>1</v>
      </c>
      <c r="BK26" s="280">
        <v>4</v>
      </c>
      <c r="BL26" s="280">
        <v>8</v>
      </c>
      <c r="BM26" s="280">
        <v>8</v>
      </c>
      <c r="BN26" s="280">
        <v>5</v>
      </c>
      <c r="BO26" s="281">
        <v>26</v>
      </c>
      <c r="BP26" s="282">
        <v>26</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77</v>
      </c>
      <c r="AD27" s="280">
        <v>35</v>
      </c>
      <c r="AE27" s="280">
        <v>17</v>
      </c>
      <c r="AF27" s="280">
        <v>4</v>
      </c>
      <c r="AG27" s="280">
        <v>2</v>
      </c>
      <c r="AH27" s="277">
        <v>135</v>
      </c>
      <c r="AI27" s="282">
        <v>135</v>
      </c>
      <c r="AJ27" s="276">
        <v>0</v>
      </c>
      <c r="AK27" s="280">
        <v>0</v>
      </c>
      <c r="AL27" s="277">
        <v>0</v>
      </c>
      <c r="AM27" s="279">
        <v>0</v>
      </c>
      <c r="AN27" s="280">
        <v>0</v>
      </c>
      <c r="AO27" s="280">
        <v>0</v>
      </c>
      <c r="AP27" s="280">
        <v>0</v>
      </c>
      <c r="AQ27" s="280">
        <v>0</v>
      </c>
      <c r="AR27" s="280">
        <v>0</v>
      </c>
      <c r="AS27" s="277">
        <v>0</v>
      </c>
      <c r="AT27" s="282">
        <v>0</v>
      </c>
      <c r="AU27" s="276">
        <v>2</v>
      </c>
      <c r="AV27" s="280">
        <v>0</v>
      </c>
      <c r="AW27" s="277">
        <v>2</v>
      </c>
      <c r="AX27" s="279">
        <v>0</v>
      </c>
      <c r="AY27" s="280">
        <v>2</v>
      </c>
      <c r="AZ27" s="280">
        <v>8</v>
      </c>
      <c r="BA27" s="280">
        <v>2</v>
      </c>
      <c r="BB27" s="280">
        <v>0</v>
      </c>
      <c r="BC27" s="280">
        <v>0</v>
      </c>
      <c r="BD27" s="277">
        <v>12</v>
      </c>
      <c r="BE27" s="282">
        <v>14</v>
      </c>
      <c r="BF27" s="276">
        <v>0</v>
      </c>
      <c r="BG27" s="280">
        <v>0</v>
      </c>
      <c r="BH27" s="277">
        <v>0</v>
      </c>
      <c r="BI27" s="279">
        <v>0</v>
      </c>
      <c r="BJ27" s="280">
        <v>6</v>
      </c>
      <c r="BK27" s="280">
        <v>10</v>
      </c>
      <c r="BL27" s="280">
        <v>8</v>
      </c>
      <c r="BM27" s="280">
        <v>6</v>
      </c>
      <c r="BN27" s="280">
        <v>0</v>
      </c>
      <c r="BO27" s="281">
        <v>30</v>
      </c>
      <c r="BP27" s="282">
        <v>3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4</v>
      </c>
      <c r="AD28" s="280">
        <v>41</v>
      </c>
      <c r="AE28" s="280">
        <v>21</v>
      </c>
      <c r="AF28" s="280">
        <v>7</v>
      </c>
      <c r="AG28" s="280">
        <v>6</v>
      </c>
      <c r="AH28" s="277">
        <v>119</v>
      </c>
      <c r="AI28" s="282">
        <v>119</v>
      </c>
      <c r="AJ28" s="276">
        <v>0</v>
      </c>
      <c r="AK28" s="280">
        <v>0</v>
      </c>
      <c r="AL28" s="277">
        <v>0</v>
      </c>
      <c r="AM28" s="279">
        <v>0</v>
      </c>
      <c r="AN28" s="280">
        <v>2</v>
      </c>
      <c r="AO28" s="280">
        <v>2</v>
      </c>
      <c r="AP28" s="280">
        <v>6</v>
      </c>
      <c r="AQ28" s="280">
        <v>3</v>
      </c>
      <c r="AR28" s="280">
        <v>1</v>
      </c>
      <c r="AS28" s="277">
        <v>14</v>
      </c>
      <c r="AT28" s="282">
        <v>14</v>
      </c>
      <c r="AU28" s="276">
        <v>1</v>
      </c>
      <c r="AV28" s="280">
        <v>0</v>
      </c>
      <c r="AW28" s="277">
        <v>1</v>
      </c>
      <c r="AX28" s="279">
        <v>0</v>
      </c>
      <c r="AY28" s="280">
        <v>7</v>
      </c>
      <c r="AZ28" s="280">
        <v>3</v>
      </c>
      <c r="BA28" s="280">
        <v>4</v>
      </c>
      <c r="BB28" s="280">
        <v>0</v>
      </c>
      <c r="BC28" s="280">
        <v>2</v>
      </c>
      <c r="BD28" s="277">
        <v>16</v>
      </c>
      <c r="BE28" s="282">
        <v>17</v>
      </c>
      <c r="BF28" s="276">
        <v>0</v>
      </c>
      <c r="BG28" s="280">
        <v>0</v>
      </c>
      <c r="BH28" s="277">
        <v>0</v>
      </c>
      <c r="BI28" s="279">
        <v>0</v>
      </c>
      <c r="BJ28" s="280">
        <v>12</v>
      </c>
      <c r="BK28" s="280">
        <v>11</v>
      </c>
      <c r="BL28" s="280">
        <v>19</v>
      </c>
      <c r="BM28" s="280">
        <v>10</v>
      </c>
      <c r="BN28" s="280">
        <v>0</v>
      </c>
      <c r="BO28" s="281">
        <v>52</v>
      </c>
      <c r="BP28" s="282">
        <v>52</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32</v>
      </c>
      <c r="AD29" s="280">
        <v>15</v>
      </c>
      <c r="AE29" s="280">
        <v>9</v>
      </c>
      <c r="AF29" s="280">
        <v>3</v>
      </c>
      <c r="AG29" s="280">
        <v>1</v>
      </c>
      <c r="AH29" s="277">
        <v>60</v>
      </c>
      <c r="AI29" s="282">
        <v>60</v>
      </c>
      <c r="AJ29" s="276">
        <v>0</v>
      </c>
      <c r="AK29" s="280">
        <v>0</v>
      </c>
      <c r="AL29" s="277">
        <v>0</v>
      </c>
      <c r="AM29" s="279">
        <v>0</v>
      </c>
      <c r="AN29" s="280">
        <v>3</v>
      </c>
      <c r="AO29" s="280">
        <v>1</v>
      </c>
      <c r="AP29" s="280">
        <v>1</v>
      </c>
      <c r="AQ29" s="280">
        <v>2</v>
      </c>
      <c r="AR29" s="280">
        <v>1</v>
      </c>
      <c r="AS29" s="277">
        <v>8</v>
      </c>
      <c r="AT29" s="282">
        <v>8</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9</v>
      </c>
      <c r="BK29" s="280">
        <v>6</v>
      </c>
      <c r="BL29" s="280">
        <v>9</v>
      </c>
      <c r="BM29" s="280">
        <v>5</v>
      </c>
      <c r="BN29" s="280">
        <v>5</v>
      </c>
      <c r="BO29" s="281">
        <v>34</v>
      </c>
      <c r="BP29" s="282">
        <v>34</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10</v>
      </c>
      <c r="CI29" s="280">
        <v>11</v>
      </c>
      <c r="CJ29" s="280">
        <v>4</v>
      </c>
      <c r="CK29" s="277">
        <v>25</v>
      </c>
      <c r="CL29" s="282">
        <v>25</v>
      </c>
      <c r="CM29" s="276">
        <v>0</v>
      </c>
      <c r="CN29" s="280">
        <v>0</v>
      </c>
      <c r="CO29" s="277">
        <v>0</v>
      </c>
      <c r="CP29" s="279">
        <v>0</v>
      </c>
      <c r="CQ29" s="280">
        <v>0</v>
      </c>
      <c r="CR29" s="280">
        <v>0</v>
      </c>
      <c r="CS29" s="280">
        <v>0</v>
      </c>
      <c r="CT29" s="280">
        <v>1</v>
      </c>
      <c r="CU29" s="280">
        <v>0</v>
      </c>
      <c r="CV29" s="277">
        <v>1</v>
      </c>
      <c r="CW29" s="282">
        <v>1</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1</v>
      </c>
      <c r="AD30" s="280">
        <v>15</v>
      </c>
      <c r="AE30" s="280">
        <v>3</v>
      </c>
      <c r="AF30" s="280">
        <v>1</v>
      </c>
      <c r="AG30" s="280">
        <v>1</v>
      </c>
      <c r="AH30" s="277">
        <v>41</v>
      </c>
      <c r="AI30" s="282">
        <v>41</v>
      </c>
      <c r="AJ30" s="276">
        <v>0</v>
      </c>
      <c r="AK30" s="280">
        <v>0</v>
      </c>
      <c r="AL30" s="277">
        <v>0</v>
      </c>
      <c r="AM30" s="279">
        <v>0</v>
      </c>
      <c r="AN30" s="280">
        <v>2</v>
      </c>
      <c r="AO30" s="280">
        <v>2</v>
      </c>
      <c r="AP30" s="280">
        <v>1</v>
      </c>
      <c r="AQ30" s="280">
        <v>0</v>
      </c>
      <c r="AR30" s="280">
        <v>0</v>
      </c>
      <c r="AS30" s="277">
        <v>5</v>
      </c>
      <c r="AT30" s="282">
        <v>5</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4</v>
      </c>
      <c r="BL30" s="280">
        <v>4</v>
      </c>
      <c r="BM30" s="280">
        <v>3</v>
      </c>
      <c r="BN30" s="280">
        <v>4</v>
      </c>
      <c r="BO30" s="281">
        <v>15</v>
      </c>
      <c r="BP30" s="282">
        <v>15</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1</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1</v>
      </c>
      <c r="H31" s="280">
        <v>0</v>
      </c>
      <c r="I31" s="280">
        <v>0</v>
      </c>
      <c r="J31" s="280">
        <v>0</v>
      </c>
      <c r="K31" s="280">
        <v>0</v>
      </c>
      <c r="L31" s="281">
        <v>1</v>
      </c>
      <c r="M31" s="282">
        <v>1</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7</v>
      </c>
      <c r="AD31" s="280">
        <v>18</v>
      </c>
      <c r="AE31" s="280">
        <v>2</v>
      </c>
      <c r="AF31" s="280">
        <v>4</v>
      </c>
      <c r="AG31" s="280">
        <v>0</v>
      </c>
      <c r="AH31" s="277">
        <v>41</v>
      </c>
      <c r="AI31" s="282">
        <v>41</v>
      </c>
      <c r="AJ31" s="276">
        <v>0</v>
      </c>
      <c r="AK31" s="280">
        <v>0</v>
      </c>
      <c r="AL31" s="277">
        <v>0</v>
      </c>
      <c r="AM31" s="279">
        <v>0</v>
      </c>
      <c r="AN31" s="280">
        <v>1</v>
      </c>
      <c r="AO31" s="280">
        <v>0</v>
      </c>
      <c r="AP31" s="280">
        <v>1</v>
      </c>
      <c r="AQ31" s="280">
        <v>1</v>
      </c>
      <c r="AR31" s="280">
        <v>0</v>
      </c>
      <c r="AS31" s="277">
        <v>3</v>
      </c>
      <c r="AT31" s="282">
        <v>3</v>
      </c>
      <c r="AU31" s="276">
        <v>0</v>
      </c>
      <c r="AV31" s="280">
        <v>4</v>
      </c>
      <c r="AW31" s="277">
        <v>4</v>
      </c>
      <c r="AX31" s="279">
        <v>0</v>
      </c>
      <c r="AY31" s="280">
        <v>7</v>
      </c>
      <c r="AZ31" s="280">
        <v>3</v>
      </c>
      <c r="BA31" s="280">
        <v>8</v>
      </c>
      <c r="BB31" s="280">
        <v>5</v>
      </c>
      <c r="BC31" s="280">
        <v>0</v>
      </c>
      <c r="BD31" s="277">
        <v>23</v>
      </c>
      <c r="BE31" s="282">
        <v>27</v>
      </c>
      <c r="BF31" s="276">
        <v>0</v>
      </c>
      <c r="BG31" s="280">
        <v>0</v>
      </c>
      <c r="BH31" s="277">
        <v>0</v>
      </c>
      <c r="BI31" s="279">
        <v>0</v>
      </c>
      <c r="BJ31" s="280">
        <v>4</v>
      </c>
      <c r="BK31" s="280">
        <v>4</v>
      </c>
      <c r="BL31" s="280">
        <v>4</v>
      </c>
      <c r="BM31" s="280">
        <v>0</v>
      </c>
      <c r="BN31" s="280">
        <v>3</v>
      </c>
      <c r="BO31" s="281">
        <v>15</v>
      </c>
      <c r="BP31" s="282">
        <v>15</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1</v>
      </c>
      <c r="CG31" s="280">
        <v>1</v>
      </c>
      <c r="CH31" s="280">
        <v>11</v>
      </c>
      <c r="CI31" s="280">
        <v>8</v>
      </c>
      <c r="CJ31" s="280">
        <v>5</v>
      </c>
      <c r="CK31" s="277">
        <v>26</v>
      </c>
      <c r="CL31" s="282">
        <v>26</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2</v>
      </c>
      <c r="J32" s="280">
        <v>0</v>
      </c>
      <c r="K32" s="280">
        <v>0</v>
      </c>
      <c r="L32" s="281">
        <v>2</v>
      </c>
      <c r="M32" s="282">
        <v>2</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3</v>
      </c>
      <c r="AD32" s="280">
        <v>10</v>
      </c>
      <c r="AE32" s="280">
        <v>8</v>
      </c>
      <c r="AF32" s="280">
        <v>3</v>
      </c>
      <c r="AG32" s="280">
        <v>0</v>
      </c>
      <c r="AH32" s="277">
        <v>44</v>
      </c>
      <c r="AI32" s="282">
        <v>44</v>
      </c>
      <c r="AJ32" s="276">
        <v>1</v>
      </c>
      <c r="AK32" s="280">
        <v>0</v>
      </c>
      <c r="AL32" s="277">
        <v>1</v>
      </c>
      <c r="AM32" s="279">
        <v>0</v>
      </c>
      <c r="AN32" s="280">
        <v>2</v>
      </c>
      <c r="AO32" s="280">
        <v>2</v>
      </c>
      <c r="AP32" s="280">
        <v>2</v>
      </c>
      <c r="AQ32" s="280">
        <v>0</v>
      </c>
      <c r="AR32" s="280">
        <v>0</v>
      </c>
      <c r="AS32" s="277">
        <v>6</v>
      </c>
      <c r="AT32" s="282">
        <v>7</v>
      </c>
      <c r="AU32" s="276">
        <v>0</v>
      </c>
      <c r="AV32" s="280">
        <v>0</v>
      </c>
      <c r="AW32" s="277">
        <v>0</v>
      </c>
      <c r="AX32" s="279">
        <v>0</v>
      </c>
      <c r="AY32" s="280">
        <v>0</v>
      </c>
      <c r="AZ32" s="280">
        <v>0</v>
      </c>
      <c r="BA32" s="280">
        <v>0</v>
      </c>
      <c r="BB32" s="280">
        <v>1</v>
      </c>
      <c r="BC32" s="280">
        <v>1</v>
      </c>
      <c r="BD32" s="277">
        <v>2</v>
      </c>
      <c r="BE32" s="282">
        <v>2</v>
      </c>
      <c r="BF32" s="276">
        <v>0</v>
      </c>
      <c r="BG32" s="280">
        <v>0</v>
      </c>
      <c r="BH32" s="277">
        <v>0</v>
      </c>
      <c r="BI32" s="279">
        <v>0</v>
      </c>
      <c r="BJ32" s="280">
        <v>6</v>
      </c>
      <c r="BK32" s="280">
        <v>3</v>
      </c>
      <c r="BL32" s="280">
        <v>4</v>
      </c>
      <c r="BM32" s="280">
        <v>5</v>
      </c>
      <c r="BN32" s="280">
        <v>1</v>
      </c>
      <c r="BO32" s="281">
        <v>19</v>
      </c>
      <c r="BP32" s="282">
        <v>19</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2</v>
      </c>
      <c r="I33" s="280">
        <v>0</v>
      </c>
      <c r="J33" s="280">
        <v>0</v>
      </c>
      <c r="K33" s="280">
        <v>0</v>
      </c>
      <c r="L33" s="281">
        <v>2</v>
      </c>
      <c r="M33" s="282">
        <v>2</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36</v>
      </c>
      <c r="AD33" s="280">
        <v>17</v>
      </c>
      <c r="AE33" s="280">
        <v>7</v>
      </c>
      <c r="AF33" s="280">
        <v>2</v>
      </c>
      <c r="AG33" s="280">
        <v>0</v>
      </c>
      <c r="AH33" s="277">
        <v>62</v>
      </c>
      <c r="AI33" s="282">
        <v>62</v>
      </c>
      <c r="AJ33" s="276">
        <v>0</v>
      </c>
      <c r="AK33" s="280">
        <v>0</v>
      </c>
      <c r="AL33" s="277">
        <v>0</v>
      </c>
      <c r="AM33" s="279">
        <v>0</v>
      </c>
      <c r="AN33" s="280">
        <v>0</v>
      </c>
      <c r="AO33" s="280">
        <v>0</v>
      </c>
      <c r="AP33" s="280">
        <v>0</v>
      </c>
      <c r="AQ33" s="280">
        <v>1</v>
      </c>
      <c r="AR33" s="280">
        <v>1</v>
      </c>
      <c r="AS33" s="277">
        <v>2</v>
      </c>
      <c r="AT33" s="282">
        <v>2</v>
      </c>
      <c r="AU33" s="276">
        <v>0</v>
      </c>
      <c r="AV33" s="280">
        <v>2</v>
      </c>
      <c r="AW33" s="277">
        <v>2</v>
      </c>
      <c r="AX33" s="279">
        <v>0</v>
      </c>
      <c r="AY33" s="280">
        <v>10</v>
      </c>
      <c r="AZ33" s="280">
        <v>5</v>
      </c>
      <c r="BA33" s="280">
        <v>5</v>
      </c>
      <c r="BB33" s="280">
        <v>3</v>
      </c>
      <c r="BC33" s="280">
        <v>1</v>
      </c>
      <c r="BD33" s="277">
        <v>24</v>
      </c>
      <c r="BE33" s="282">
        <v>26</v>
      </c>
      <c r="BF33" s="276">
        <v>0</v>
      </c>
      <c r="BG33" s="280">
        <v>0</v>
      </c>
      <c r="BH33" s="277">
        <v>0</v>
      </c>
      <c r="BI33" s="279">
        <v>0</v>
      </c>
      <c r="BJ33" s="280">
        <v>6</v>
      </c>
      <c r="BK33" s="280">
        <v>9</v>
      </c>
      <c r="BL33" s="280">
        <v>11</v>
      </c>
      <c r="BM33" s="280">
        <v>11</v>
      </c>
      <c r="BN33" s="280">
        <v>4</v>
      </c>
      <c r="BO33" s="281">
        <v>41</v>
      </c>
      <c r="BP33" s="282">
        <v>41</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2</v>
      </c>
      <c r="H34" s="280">
        <v>1</v>
      </c>
      <c r="I34" s="280">
        <v>0</v>
      </c>
      <c r="J34" s="280">
        <v>2</v>
      </c>
      <c r="K34" s="280">
        <v>0</v>
      </c>
      <c r="L34" s="281">
        <v>5</v>
      </c>
      <c r="M34" s="282">
        <v>5</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35</v>
      </c>
      <c r="AD34" s="280">
        <v>31</v>
      </c>
      <c r="AE34" s="280">
        <v>9</v>
      </c>
      <c r="AF34" s="280">
        <v>1</v>
      </c>
      <c r="AG34" s="280">
        <v>3</v>
      </c>
      <c r="AH34" s="277">
        <v>79</v>
      </c>
      <c r="AI34" s="282">
        <v>79</v>
      </c>
      <c r="AJ34" s="276">
        <v>0</v>
      </c>
      <c r="AK34" s="280">
        <v>0</v>
      </c>
      <c r="AL34" s="277">
        <v>0</v>
      </c>
      <c r="AM34" s="279">
        <v>0</v>
      </c>
      <c r="AN34" s="280">
        <v>3</v>
      </c>
      <c r="AO34" s="280">
        <v>1</v>
      </c>
      <c r="AP34" s="280">
        <v>2</v>
      </c>
      <c r="AQ34" s="280">
        <v>0</v>
      </c>
      <c r="AR34" s="280">
        <v>1</v>
      </c>
      <c r="AS34" s="277">
        <v>7</v>
      </c>
      <c r="AT34" s="282">
        <v>7</v>
      </c>
      <c r="AU34" s="276">
        <v>2</v>
      </c>
      <c r="AV34" s="280">
        <v>3</v>
      </c>
      <c r="AW34" s="277">
        <v>5</v>
      </c>
      <c r="AX34" s="279">
        <v>0</v>
      </c>
      <c r="AY34" s="280">
        <v>3</v>
      </c>
      <c r="AZ34" s="280">
        <v>1</v>
      </c>
      <c r="BA34" s="280">
        <v>3</v>
      </c>
      <c r="BB34" s="280">
        <v>1</v>
      </c>
      <c r="BC34" s="280">
        <v>0</v>
      </c>
      <c r="BD34" s="277">
        <v>8</v>
      </c>
      <c r="BE34" s="282">
        <v>13</v>
      </c>
      <c r="BF34" s="276">
        <v>0</v>
      </c>
      <c r="BG34" s="280">
        <v>0</v>
      </c>
      <c r="BH34" s="277">
        <v>0</v>
      </c>
      <c r="BI34" s="279">
        <v>0</v>
      </c>
      <c r="BJ34" s="280">
        <v>1</v>
      </c>
      <c r="BK34" s="280">
        <v>4</v>
      </c>
      <c r="BL34" s="280">
        <v>11</v>
      </c>
      <c r="BM34" s="280">
        <v>9</v>
      </c>
      <c r="BN34" s="280">
        <v>8</v>
      </c>
      <c r="BO34" s="281">
        <v>33</v>
      </c>
      <c r="BP34" s="282">
        <v>33</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1</v>
      </c>
      <c r="CG34" s="280">
        <v>2</v>
      </c>
      <c r="CH34" s="280">
        <v>15</v>
      </c>
      <c r="CI34" s="280">
        <v>9</v>
      </c>
      <c r="CJ34" s="280">
        <v>1</v>
      </c>
      <c r="CK34" s="277">
        <v>28</v>
      </c>
      <c r="CL34" s="282">
        <v>28</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27</v>
      </c>
      <c r="AD35" s="280">
        <v>10</v>
      </c>
      <c r="AE35" s="280">
        <v>9</v>
      </c>
      <c r="AF35" s="280">
        <v>0</v>
      </c>
      <c r="AG35" s="280">
        <v>1</v>
      </c>
      <c r="AH35" s="277">
        <v>47</v>
      </c>
      <c r="AI35" s="282">
        <v>47</v>
      </c>
      <c r="AJ35" s="276">
        <v>0</v>
      </c>
      <c r="AK35" s="280">
        <v>0</v>
      </c>
      <c r="AL35" s="277">
        <v>0</v>
      </c>
      <c r="AM35" s="279">
        <v>0</v>
      </c>
      <c r="AN35" s="280">
        <v>0</v>
      </c>
      <c r="AO35" s="280">
        <v>0</v>
      </c>
      <c r="AP35" s="280">
        <v>1</v>
      </c>
      <c r="AQ35" s="280">
        <v>0</v>
      </c>
      <c r="AR35" s="280">
        <v>0</v>
      </c>
      <c r="AS35" s="277">
        <v>1</v>
      </c>
      <c r="AT35" s="282">
        <v>1</v>
      </c>
      <c r="AU35" s="276">
        <v>0</v>
      </c>
      <c r="AV35" s="280">
        <v>0</v>
      </c>
      <c r="AW35" s="277">
        <v>0</v>
      </c>
      <c r="AX35" s="279">
        <v>0</v>
      </c>
      <c r="AY35" s="280">
        <v>0</v>
      </c>
      <c r="AZ35" s="280">
        <v>0</v>
      </c>
      <c r="BA35" s="280">
        <v>0</v>
      </c>
      <c r="BB35" s="280">
        <v>0</v>
      </c>
      <c r="BC35" s="280">
        <v>0</v>
      </c>
      <c r="BD35" s="277">
        <v>0</v>
      </c>
      <c r="BE35" s="282">
        <v>0</v>
      </c>
      <c r="BF35" s="276">
        <v>0</v>
      </c>
      <c r="BG35" s="280">
        <v>2</v>
      </c>
      <c r="BH35" s="277">
        <v>2</v>
      </c>
      <c r="BI35" s="279">
        <v>0</v>
      </c>
      <c r="BJ35" s="280">
        <v>2</v>
      </c>
      <c r="BK35" s="280">
        <v>3</v>
      </c>
      <c r="BL35" s="280">
        <v>7</v>
      </c>
      <c r="BM35" s="280">
        <v>0</v>
      </c>
      <c r="BN35" s="280">
        <v>1</v>
      </c>
      <c r="BO35" s="281">
        <v>13</v>
      </c>
      <c r="BP35" s="282">
        <v>15</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5</v>
      </c>
      <c r="CR35" s="280">
        <v>6</v>
      </c>
      <c r="CS35" s="280">
        <v>4</v>
      </c>
      <c r="CT35" s="280">
        <v>3</v>
      </c>
      <c r="CU35" s="280">
        <v>5</v>
      </c>
      <c r="CV35" s="277">
        <v>23</v>
      </c>
      <c r="CW35" s="282">
        <v>23</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3</v>
      </c>
      <c r="AD36" s="280">
        <v>7</v>
      </c>
      <c r="AE36" s="280">
        <v>2</v>
      </c>
      <c r="AF36" s="280">
        <v>2</v>
      </c>
      <c r="AG36" s="280">
        <v>1</v>
      </c>
      <c r="AH36" s="277">
        <v>25</v>
      </c>
      <c r="AI36" s="282">
        <v>25</v>
      </c>
      <c r="AJ36" s="276">
        <v>0</v>
      </c>
      <c r="AK36" s="280">
        <v>0</v>
      </c>
      <c r="AL36" s="277">
        <v>0</v>
      </c>
      <c r="AM36" s="279">
        <v>0</v>
      </c>
      <c r="AN36" s="280">
        <v>0</v>
      </c>
      <c r="AO36" s="280">
        <v>0</v>
      </c>
      <c r="AP36" s="280">
        <v>0</v>
      </c>
      <c r="AQ36" s="280">
        <v>0</v>
      </c>
      <c r="AR36" s="280">
        <v>1</v>
      </c>
      <c r="AS36" s="277">
        <v>1</v>
      </c>
      <c r="AT36" s="282">
        <v>1</v>
      </c>
      <c r="AU36" s="276">
        <v>1</v>
      </c>
      <c r="AV36" s="280">
        <v>4</v>
      </c>
      <c r="AW36" s="277">
        <v>5</v>
      </c>
      <c r="AX36" s="279">
        <v>0</v>
      </c>
      <c r="AY36" s="280">
        <v>8</v>
      </c>
      <c r="AZ36" s="280">
        <v>4</v>
      </c>
      <c r="BA36" s="280">
        <v>5</v>
      </c>
      <c r="BB36" s="280">
        <v>0</v>
      </c>
      <c r="BC36" s="280">
        <v>0</v>
      </c>
      <c r="BD36" s="277">
        <v>17</v>
      </c>
      <c r="BE36" s="282">
        <v>22</v>
      </c>
      <c r="BF36" s="276">
        <v>0</v>
      </c>
      <c r="BG36" s="280">
        <v>0</v>
      </c>
      <c r="BH36" s="277">
        <v>0</v>
      </c>
      <c r="BI36" s="279">
        <v>0</v>
      </c>
      <c r="BJ36" s="280">
        <v>3</v>
      </c>
      <c r="BK36" s="280">
        <v>2</v>
      </c>
      <c r="BL36" s="280">
        <v>1</v>
      </c>
      <c r="BM36" s="280">
        <v>2</v>
      </c>
      <c r="BN36" s="280">
        <v>3</v>
      </c>
      <c r="BO36" s="281">
        <v>11</v>
      </c>
      <c r="BP36" s="282">
        <v>11</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6</v>
      </c>
      <c r="CR36" s="280">
        <v>10</v>
      </c>
      <c r="CS36" s="280">
        <v>1</v>
      </c>
      <c r="CT36" s="280">
        <v>5</v>
      </c>
      <c r="CU36" s="280">
        <v>5</v>
      </c>
      <c r="CV36" s="277">
        <v>27</v>
      </c>
      <c r="CW36" s="282">
        <v>27</v>
      </c>
    </row>
    <row r="37" spans="2:101" ht="21" customHeight="1" x14ac:dyDescent="0.2">
      <c r="B37" s="261" t="s">
        <v>35</v>
      </c>
      <c r="C37" s="276">
        <v>0</v>
      </c>
      <c r="D37" s="277">
        <v>0</v>
      </c>
      <c r="E37" s="278">
        <v>0</v>
      </c>
      <c r="F37" s="279">
        <v>0</v>
      </c>
      <c r="G37" s="280">
        <v>0</v>
      </c>
      <c r="H37" s="280">
        <v>1</v>
      </c>
      <c r="I37" s="280">
        <v>1</v>
      </c>
      <c r="J37" s="280">
        <v>1</v>
      </c>
      <c r="K37" s="280">
        <v>0</v>
      </c>
      <c r="L37" s="281">
        <v>3</v>
      </c>
      <c r="M37" s="282">
        <v>3</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8</v>
      </c>
      <c r="AD37" s="280">
        <v>16</v>
      </c>
      <c r="AE37" s="280">
        <v>8</v>
      </c>
      <c r="AF37" s="280">
        <v>10</v>
      </c>
      <c r="AG37" s="280">
        <v>2</v>
      </c>
      <c r="AH37" s="277">
        <v>54</v>
      </c>
      <c r="AI37" s="282">
        <v>54</v>
      </c>
      <c r="AJ37" s="276">
        <v>0</v>
      </c>
      <c r="AK37" s="280">
        <v>0</v>
      </c>
      <c r="AL37" s="277">
        <v>0</v>
      </c>
      <c r="AM37" s="279">
        <v>0</v>
      </c>
      <c r="AN37" s="280">
        <v>0</v>
      </c>
      <c r="AO37" s="280">
        <v>0</v>
      </c>
      <c r="AP37" s="280">
        <v>0</v>
      </c>
      <c r="AQ37" s="280">
        <v>0</v>
      </c>
      <c r="AR37" s="280">
        <v>0</v>
      </c>
      <c r="AS37" s="277">
        <v>0</v>
      </c>
      <c r="AT37" s="282">
        <v>0</v>
      </c>
      <c r="AU37" s="276">
        <v>3</v>
      </c>
      <c r="AV37" s="280">
        <v>2</v>
      </c>
      <c r="AW37" s="277">
        <v>5</v>
      </c>
      <c r="AX37" s="279">
        <v>0</v>
      </c>
      <c r="AY37" s="280">
        <v>12</v>
      </c>
      <c r="AZ37" s="280">
        <v>7</v>
      </c>
      <c r="BA37" s="280">
        <v>5</v>
      </c>
      <c r="BB37" s="280">
        <v>4</v>
      </c>
      <c r="BC37" s="280">
        <v>3</v>
      </c>
      <c r="BD37" s="277">
        <v>31</v>
      </c>
      <c r="BE37" s="282">
        <v>36</v>
      </c>
      <c r="BF37" s="276">
        <v>0</v>
      </c>
      <c r="BG37" s="280">
        <v>0</v>
      </c>
      <c r="BH37" s="277">
        <v>0</v>
      </c>
      <c r="BI37" s="279">
        <v>0</v>
      </c>
      <c r="BJ37" s="280">
        <v>13</v>
      </c>
      <c r="BK37" s="280">
        <v>15</v>
      </c>
      <c r="BL37" s="280">
        <v>15</v>
      </c>
      <c r="BM37" s="280">
        <v>14</v>
      </c>
      <c r="BN37" s="280">
        <v>6</v>
      </c>
      <c r="BO37" s="281">
        <v>63</v>
      </c>
      <c r="BP37" s="282">
        <v>63</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63</v>
      </c>
      <c r="AD38" s="280">
        <v>43</v>
      </c>
      <c r="AE38" s="280">
        <v>25</v>
      </c>
      <c r="AF38" s="280">
        <v>15</v>
      </c>
      <c r="AG38" s="280">
        <v>13</v>
      </c>
      <c r="AH38" s="277">
        <v>159</v>
      </c>
      <c r="AI38" s="282">
        <v>159</v>
      </c>
      <c r="AJ38" s="276">
        <v>0</v>
      </c>
      <c r="AK38" s="280">
        <v>0</v>
      </c>
      <c r="AL38" s="277">
        <v>0</v>
      </c>
      <c r="AM38" s="279">
        <v>0</v>
      </c>
      <c r="AN38" s="280">
        <v>0</v>
      </c>
      <c r="AO38" s="280">
        <v>0</v>
      </c>
      <c r="AP38" s="280">
        <v>0</v>
      </c>
      <c r="AQ38" s="280">
        <v>0</v>
      </c>
      <c r="AR38" s="280">
        <v>0</v>
      </c>
      <c r="AS38" s="277">
        <v>0</v>
      </c>
      <c r="AT38" s="282">
        <v>0</v>
      </c>
      <c r="AU38" s="276">
        <v>3</v>
      </c>
      <c r="AV38" s="280">
        <v>1</v>
      </c>
      <c r="AW38" s="277">
        <v>4</v>
      </c>
      <c r="AX38" s="279">
        <v>0</v>
      </c>
      <c r="AY38" s="280">
        <v>13</v>
      </c>
      <c r="AZ38" s="280">
        <v>7</v>
      </c>
      <c r="BA38" s="280">
        <v>9</v>
      </c>
      <c r="BB38" s="280">
        <v>3</v>
      </c>
      <c r="BC38" s="280">
        <v>2</v>
      </c>
      <c r="BD38" s="277">
        <v>34</v>
      </c>
      <c r="BE38" s="282">
        <v>38</v>
      </c>
      <c r="BF38" s="276">
        <v>0</v>
      </c>
      <c r="BG38" s="280">
        <v>0</v>
      </c>
      <c r="BH38" s="277">
        <v>0</v>
      </c>
      <c r="BI38" s="279">
        <v>0</v>
      </c>
      <c r="BJ38" s="280">
        <v>5</v>
      </c>
      <c r="BK38" s="280">
        <v>9</v>
      </c>
      <c r="BL38" s="280">
        <v>14</v>
      </c>
      <c r="BM38" s="280">
        <v>6</v>
      </c>
      <c r="BN38" s="280">
        <v>6</v>
      </c>
      <c r="BO38" s="281">
        <v>40</v>
      </c>
      <c r="BP38" s="282">
        <v>40</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12</v>
      </c>
      <c r="AD39" s="287">
        <v>7</v>
      </c>
      <c r="AE39" s="287">
        <v>8</v>
      </c>
      <c r="AF39" s="287">
        <v>0</v>
      </c>
      <c r="AG39" s="287">
        <v>2</v>
      </c>
      <c r="AH39" s="284">
        <v>29</v>
      </c>
      <c r="AI39" s="289">
        <v>29</v>
      </c>
      <c r="AJ39" s="283">
        <v>0</v>
      </c>
      <c r="AK39" s="287">
        <v>0</v>
      </c>
      <c r="AL39" s="284">
        <v>0</v>
      </c>
      <c r="AM39" s="286">
        <v>0</v>
      </c>
      <c r="AN39" s="287">
        <v>1</v>
      </c>
      <c r="AO39" s="287">
        <v>0</v>
      </c>
      <c r="AP39" s="287">
        <v>0</v>
      </c>
      <c r="AQ39" s="287">
        <v>1</v>
      </c>
      <c r="AR39" s="287">
        <v>1</v>
      </c>
      <c r="AS39" s="284">
        <v>3</v>
      </c>
      <c r="AT39" s="289">
        <v>3</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1</v>
      </c>
      <c r="BK39" s="287">
        <v>0</v>
      </c>
      <c r="BL39" s="287">
        <v>3</v>
      </c>
      <c r="BM39" s="287">
        <v>0</v>
      </c>
      <c r="BN39" s="287">
        <v>0</v>
      </c>
      <c r="BO39" s="288">
        <v>4</v>
      </c>
      <c r="BP39" s="289">
        <v>4</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Q4:W4"/>
    <mergeCell ref="AU3:BE3"/>
    <mergeCell ref="I1:J1"/>
    <mergeCell ref="L1:M1"/>
    <mergeCell ref="CA4:CA5"/>
    <mergeCell ref="BF3:BP3"/>
    <mergeCell ref="BQ3:CA3"/>
    <mergeCell ref="BP4:BP5"/>
    <mergeCell ref="BE4:BE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8.554687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5</v>
      </c>
      <c r="J1" s="524"/>
      <c r="K1" s="248">
        <f>第１表!G2</f>
        <v>4</v>
      </c>
      <c r="L1" s="529">
        <f>IF(K1&lt;3,K1+12-2,K1-2)</f>
        <v>2</v>
      </c>
      <c r="M1" s="529"/>
    </row>
    <row r="2" spans="1:101" s="291" customFormat="1" ht="24" customHeight="1" thickBot="1" x14ac:dyDescent="0.25">
      <c r="A2" s="44"/>
      <c r="B2" s="290" t="s">
        <v>131</v>
      </c>
    </row>
    <row r="3" spans="1:101" ht="21" customHeight="1" thickBot="1" x14ac:dyDescent="0.25">
      <c r="B3" s="537"/>
      <c r="C3" s="540" t="s">
        <v>94</v>
      </c>
      <c r="D3" s="541"/>
      <c r="E3" s="541"/>
      <c r="F3" s="541"/>
      <c r="G3" s="541"/>
      <c r="H3" s="541"/>
      <c r="I3" s="541"/>
      <c r="J3" s="541"/>
      <c r="K3" s="541"/>
      <c r="L3" s="541"/>
      <c r="M3" s="542"/>
      <c r="N3" s="540" t="s">
        <v>88</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323" t="s">
        <v>43</v>
      </c>
      <c r="D5" s="265" t="s">
        <v>44</v>
      </c>
      <c r="E5" s="266" t="s">
        <v>45</v>
      </c>
      <c r="F5" s="267" t="s">
        <v>83</v>
      </c>
      <c r="G5" s="259" t="s">
        <v>47</v>
      </c>
      <c r="H5" s="259" t="s">
        <v>48</v>
      </c>
      <c r="I5" s="259" t="s">
        <v>49</v>
      </c>
      <c r="J5" s="259" t="s">
        <v>50</v>
      </c>
      <c r="K5" s="259" t="s">
        <v>51</v>
      </c>
      <c r="L5" s="268" t="s">
        <v>45</v>
      </c>
      <c r="M5" s="531"/>
      <c r="N5" s="323" t="s">
        <v>43</v>
      </c>
      <c r="O5" s="259" t="s">
        <v>44</v>
      </c>
      <c r="P5" s="265" t="s">
        <v>45</v>
      </c>
      <c r="Q5" s="267" t="s">
        <v>83</v>
      </c>
      <c r="R5" s="259" t="s">
        <v>47</v>
      </c>
      <c r="S5" s="259" t="s">
        <v>48</v>
      </c>
      <c r="T5" s="259" t="s">
        <v>49</v>
      </c>
      <c r="U5" s="259" t="s">
        <v>50</v>
      </c>
      <c r="V5" s="259" t="s">
        <v>51</v>
      </c>
      <c r="W5" s="265" t="s">
        <v>45</v>
      </c>
      <c r="X5" s="531"/>
      <c r="Y5" s="323" t="s">
        <v>43</v>
      </c>
      <c r="Z5" s="259" t="s">
        <v>44</v>
      </c>
      <c r="AA5" s="265" t="s">
        <v>45</v>
      </c>
      <c r="AB5" s="267" t="s">
        <v>83</v>
      </c>
      <c r="AC5" s="259" t="s">
        <v>47</v>
      </c>
      <c r="AD5" s="259" t="s">
        <v>48</v>
      </c>
      <c r="AE5" s="259" t="s">
        <v>49</v>
      </c>
      <c r="AF5" s="259" t="s">
        <v>50</v>
      </c>
      <c r="AG5" s="259" t="s">
        <v>51</v>
      </c>
      <c r="AH5" s="265" t="s">
        <v>45</v>
      </c>
      <c r="AI5" s="531"/>
      <c r="AJ5" s="340" t="s">
        <v>43</v>
      </c>
      <c r="AK5" s="259" t="s">
        <v>44</v>
      </c>
      <c r="AL5" s="265" t="s">
        <v>45</v>
      </c>
      <c r="AM5" s="267" t="s">
        <v>83</v>
      </c>
      <c r="AN5" s="259" t="s">
        <v>47</v>
      </c>
      <c r="AO5" s="259" t="s">
        <v>48</v>
      </c>
      <c r="AP5" s="259" t="s">
        <v>49</v>
      </c>
      <c r="AQ5" s="259" t="s">
        <v>50</v>
      </c>
      <c r="AR5" s="259" t="s">
        <v>51</v>
      </c>
      <c r="AS5" s="265" t="s">
        <v>45</v>
      </c>
      <c r="AT5" s="531"/>
      <c r="AU5" s="340" t="s">
        <v>43</v>
      </c>
      <c r="AV5" s="259" t="s">
        <v>44</v>
      </c>
      <c r="AW5" s="265" t="s">
        <v>45</v>
      </c>
      <c r="AX5" s="267" t="s">
        <v>83</v>
      </c>
      <c r="AY5" s="259" t="s">
        <v>47</v>
      </c>
      <c r="AZ5" s="259" t="s">
        <v>48</v>
      </c>
      <c r="BA5" s="259" t="s">
        <v>49</v>
      </c>
      <c r="BB5" s="259" t="s">
        <v>50</v>
      </c>
      <c r="BC5" s="259" t="s">
        <v>51</v>
      </c>
      <c r="BD5" s="265" t="s">
        <v>45</v>
      </c>
      <c r="BE5" s="564"/>
      <c r="BF5" s="340" t="s">
        <v>43</v>
      </c>
      <c r="BG5" s="259" t="s">
        <v>44</v>
      </c>
      <c r="BH5" s="265" t="s">
        <v>45</v>
      </c>
      <c r="BI5" s="267" t="s">
        <v>83</v>
      </c>
      <c r="BJ5" s="259" t="s">
        <v>47</v>
      </c>
      <c r="BK5" s="259" t="s">
        <v>48</v>
      </c>
      <c r="BL5" s="259" t="s">
        <v>49</v>
      </c>
      <c r="BM5" s="259" t="s">
        <v>50</v>
      </c>
      <c r="BN5" s="259" t="s">
        <v>51</v>
      </c>
      <c r="BO5" s="265" t="s">
        <v>45</v>
      </c>
      <c r="BP5" s="564"/>
      <c r="BQ5" s="340" t="s">
        <v>43</v>
      </c>
      <c r="BR5" s="259" t="s">
        <v>44</v>
      </c>
      <c r="BS5" s="265" t="s">
        <v>45</v>
      </c>
      <c r="BT5" s="267" t="s">
        <v>83</v>
      </c>
      <c r="BU5" s="259" t="s">
        <v>47</v>
      </c>
      <c r="BV5" s="259" t="s">
        <v>48</v>
      </c>
      <c r="BW5" s="259" t="s">
        <v>49</v>
      </c>
      <c r="BX5" s="259" t="s">
        <v>50</v>
      </c>
      <c r="BY5" s="259" t="s">
        <v>51</v>
      </c>
      <c r="BZ5" s="265" t="s">
        <v>45</v>
      </c>
      <c r="CA5" s="564"/>
      <c r="CB5" s="340" t="s">
        <v>43</v>
      </c>
      <c r="CC5" s="259" t="s">
        <v>44</v>
      </c>
      <c r="CD5" s="265" t="s">
        <v>45</v>
      </c>
      <c r="CE5" s="267" t="s">
        <v>83</v>
      </c>
      <c r="CF5" s="259" t="s">
        <v>47</v>
      </c>
      <c r="CG5" s="259" t="s">
        <v>48</v>
      </c>
      <c r="CH5" s="259" t="s">
        <v>49</v>
      </c>
      <c r="CI5" s="259" t="s">
        <v>50</v>
      </c>
      <c r="CJ5" s="259" t="s">
        <v>51</v>
      </c>
      <c r="CK5" s="265" t="s">
        <v>45</v>
      </c>
      <c r="CL5" s="564"/>
      <c r="CM5" s="340"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0</v>
      </c>
      <c r="D6" s="270">
        <v>0</v>
      </c>
      <c r="E6" s="271">
        <v>0</v>
      </c>
      <c r="F6" s="272">
        <v>0</v>
      </c>
      <c r="G6" s="273">
        <v>20</v>
      </c>
      <c r="H6" s="273">
        <v>23</v>
      </c>
      <c r="I6" s="273">
        <v>28</v>
      </c>
      <c r="J6" s="273">
        <v>23</v>
      </c>
      <c r="K6" s="273">
        <v>19</v>
      </c>
      <c r="L6" s="274">
        <v>113</v>
      </c>
      <c r="M6" s="275">
        <v>113</v>
      </c>
      <c r="N6" s="269">
        <v>0</v>
      </c>
      <c r="O6" s="273">
        <v>0</v>
      </c>
      <c r="P6" s="270">
        <v>0</v>
      </c>
      <c r="Q6" s="272">
        <v>0</v>
      </c>
      <c r="R6" s="273">
        <v>12</v>
      </c>
      <c r="S6" s="273">
        <v>29</v>
      </c>
      <c r="T6" s="273">
        <v>31</v>
      </c>
      <c r="U6" s="273">
        <v>29</v>
      </c>
      <c r="V6" s="273">
        <v>31</v>
      </c>
      <c r="W6" s="270">
        <v>132</v>
      </c>
      <c r="X6" s="275">
        <v>132</v>
      </c>
      <c r="Y6" s="269">
        <v>0</v>
      </c>
      <c r="Z6" s="273">
        <v>0</v>
      </c>
      <c r="AA6" s="270">
        <v>0</v>
      </c>
      <c r="AB6" s="272">
        <v>0</v>
      </c>
      <c r="AC6" s="273">
        <v>974</v>
      </c>
      <c r="AD6" s="273">
        <v>785</v>
      </c>
      <c r="AE6" s="273">
        <v>365</v>
      </c>
      <c r="AF6" s="273">
        <v>156</v>
      </c>
      <c r="AG6" s="273">
        <v>63</v>
      </c>
      <c r="AH6" s="270">
        <v>2343</v>
      </c>
      <c r="AI6" s="275">
        <v>2343</v>
      </c>
      <c r="AJ6" s="269">
        <v>1</v>
      </c>
      <c r="AK6" s="273">
        <v>0</v>
      </c>
      <c r="AL6" s="270">
        <v>1</v>
      </c>
      <c r="AM6" s="272">
        <v>0</v>
      </c>
      <c r="AN6" s="273">
        <v>78</v>
      </c>
      <c r="AO6" s="273">
        <v>90</v>
      </c>
      <c r="AP6" s="273">
        <v>88</v>
      </c>
      <c r="AQ6" s="273">
        <v>36</v>
      </c>
      <c r="AR6" s="273">
        <v>25</v>
      </c>
      <c r="AS6" s="270">
        <v>317</v>
      </c>
      <c r="AT6" s="275">
        <v>318</v>
      </c>
      <c r="AU6" s="269">
        <v>15</v>
      </c>
      <c r="AV6" s="273">
        <v>10</v>
      </c>
      <c r="AW6" s="270">
        <v>25</v>
      </c>
      <c r="AX6" s="272">
        <v>0</v>
      </c>
      <c r="AY6" s="273">
        <v>70</v>
      </c>
      <c r="AZ6" s="273">
        <v>83</v>
      </c>
      <c r="BA6" s="273">
        <v>74</v>
      </c>
      <c r="BB6" s="273">
        <v>51</v>
      </c>
      <c r="BC6" s="273">
        <v>22</v>
      </c>
      <c r="BD6" s="270">
        <v>300</v>
      </c>
      <c r="BE6" s="275">
        <v>325</v>
      </c>
      <c r="BF6" s="269">
        <v>0</v>
      </c>
      <c r="BG6" s="273">
        <v>1</v>
      </c>
      <c r="BH6" s="270">
        <v>1</v>
      </c>
      <c r="BI6" s="272">
        <v>0</v>
      </c>
      <c r="BJ6" s="273">
        <v>88</v>
      </c>
      <c r="BK6" s="273">
        <v>145</v>
      </c>
      <c r="BL6" s="273">
        <v>143</v>
      </c>
      <c r="BM6" s="273">
        <v>130</v>
      </c>
      <c r="BN6" s="273">
        <v>71</v>
      </c>
      <c r="BO6" s="274">
        <v>577</v>
      </c>
      <c r="BP6" s="275">
        <v>578</v>
      </c>
      <c r="BQ6" s="269">
        <v>0</v>
      </c>
      <c r="BR6" s="273">
        <v>0</v>
      </c>
      <c r="BS6" s="270">
        <v>0</v>
      </c>
      <c r="BT6" s="272">
        <v>0</v>
      </c>
      <c r="BU6" s="273">
        <v>4</v>
      </c>
      <c r="BV6" s="273">
        <v>8</v>
      </c>
      <c r="BW6" s="273">
        <v>6</v>
      </c>
      <c r="BX6" s="273">
        <v>4</v>
      </c>
      <c r="BY6" s="273">
        <v>4</v>
      </c>
      <c r="BZ6" s="270">
        <v>26</v>
      </c>
      <c r="CA6" s="275">
        <v>26</v>
      </c>
      <c r="CB6" s="269">
        <v>0</v>
      </c>
      <c r="CC6" s="273">
        <v>0</v>
      </c>
      <c r="CD6" s="270">
        <v>0</v>
      </c>
      <c r="CE6" s="272">
        <v>0</v>
      </c>
      <c r="CF6" s="273">
        <v>1</v>
      </c>
      <c r="CG6" s="273">
        <v>4</v>
      </c>
      <c r="CH6" s="273">
        <v>14</v>
      </c>
      <c r="CI6" s="273">
        <v>16</v>
      </c>
      <c r="CJ6" s="273">
        <v>11</v>
      </c>
      <c r="CK6" s="270">
        <v>46</v>
      </c>
      <c r="CL6" s="275">
        <v>46</v>
      </c>
      <c r="CM6" s="269">
        <v>0</v>
      </c>
      <c r="CN6" s="273">
        <v>0</v>
      </c>
      <c r="CO6" s="270">
        <v>0</v>
      </c>
      <c r="CP6" s="272">
        <v>0</v>
      </c>
      <c r="CQ6" s="273">
        <v>19</v>
      </c>
      <c r="CR6" s="273">
        <v>18</v>
      </c>
      <c r="CS6" s="273">
        <v>22</v>
      </c>
      <c r="CT6" s="273">
        <v>29</v>
      </c>
      <c r="CU6" s="273">
        <v>34</v>
      </c>
      <c r="CV6" s="270">
        <v>122</v>
      </c>
      <c r="CW6" s="275">
        <v>122</v>
      </c>
    </row>
    <row r="7" spans="1:101" ht="21" customHeight="1" x14ac:dyDescent="0.2">
      <c r="B7" s="261" t="s">
        <v>5</v>
      </c>
      <c r="C7" s="276">
        <v>0</v>
      </c>
      <c r="D7" s="277">
        <v>0</v>
      </c>
      <c r="E7" s="278">
        <v>0</v>
      </c>
      <c r="F7" s="279">
        <v>0</v>
      </c>
      <c r="G7" s="280">
        <v>6</v>
      </c>
      <c r="H7" s="280">
        <v>11</v>
      </c>
      <c r="I7" s="280">
        <v>12</v>
      </c>
      <c r="J7" s="280">
        <v>10</v>
      </c>
      <c r="K7" s="280">
        <v>10</v>
      </c>
      <c r="L7" s="281">
        <v>49</v>
      </c>
      <c r="M7" s="282">
        <v>49</v>
      </c>
      <c r="N7" s="276">
        <v>0</v>
      </c>
      <c r="O7" s="280">
        <v>0</v>
      </c>
      <c r="P7" s="277">
        <v>0</v>
      </c>
      <c r="Q7" s="279">
        <v>0</v>
      </c>
      <c r="R7" s="280">
        <v>9</v>
      </c>
      <c r="S7" s="280">
        <v>22</v>
      </c>
      <c r="T7" s="280">
        <v>23</v>
      </c>
      <c r="U7" s="280">
        <v>26</v>
      </c>
      <c r="V7" s="280">
        <v>28</v>
      </c>
      <c r="W7" s="277">
        <v>108</v>
      </c>
      <c r="X7" s="282">
        <v>108</v>
      </c>
      <c r="Y7" s="276">
        <v>0</v>
      </c>
      <c r="Z7" s="280">
        <v>0</v>
      </c>
      <c r="AA7" s="277">
        <v>0</v>
      </c>
      <c r="AB7" s="279">
        <v>0</v>
      </c>
      <c r="AC7" s="280">
        <v>387</v>
      </c>
      <c r="AD7" s="280">
        <v>389</v>
      </c>
      <c r="AE7" s="280">
        <v>170</v>
      </c>
      <c r="AF7" s="280">
        <v>86</v>
      </c>
      <c r="AG7" s="280">
        <v>34</v>
      </c>
      <c r="AH7" s="277">
        <v>1066</v>
      </c>
      <c r="AI7" s="282">
        <v>1066</v>
      </c>
      <c r="AJ7" s="276">
        <v>0</v>
      </c>
      <c r="AK7" s="280">
        <v>0</v>
      </c>
      <c r="AL7" s="277">
        <v>0</v>
      </c>
      <c r="AM7" s="279">
        <v>0</v>
      </c>
      <c r="AN7" s="280">
        <v>41</v>
      </c>
      <c r="AO7" s="280">
        <v>43</v>
      </c>
      <c r="AP7" s="280">
        <v>56</v>
      </c>
      <c r="AQ7" s="280">
        <v>19</v>
      </c>
      <c r="AR7" s="280">
        <v>13</v>
      </c>
      <c r="AS7" s="277">
        <v>172</v>
      </c>
      <c r="AT7" s="282">
        <v>172</v>
      </c>
      <c r="AU7" s="276">
        <v>4</v>
      </c>
      <c r="AV7" s="280">
        <v>7</v>
      </c>
      <c r="AW7" s="277">
        <v>11</v>
      </c>
      <c r="AX7" s="279">
        <v>0</v>
      </c>
      <c r="AY7" s="280">
        <v>28</v>
      </c>
      <c r="AZ7" s="280">
        <v>31</v>
      </c>
      <c r="BA7" s="280">
        <v>28</v>
      </c>
      <c r="BB7" s="280">
        <v>21</v>
      </c>
      <c r="BC7" s="280">
        <v>11</v>
      </c>
      <c r="BD7" s="277">
        <v>119</v>
      </c>
      <c r="BE7" s="282">
        <v>130</v>
      </c>
      <c r="BF7" s="276">
        <v>0</v>
      </c>
      <c r="BG7" s="280">
        <v>1</v>
      </c>
      <c r="BH7" s="277">
        <v>1</v>
      </c>
      <c r="BI7" s="279">
        <v>0</v>
      </c>
      <c r="BJ7" s="280">
        <v>36</v>
      </c>
      <c r="BK7" s="280">
        <v>62</v>
      </c>
      <c r="BL7" s="280">
        <v>49</v>
      </c>
      <c r="BM7" s="280">
        <v>55</v>
      </c>
      <c r="BN7" s="280">
        <v>27</v>
      </c>
      <c r="BO7" s="281">
        <v>229</v>
      </c>
      <c r="BP7" s="282">
        <v>230</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2</v>
      </c>
      <c r="CH7" s="280">
        <v>0</v>
      </c>
      <c r="CI7" s="280">
        <v>2</v>
      </c>
      <c r="CJ7" s="280">
        <v>2</v>
      </c>
      <c r="CK7" s="277">
        <v>6</v>
      </c>
      <c r="CL7" s="282">
        <v>6</v>
      </c>
      <c r="CM7" s="276">
        <v>0</v>
      </c>
      <c r="CN7" s="280">
        <v>0</v>
      </c>
      <c r="CO7" s="277">
        <v>0</v>
      </c>
      <c r="CP7" s="279">
        <v>0</v>
      </c>
      <c r="CQ7" s="280">
        <v>4</v>
      </c>
      <c r="CR7" s="280">
        <v>3</v>
      </c>
      <c r="CS7" s="280">
        <v>4</v>
      </c>
      <c r="CT7" s="280">
        <v>7</v>
      </c>
      <c r="CU7" s="280">
        <v>20</v>
      </c>
      <c r="CV7" s="277">
        <v>38</v>
      </c>
      <c r="CW7" s="282">
        <v>38</v>
      </c>
    </row>
    <row r="8" spans="1:101" ht="21" customHeight="1" x14ac:dyDescent="0.2">
      <c r="B8" s="261" t="s">
        <v>6</v>
      </c>
      <c r="C8" s="276">
        <v>0</v>
      </c>
      <c r="D8" s="277">
        <v>0</v>
      </c>
      <c r="E8" s="278">
        <v>0</v>
      </c>
      <c r="F8" s="279">
        <v>0</v>
      </c>
      <c r="G8" s="280">
        <v>5</v>
      </c>
      <c r="H8" s="280">
        <v>1</v>
      </c>
      <c r="I8" s="280">
        <v>7</v>
      </c>
      <c r="J8" s="280">
        <v>7</v>
      </c>
      <c r="K8" s="280">
        <v>6</v>
      </c>
      <c r="L8" s="281">
        <v>26</v>
      </c>
      <c r="M8" s="282">
        <v>26</v>
      </c>
      <c r="N8" s="276">
        <v>0</v>
      </c>
      <c r="O8" s="280">
        <v>0</v>
      </c>
      <c r="P8" s="277">
        <v>0</v>
      </c>
      <c r="Q8" s="279">
        <v>0</v>
      </c>
      <c r="R8" s="280">
        <v>2</v>
      </c>
      <c r="S8" s="280">
        <v>6</v>
      </c>
      <c r="T8" s="280">
        <v>5</v>
      </c>
      <c r="U8" s="280">
        <v>2</v>
      </c>
      <c r="V8" s="280">
        <v>3</v>
      </c>
      <c r="W8" s="277">
        <v>18</v>
      </c>
      <c r="X8" s="282">
        <v>18</v>
      </c>
      <c r="Y8" s="276">
        <v>0</v>
      </c>
      <c r="Z8" s="280">
        <v>0</v>
      </c>
      <c r="AA8" s="277">
        <v>0</v>
      </c>
      <c r="AB8" s="279">
        <v>0</v>
      </c>
      <c r="AC8" s="280">
        <v>101</v>
      </c>
      <c r="AD8" s="280">
        <v>64</v>
      </c>
      <c r="AE8" s="280">
        <v>37</v>
      </c>
      <c r="AF8" s="280">
        <v>22</v>
      </c>
      <c r="AG8" s="280">
        <v>5</v>
      </c>
      <c r="AH8" s="277">
        <v>229</v>
      </c>
      <c r="AI8" s="282">
        <v>229</v>
      </c>
      <c r="AJ8" s="276">
        <v>0</v>
      </c>
      <c r="AK8" s="280">
        <v>0</v>
      </c>
      <c r="AL8" s="277">
        <v>0</v>
      </c>
      <c r="AM8" s="279">
        <v>0</v>
      </c>
      <c r="AN8" s="280">
        <v>16</v>
      </c>
      <c r="AO8" s="280">
        <v>14</v>
      </c>
      <c r="AP8" s="280">
        <v>10</v>
      </c>
      <c r="AQ8" s="280">
        <v>4</v>
      </c>
      <c r="AR8" s="280">
        <v>5</v>
      </c>
      <c r="AS8" s="277">
        <v>49</v>
      </c>
      <c r="AT8" s="282">
        <v>49</v>
      </c>
      <c r="AU8" s="276">
        <v>2</v>
      </c>
      <c r="AV8" s="280">
        <v>0</v>
      </c>
      <c r="AW8" s="277">
        <v>2</v>
      </c>
      <c r="AX8" s="279">
        <v>0</v>
      </c>
      <c r="AY8" s="280">
        <v>8</v>
      </c>
      <c r="AZ8" s="280">
        <v>7</v>
      </c>
      <c r="BA8" s="280">
        <v>9</v>
      </c>
      <c r="BB8" s="280">
        <v>13</v>
      </c>
      <c r="BC8" s="280">
        <v>3</v>
      </c>
      <c r="BD8" s="277">
        <v>40</v>
      </c>
      <c r="BE8" s="282">
        <v>42</v>
      </c>
      <c r="BF8" s="276">
        <v>0</v>
      </c>
      <c r="BG8" s="280">
        <v>0</v>
      </c>
      <c r="BH8" s="277">
        <v>0</v>
      </c>
      <c r="BI8" s="279">
        <v>0</v>
      </c>
      <c r="BJ8" s="280">
        <v>16</v>
      </c>
      <c r="BK8" s="280">
        <v>21</v>
      </c>
      <c r="BL8" s="280">
        <v>22</v>
      </c>
      <c r="BM8" s="280">
        <v>24</v>
      </c>
      <c r="BN8" s="280">
        <v>10</v>
      </c>
      <c r="BO8" s="281">
        <v>93</v>
      </c>
      <c r="BP8" s="282">
        <v>93</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0</v>
      </c>
      <c r="CG8" s="280">
        <v>0</v>
      </c>
      <c r="CH8" s="280">
        <v>8</v>
      </c>
      <c r="CI8" s="280">
        <v>4</v>
      </c>
      <c r="CJ8" s="280">
        <v>2</v>
      </c>
      <c r="CK8" s="277">
        <v>14</v>
      </c>
      <c r="CL8" s="282">
        <v>14</v>
      </c>
      <c r="CM8" s="276">
        <v>0</v>
      </c>
      <c r="CN8" s="280">
        <v>0</v>
      </c>
      <c r="CO8" s="277">
        <v>0</v>
      </c>
      <c r="CP8" s="279">
        <v>0</v>
      </c>
      <c r="CQ8" s="280">
        <v>5</v>
      </c>
      <c r="CR8" s="280">
        <v>3</v>
      </c>
      <c r="CS8" s="280">
        <v>2</v>
      </c>
      <c r="CT8" s="280">
        <v>8</v>
      </c>
      <c r="CU8" s="280">
        <v>5</v>
      </c>
      <c r="CV8" s="277">
        <v>23</v>
      </c>
      <c r="CW8" s="282">
        <v>23</v>
      </c>
    </row>
    <row r="9" spans="1:101" ht="21" customHeight="1" x14ac:dyDescent="0.2">
      <c r="B9" s="261" t="s">
        <v>14</v>
      </c>
      <c r="C9" s="276">
        <v>0</v>
      </c>
      <c r="D9" s="277">
        <v>0</v>
      </c>
      <c r="E9" s="278">
        <v>0</v>
      </c>
      <c r="F9" s="279">
        <v>0</v>
      </c>
      <c r="G9" s="280">
        <v>1</v>
      </c>
      <c r="H9" s="280">
        <v>3</v>
      </c>
      <c r="I9" s="280">
        <v>0</v>
      </c>
      <c r="J9" s="280">
        <v>2</v>
      </c>
      <c r="K9" s="280">
        <v>1</v>
      </c>
      <c r="L9" s="281">
        <v>7</v>
      </c>
      <c r="M9" s="282">
        <v>7</v>
      </c>
      <c r="N9" s="276">
        <v>0</v>
      </c>
      <c r="O9" s="280">
        <v>0</v>
      </c>
      <c r="P9" s="277">
        <v>0</v>
      </c>
      <c r="Q9" s="279">
        <v>0</v>
      </c>
      <c r="R9" s="280">
        <v>0</v>
      </c>
      <c r="S9" s="280">
        <v>0</v>
      </c>
      <c r="T9" s="280">
        <v>0</v>
      </c>
      <c r="U9" s="280">
        <v>0</v>
      </c>
      <c r="V9" s="280">
        <v>0</v>
      </c>
      <c r="W9" s="277">
        <v>0</v>
      </c>
      <c r="X9" s="282">
        <v>0</v>
      </c>
      <c r="Y9" s="276">
        <v>0</v>
      </c>
      <c r="Z9" s="280">
        <v>0</v>
      </c>
      <c r="AA9" s="277">
        <v>0</v>
      </c>
      <c r="AB9" s="279">
        <v>0</v>
      </c>
      <c r="AC9" s="280">
        <v>76</v>
      </c>
      <c r="AD9" s="280">
        <v>69</v>
      </c>
      <c r="AE9" s="280">
        <v>41</v>
      </c>
      <c r="AF9" s="280">
        <v>4</v>
      </c>
      <c r="AG9" s="280">
        <v>6</v>
      </c>
      <c r="AH9" s="277">
        <v>196</v>
      </c>
      <c r="AI9" s="282">
        <v>196</v>
      </c>
      <c r="AJ9" s="276">
        <v>0</v>
      </c>
      <c r="AK9" s="280">
        <v>0</v>
      </c>
      <c r="AL9" s="277">
        <v>0</v>
      </c>
      <c r="AM9" s="279">
        <v>0</v>
      </c>
      <c r="AN9" s="280">
        <v>1</v>
      </c>
      <c r="AO9" s="280">
        <v>4</v>
      </c>
      <c r="AP9" s="280">
        <v>2</v>
      </c>
      <c r="AQ9" s="280">
        <v>1</v>
      </c>
      <c r="AR9" s="280">
        <v>0</v>
      </c>
      <c r="AS9" s="277">
        <v>8</v>
      </c>
      <c r="AT9" s="282">
        <v>8</v>
      </c>
      <c r="AU9" s="276">
        <v>2</v>
      </c>
      <c r="AV9" s="280">
        <v>2</v>
      </c>
      <c r="AW9" s="277">
        <v>4</v>
      </c>
      <c r="AX9" s="279">
        <v>0</v>
      </c>
      <c r="AY9" s="280">
        <v>7</v>
      </c>
      <c r="AZ9" s="280">
        <v>8</v>
      </c>
      <c r="BA9" s="280">
        <v>6</v>
      </c>
      <c r="BB9" s="280">
        <v>2</v>
      </c>
      <c r="BC9" s="280">
        <v>4</v>
      </c>
      <c r="BD9" s="277">
        <v>27</v>
      </c>
      <c r="BE9" s="282">
        <v>31</v>
      </c>
      <c r="BF9" s="276">
        <v>0</v>
      </c>
      <c r="BG9" s="280">
        <v>0</v>
      </c>
      <c r="BH9" s="277">
        <v>0</v>
      </c>
      <c r="BI9" s="279">
        <v>0</v>
      </c>
      <c r="BJ9" s="280">
        <v>6</v>
      </c>
      <c r="BK9" s="280">
        <v>12</v>
      </c>
      <c r="BL9" s="280">
        <v>14</v>
      </c>
      <c r="BM9" s="280">
        <v>11</v>
      </c>
      <c r="BN9" s="280">
        <v>7</v>
      </c>
      <c r="BO9" s="281">
        <v>50</v>
      </c>
      <c r="BP9" s="282">
        <v>50</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0</v>
      </c>
      <c r="CH9" s="280">
        <v>1</v>
      </c>
      <c r="CI9" s="280">
        <v>1</v>
      </c>
      <c r="CJ9" s="280">
        <v>0</v>
      </c>
      <c r="CK9" s="277">
        <v>2</v>
      </c>
      <c r="CL9" s="282">
        <v>2</v>
      </c>
      <c r="CM9" s="276">
        <v>0</v>
      </c>
      <c r="CN9" s="280">
        <v>0</v>
      </c>
      <c r="CO9" s="277">
        <v>0</v>
      </c>
      <c r="CP9" s="279">
        <v>0</v>
      </c>
      <c r="CQ9" s="280">
        <v>1</v>
      </c>
      <c r="CR9" s="280">
        <v>2</v>
      </c>
      <c r="CS9" s="280">
        <v>1</v>
      </c>
      <c r="CT9" s="280">
        <v>2</v>
      </c>
      <c r="CU9" s="280">
        <v>1</v>
      </c>
      <c r="CV9" s="277">
        <v>7</v>
      </c>
      <c r="CW9" s="282">
        <v>7</v>
      </c>
    </row>
    <row r="10" spans="1:101" ht="21" customHeight="1" x14ac:dyDescent="0.2">
      <c r="B10" s="261" t="s">
        <v>7</v>
      </c>
      <c r="C10" s="276">
        <v>0</v>
      </c>
      <c r="D10" s="277">
        <v>0</v>
      </c>
      <c r="E10" s="278">
        <v>0</v>
      </c>
      <c r="F10" s="279">
        <v>0</v>
      </c>
      <c r="G10" s="280">
        <v>0</v>
      </c>
      <c r="H10" s="280">
        <v>0</v>
      </c>
      <c r="I10" s="280">
        <v>0</v>
      </c>
      <c r="J10" s="280">
        <v>1</v>
      </c>
      <c r="K10" s="280">
        <v>0</v>
      </c>
      <c r="L10" s="281">
        <v>1</v>
      </c>
      <c r="M10" s="282">
        <v>1</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94</v>
      </c>
      <c r="AD10" s="280">
        <v>51</v>
      </c>
      <c r="AE10" s="280">
        <v>24</v>
      </c>
      <c r="AF10" s="280">
        <v>4</v>
      </c>
      <c r="AG10" s="280">
        <v>1</v>
      </c>
      <c r="AH10" s="277">
        <v>174</v>
      </c>
      <c r="AI10" s="282">
        <v>174</v>
      </c>
      <c r="AJ10" s="276">
        <v>0</v>
      </c>
      <c r="AK10" s="280">
        <v>0</v>
      </c>
      <c r="AL10" s="277">
        <v>0</v>
      </c>
      <c r="AM10" s="279">
        <v>0</v>
      </c>
      <c r="AN10" s="280">
        <v>9</v>
      </c>
      <c r="AO10" s="280">
        <v>14</v>
      </c>
      <c r="AP10" s="280">
        <v>7</v>
      </c>
      <c r="AQ10" s="280">
        <v>4</v>
      </c>
      <c r="AR10" s="280">
        <v>2</v>
      </c>
      <c r="AS10" s="277">
        <v>36</v>
      </c>
      <c r="AT10" s="282">
        <v>36</v>
      </c>
      <c r="AU10" s="276">
        <v>1</v>
      </c>
      <c r="AV10" s="280">
        <v>0</v>
      </c>
      <c r="AW10" s="277">
        <v>1</v>
      </c>
      <c r="AX10" s="279">
        <v>0</v>
      </c>
      <c r="AY10" s="280">
        <v>4</v>
      </c>
      <c r="AZ10" s="280">
        <v>5</v>
      </c>
      <c r="BA10" s="280">
        <v>2</v>
      </c>
      <c r="BB10" s="280">
        <v>0</v>
      </c>
      <c r="BC10" s="280">
        <v>0</v>
      </c>
      <c r="BD10" s="277">
        <v>11</v>
      </c>
      <c r="BE10" s="282">
        <v>12</v>
      </c>
      <c r="BF10" s="276">
        <v>0</v>
      </c>
      <c r="BG10" s="280">
        <v>0</v>
      </c>
      <c r="BH10" s="277">
        <v>0</v>
      </c>
      <c r="BI10" s="279">
        <v>0</v>
      </c>
      <c r="BJ10" s="280">
        <v>6</v>
      </c>
      <c r="BK10" s="280">
        <v>3</v>
      </c>
      <c r="BL10" s="280">
        <v>14</v>
      </c>
      <c r="BM10" s="280">
        <v>5</v>
      </c>
      <c r="BN10" s="280">
        <v>5</v>
      </c>
      <c r="BO10" s="281">
        <v>33</v>
      </c>
      <c r="BP10" s="282">
        <v>33</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v>
      </c>
      <c r="CR10" s="280">
        <v>1</v>
      </c>
      <c r="CS10" s="280">
        <v>2</v>
      </c>
      <c r="CT10" s="280">
        <v>2</v>
      </c>
      <c r="CU10" s="280">
        <v>2</v>
      </c>
      <c r="CV10" s="277">
        <v>8</v>
      </c>
      <c r="CW10" s="282">
        <v>8</v>
      </c>
    </row>
    <row r="11" spans="1:101" ht="21" customHeight="1" x14ac:dyDescent="0.2">
      <c r="B11" s="261" t="s">
        <v>8</v>
      </c>
      <c r="C11" s="276">
        <v>0</v>
      </c>
      <c r="D11" s="277">
        <v>0</v>
      </c>
      <c r="E11" s="278">
        <v>0</v>
      </c>
      <c r="F11" s="279">
        <v>0</v>
      </c>
      <c r="G11" s="280">
        <v>0</v>
      </c>
      <c r="H11" s="280">
        <v>0</v>
      </c>
      <c r="I11" s="280">
        <v>0</v>
      </c>
      <c r="J11" s="280">
        <v>2</v>
      </c>
      <c r="K11" s="280">
        <v>0</v>
      </c>
      <c r="L11" s="281">
        <v>2</v>
      </c>
      <c r="M11" s="282">
        <v>2</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42</v>
      </c>
      <c r="AD11" s="280">
        <v>32</v>
      </c>
      <c r="AE11" s="280">
        <v>13</v>
      </c>
      <c r="AF11" s="280">
        <v>3</v>
      </c>
      <c r="AG11" s="280">
        <v>3</v>
      </c>
      <c r="AH11" s="277">
        <v>93</v>
      </c>
      <c r="AI11" s="282">
        <v>93</v>
      </c>
      <c r="AJ11" s="276">
        <v>0</v>
      </c>
      <c r="AK11" s="280">
        <v>0</v>
      </c>
      <c r="AL11" s="277">
        <v>0</v>
      </c>
      <c r="AM11" s="279">
        <v>0</v>
      </c>
      <c r="AN11" s="280">
        <v>1</v>
      </c>
      <c r="AO11" s="280">
        <v>0</v>
      </c>
      <c r="AP11" s="280">
        <v>0</v>
      </c>
      <c r="AQ11" s="280">
        <v>0</v>
      </c>
      <c r="AR11" s="280">
        <v>1</v>
      </c>
      <c r="AS11" s="277">
        <v>2</v>
      </c>
      <c r="AT11" s="282">
        <v>2</v>
      </c>
      <c r="AU11" s="276">
        <v>0</v>
      </c>
      <c r="AV11" s="280">
        <v>1</v>
      </c>
      <c r="AW11" s="277">
        <v>1</v>
      </c>
      <c r="AX11" s="279">
        <v>0</v>
      </c>
      <c r="AY11" s="280">
        <v>1</v>
      </c>
      <c r="AZ11" s="280">
        <v>2</v>
      </c>
      <c r="BA11" s="280">
        <v>3</v>
      </c>
      <c r="BB11" s="280">
        <v>1</v>
      </c>
      <c r="BC11" s="280">
        <v>1</v>
      </c>
      <c r="BD11" s="277">
        <v>8</v>
      </c>
      <c r="BE11" s="282">
        <v>9</v>
      </c>
      <c r="BF11" s="276">
        <v>0</v>
      </c>
      <c r="BG11" s="280">
        <v>0</v>
      </c>
      <c r="BH11" s="277">
        <v>0</v>
      </c>
      <c r="BI11" s="279">
        <v>0</v>
      </c>
      <c r="BJ11" s="280">
        <v>3</v>
      </c>
      <c r="BK11" s="280">
        <v>3</v>
      </c>
      <c r="BL11" s="280">
        <v>3</v>
      </c>
      <c r="BM11" s="280">
        <v>2</v>
      </c>
      <c r="BN11" s="280">
        <v>1</v>
      </c>
      <c r="BO11" s="281">
        <v>12</v>
      </c>
      <c r="BP11" s="282">
        <v>12</v>
      </c>
      <c r="BQ11" s="276">
        <v>0</v>
      </c>
      <c r="BR11" s="280">
        <v>0</v>
      </c>
      <c r="BS11" s="277">
        <v>0</v>
      </c>
      <c r="BT11" s="279">
        <v>0</v>
      </c>
      <c r="BU11" s="280">
        <v>0</v>
      </c>
      <c r="BV11" s="280">
        <v>0</v>
      </c>
      <c r="BW11" s="280">
        <v>1</v>
      </c>
      <c r="BX11" s="280">
        <v>0</v>
      </c>
      <c r="BY11" s="280">
        <v>1</v>
      </c>
      <c r="BZ11" s="277">
        <v>2</v>
      </c>
      <c r="CA11" s="282">
        <v>2</v>
      </c>
      <c r="CB11" s="276">
        <v>0</v>
      </c>
      <c r="CC11" s="280">
        <v>0</v>
      </c>
      <c r="CD11" s="277">
        <v>0</v>
      </c>
      <c r="CE11" s="279">
        <v>0</v>
      </c>
      <c r="CF11" s="280">
        <v>0</v>
      </c>
      <c r="CG11" s="280">
        <v>0</v>
      </c>
      <c r="CH11" s="280">
        <v>0</v>
      </c>
      <c r="CI11" s="280">
        <v>1</v>
      </c>
      <c r="CJ11" s="280">
        <v>0</v>
      </c>
      <c r="CK11" s="277">
        <v>1</v>
      </c>
      <c r="CL11" s="282">
        <v>1</v>
      </c>
      <c r="CM11" s="276">
        <v>0</v>
      </c>
      <c r="CN11" s="280">
        <v>0</v>
      </c>
      <c r="CO11" s="277">
        <v>0</v>
      </c>
      <c r="CP11" s="279">
        <v>0</v>
      </c>
      <c r="CQ11" s="280">
        <v>3</v>
      </c>
      <c r="CR11" s="280">
        <v>0</v>
      </c>
      <c r="CS11" s="280">
        <v>2</v>
      </c>
      <c r="CT11" s="280">
        <v>2</v>
      </c>
      <c r="CU11" s="280">
        <v>1</v>
      </c>
      <c r="CV11" s="277">
        <v>8</v>
      </c>
      <c r="CW11" s="282">
        <v>8</v>
      </c>
    </row>
    <row r="12" spans="1:101" ht="21" customHeight="1" x14ac:dyDescent="0.2">
      <c r="B12" s="261" t="s">
        <v>9</v>
      </c>
      <c r="C12" s="276">
        <v>0</v>
      </c>
      <c r="D12" s="277">
        <v>0</v>
      </c>
      <c r="E12" s="278">
        <v>0</v>
      </c>
      <c r="F12" s="279">
        <v>0</v>
      </c>
      <c r="G12" s="280">
        <v>0</v>
      </c>
      <c r="H12" s="280">
        <v>0</v>
      </c>
      <c r="I12" s="280">
        <v>0</v>
      </c>
      <c r="J12" s="280">
        <v>0</v>
      </c>
      <c r="K12" s="280">
        <v>0</v>
      </c>
      <c r="L12" s="281">
        <v>0</v>
      </c>
      <c r="M12" s="282">
        <v>0</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53</v>
      </c>
      <c r="AD12" s="280">
        <v>25</v>
      </c>
      <c r="AE12" s="280">
        <v>14</v>
      </c>
      <c r="AF12" s="280">
        <v>8</v>
      </c>
      <c r="AG12" s="280">
        <v>2</v>
      </c>
      <c r="AH12" s="277">
        <v>102</v>
      </c>
      <c r="AI12" s="282">
        <v>102</v>
      </c>
      <c r="AJ12" s="276">
        <v>0</v>
      </c>
      <c r="AK12" s="280">
        <v>0</v>
      </c>
      <c r="AL12" s="277">
        <v>0</v>
      </c>
      <c r="AM12" s="279">
        <v>0</v>
      </c>
      <c r="AN12" s="280">
        <v>0</v>
      </c>
      <c r="AO12" s="280">
        <v>0</v>
      </c>
      <c r="AP12" s="280">
        <v>1</v>
      </c>
      <c r="AQ12" s="280">
        <v>0</v>
      </c>
      <c r="AR12" s="280">
        <v>0</v>
      </c>
      <c r="AS12" s="277">
        <v>1</v>
      </c>
      <c r="AT12" s="282">
        <v>1</v>
      </c>
      <c r="AU12" s="276">
        <v>3</v>
      </c>
      <c r="AV12" s="280">
        <v>0</v>
      </c>
      <c r="AW12" s="277">
        <v>3</v>
      </c>
      <c r="AX12" s="279">
        <v>0</v>
      </c>
      <c r="AY12" s="280">
        <v>2</v>
      </c>
      <c r="AZ12" s="280">
        <v>3</v>
      </c>
      <c r="BA12" s="280">
        <v>1</v>
      </c>
      <c r="BB12" s="280">
        <v>0</v>
      </c>
      <c r="BC12" s="280">
        <v>0</v>
      </c>
      <c r="BD12" s="277">
        <v>6</v>
      </c>
      <c r="BE12" s="282">
        <v>9</v>
      </c>
      <c r="BF12" s="276">
        <v>0</v>
      </c>
      <c r="BG12" s="280">
        <v>0</v>
      </c>
      <c r="BH12" s="277">
        <v>0</v>
      </c>
      <c r="BI12" s="279">
        <v>0</v>
      </c>
      <c r="BJ12" s="280">
        <v>2</v>
      </c>
      <c r="BK12" s="280">
        <v>3</v>
      </c>
      <c r="BL12" s="280">
        <v>5</v>
      </c>
      <c r="BM12" s="280">
        <v>3</v>
      </c>
      <c r="BN12" s="280">
        <v>5</v>
      </c>
      <c r="BO12" s="281">
        <v>18</v>
      </c>
      <c r="BP12" s="282">
        <v>18</v>
      </c>
      <c r="BQ12" s="276">
        <v>0</v>
      </c>
      <c r="BR12" s="280">
        <v>0</v>
      </c>
      <c r="BS12" s="277">
        <v>0</v>
      </c>
      <c r="BT12" s="279">
        <v>0</v>
      </c>
      <c r="BU12" s="280">
        <v>2</v>
      </c>
      <c r="BV12" s="280">
        <v>0</v>
      </c>
      <c r="BW12" s="280">
        <v>0</v>
      </c>
      <c r="BX12" s="280">
        <v>0</v>
      </c>
      <c r="BY12" s="280">
        <v>0</v>
      </c>
      <c r="BZ12" s="277">
        <v>2</v>
      </c>
      <c r="CA12" s="282">
        <v>2</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2</v>
      </c>
      <c r="CT12" s="280">
        <v>2</v>
      </c>
      <c r="CU12" s="280">
        <v>0</v>
      </c>
      <c r="CV12" s="277">
        <v>5</v>
      </c>
      <c r="CW12" s="282">
        <v>5</v>
      </c>
    </row>
    <row r="13" spans="1:101" ht="21" customHeight="1" x14ac:dyDescent="0.2">
      <c r="B13" s="261" t="s">
        <v>10</v>
      </c>
      <c r="C13" s="276">
        <v>0</v>
      </c>
      <c r="D13" s="277">
        <v>0</v>
      </c>
      <c r="E13" s="278">
        <v>0</v>
      </c>
      <c r="F13" s="279">
        <v>0</v>
      </c>
      <c r="G13" s="280">
        <v>2</v>
      </c>
      <c r="H13" s="280">
        <v>3</v>
      </c>
      <c r="I13" s="280">
        <v>2</v>
      </c>
      <c r="J13" s="280">
        <v>0</v>
      </c>
      <c r="K13" s="280">
        <v>1</v>
      </c>
      <c r="L13" s="281">
        <v>8</v>
      </c>
      <c r="M13" s="282">
        <v>8</v>
      </c>
      <c r="N13" s="276">
        <v>0</v>
      </c>
      <c r="O13" s="280">
        <v>0</v>
      </c>
      <c r="P13" s="277">
        <v>0</v>
      </c>
      <c r="Q13" s="279">
        <v>0</v>
      </c>
      <c r="R13" s="280">
        <v>1</v>
      </c>
      <c r="S13" s="280">
        <v>1</v>
      </c>
      <c r="T13" s="280">
        <v>2</v>
      </c>
      <c r="U13" s="280">
        <v>0</v>
      </c>
      <c r="V13" s="280">
        <v>0</v>
      </c>
      <c r="W13" s="277">
        <v>4</v>
      </c>
      <c r="X13" s="282">
        <v>4</v>
      </c>
      <c r="Y13" s="276">
        <v>0</v>
      </c>
      <c r="Z13" s="280">
        <v>0</v>
      </c>
      <c r="AA13" s="277">
        <v>0</v>
      </c>
      <c r="AB13" s="279">
        <v>0</v>
      </c>
      <c r="AC13" s="280">
        <v>43</v>
      </c>
      <c r="AD13" s="280">
        <v>27</v>
      </c>
      <c r="AE13" s="280">
        <v>5</v>
      </c>
      <c r="AF13" s="280">
        <v>5</v>
      </c>
      <c r="AG13" s="280">
        <v>0</v>
      </c>
      <c r="AH13" s="277">
        <v>80</v>
      </c>
      <c r="AI13" s="282">
        <v>80</v>
      </c>
      <c r="AJ13" s="276">
        <v>0</v>
      </c>
      <c r="AK13" s="280">
        <v>0</v>
      </c>
      <c r="AL13" s="277">
        <v>0</v>
      </c>
      <c r="AM13" s="279">
        <v>0</v>
      </c>
      <c r="AN13" s="280">
        <v>4</v>
      </c>
      <c r="AO13" s="280">
        <v>0</v>
      </c>
      <c r="AP13" s="280">
        <v>3</v>
      </c>
      <c r="AQ13" s="280">
        <v>2</v>
      </c>
      <c r="AR13" s="280">
        <v>2</v>
      </c>
      <c r="AS13" s="277">
        <v>11</v>
      </c>
      <c r="AT13" s="282">
        <v>11</v>
      </c>
      <c r="AU13" s="276">
        <v>0</v>
      </c>
      <c r="AV13" s="280">
        <v>0</v>
      </c>
      <c r="AW13" s="277">
        <v>0</v>
      </c>
      <c r="AX13" s="279">
        <v>0</v>
      </c>
      <c r="AY13" s="280">
        <v>2</v>
      </c>
      <c r="AZ13" s="280">
        <v>4</v>
      </c>
      <c r="BA13" s="280">
        <v>3</v>
      </c>
      <c r="BB13" s="280">
        <v>5</v>
      </c>
      <c r="BC13" s="280">
        <v>1</v>
      </c>
      <c r="BD13" s="277">
        <v>15</v>
      </c>
      <c r="BE13" s="282">
        <v>15</v>
      </c>
      <c r="BF13" s="276">
        <v>0</v>
      </c>
      <c r="BG13" s="280">
        <v>0</v>
      </c>
      <c r="BH13" s="277">
        <v>0</v>
      </c>
      <c r="BI13" s="279">
        <v>0</v>
      </c>
      <c r="BJ13" s="280">
        <v>5</v>
      </c>
      <c r="BK13" s="280">
        <v>9</v>
      </c>
      <c r="BL13" s="280">
        <v>7</v>
      </c>
      <c r="BM13" s="280">
        <v>5</v>
      </c>
      <c r="BN13" s="280">
        <v>4</v>
      </c>
      <c r="BO13" s="281">
        <v>30</v>
      </c>
      <c r="BP13" s="282">
        <v>30</v>
      </c>
      <c r="BQ13" s="276">
        <v>0</v>
      </c>
      <c r="BR13" s="280">
        <v>0</v>
      </c>
      <c r="BS13" s="277">
        <v>0</v>
      </c>
      <c r="BT13" s="279">
        <v>0</v>
      </c>
      <c r="BU13" s="280">
        <v>2</v>
      </c>
      <c r="BV13" s="280">
        <v>3</v>
      </c>
      <c r="BW13" s="280">
        <v>5</v>
      </c>
      <c r="BX13" s="280">
        <v>0</v>
      </c>
      <c r="BY13" s="280">
        <v>3</v>
      </c>
      <c r="BZ13" s="277">
        <v>13</v>
      </c>
      <c r="CA13" s="282">
        <v>13</v>
      </c>
      <c r="CB13" s="276">
        <v>0</v>
      </c>
      <c r="CC13" s="280">
        <v>0</v>
      </c>
      <c r="CD13" s="277">
        <v>0</v>
      </c>
      <c r="CE13" s="279">
        <v>0</v>
      </c>
      <c r="CF13" s="280">
        <v>0</v>
      </c>
      <c r="CG13" s="280">
        <v>1</v>
      </c>
      <c r="CH13" s="280">
        <v>1</v>
      </c>
      <c r="CI13" s="280">
        <v>3</v>
      </c>
      <c r="CJ13" s="280">
        <v>4</v>
      </c>
      <c r="CK13" s="277">
        <v>9</v>
      </c>
      <c r="CL13" s="282">
        <v>9</v>
      </c>
      <c r="CM13" s="276">
        <v>0</v>
      </c>
      <c r="CN13" s="280">
        <v>0</v>
      </c>
      <c r="CO13" s="277">
        <v>0</v>
      </c>
      <c r="CP13" s="279">
        <v>0</v>
      </c>
      <c r="CQ13" s="280">
        <v>2</v>
      </c>
      <c r="CR13" s="280">
        <v>2</v>
      </c>
      <c r="CS13" s="280">
        <v>4</v>
      </c>
      <c r="CT13" s="280">
        <v>3</v>
      </c>
      <c r="CU13" s="280">
        <v>2</v>
      </c>
      <c r="CV13" s="277">
        <v>13</v>
      </c>
      <c r="CW13" s="282">
        <v>13</v>
      </c>
    </row>
    <row r="14" spans="1:101" ht="21" customHeight="1" x14ac:dyDescent="0.2">
      <c r="B14" s="261" t="s">
        <v>11</v>
      </c>
      <c r="C14" s="276">
        <v>0</v>
      </c>
      <c r="D14" s="277">
        <v>0</v>
      </c>
      <c r="E14" s="278">
        <v>0</v>
      </c>
      <c r="F14" s="279">
        <v>0</v>
      </c>
      <c r="G14" s="280">
        <v>1</v>
      </c>
      <c r="H14" s="280">
        <v>1</v>
      </c>
      <c r="I14" s="280">
        <v>2</v>
      </c>
      <c r="J14" s="280">
        <v>0</v>
      </c>
      <c r="K14" s="280">
        <v>0</v>
      </c>
      <c r="L14" s="281">
        <v>4</v>
      </c>
      <c r="M14" s="282">
        <v>4</v>
      </c>
      <c r="N14" s="276">
        <v>0</v>
      </c>
      <c r="O14" s="280">
        <v>0</v>
      </c>
      <c r="P14" s="277">
        <v>0</v>
      </c>
      <c r="Q14" s="279">
        <v>0</v>
      </c>
      <c r="R14" s="280">
        <v>0</v>
      </c>
      <c r="S14" s="280">
        <v>0</v>
      </c>
      <c r="T14" s="280">
        <v>0</v>
      </c>
      <c r="U14" s="280">
        <v>1</v>
      </c>
      <c r="V14" s="280">
        <v>0</v>
      </c>
      <c r="W14" s="277">
        <v>1</v>
      </c>
      <c r="X14" s="282">
        <v>1</v>
      </c>
      <c r="Y14" s="276">
        <v>0</v>
      </c>
      <c r="Z14" s="280">
        <v>0</v>
      </c>
      <c r="AA14" s="277">
        <v>0</v>
      </c>
      <c r="AB14" s="279">
        <v>0</v>
      </c>
      <c r="AC14" s="280">
        <v>19</v>
      </c>
      <c r="AD14" s="280">
        <v>6</v>
      </c>
      <c r="AE14" s="280">
        <v>5</v>
      </c>
      <c r="AF14" s="280">
        <v>1</v>
      </c>
      <c r="AG14" s="280">
        <v>3</v>
      </c>
      <c r="AH14" s="277">
        <v>34</v>
      </c>
      <c r="AI14" s="282">
        <v>34</v>
      </c>
      <c r="AJ14" s="276">
        <v>0</v>
      </c>
      <c r="AK14" s="280">
        <v>0</v>
      </c>
      <c r="AL14" s="277">
        <v>0</v>
      </c>
      <c r="AM14" s="279">
        <v>0</v>
      </c>
      <c r="AN14" s="280">
        <v>0</v>
      </c>
      <c r="AO14" s="280">
        <v>3</v>
      </c>
      <c r="AP14" s="280">
        <v>2</v>
      </c>
      <c r="AQ14" s="280">
        <v>0</v>
      </c>
      <c r="AR14" s="280">
        <v>0</v>
      </c>
      <c r="AS14" s="277">
        <v>5</v>
      </c>
      <c r="AT14" s="282">
        <v>5</v>
      </c>
      <c r="AU14" s="276">
        <v>0</v>
      </c>
      <c r="AV14" s="280">
        <v>0</v>
      </c>
      <c r="AW14" s="277">
        <v>0</v>
      </c>
      <c r="AX14" s="279">
        <v>0</v>
      </c>
      <c r="AY14" s="280">
        <v>1</v>
      </c>
      <c r="AZ14" s="280">
        <v>3</v>
      </c>
      <c r="BA14" s="280">
        <v>2</v>
      </c>
      <c r="BB14" s="280">
        <v>1</v>
      </c>
      <c r="BC14" s="280">
        <v>0</v>
      </c>
      <c r="BD14" s="277">
        <v>7</v>
      </c>
      <c r="BE14" s="282">
        <v>7</v>
      </c>
      <c r="BF14" s="276">
        <v>0</v>
      </c>
      <c r="BG14" s="280">
        <v>0</v>
      </c>
      <c r="BH14" s="277">
        <v>0</v>
      </c>
      <c r="BI14" s="279">
        <v>0</v>
      </c>
      <c r="BJ14" s="280">
        <v>0</v>
      </c>
      <c r="BK14" s="280">
        <v>2</v>
      </c>
      <c r="BL14" s="280">
        <v>3</v>
      </c>
      <c r="BM14" s="280">
        <v>3</v>
      </c>
      <c r="BN14" s="280">
        <v>1</v>
      </c>
      <c r="BO14" s="281">
        <v>9</v>
      </c>
      <c r="BP14" s="282">
        <v>9</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1</v>
      </c>
      <c r="CR14" s="280">
        <v>1</v>
      </c>
      <c r="CS14" s="280">
        <v>0</v>
      </c>
      <c r="CT14" s="280">
        <v>1</v>
      </c>
      <c r="CU14" s="280">
        <v>0</v>
      </c>
      <c r="CV14" s="277">
        <v>3</v>
      </c>
      <c r="CW14" s="282">
        <v>3</v>
      </c>
    </row>
    <row r="15" spans="1:101" ht="21" customHeight="1" x14ac:dyDescent="0.2">
      <c r="B15" s="261" t="s">
        <v>12</v>
      </c>
      <c r="C15" s="276">
        <v>0</v>
      </c>
      <c r="D15" s="277">
        <v>0</v>
      </c>
      <c r="E15" s="278">
        <v>0</v>
      </c>
      <c r="F15" s="279">
        <v>0</v>
      </c>
      <c r="G15" s="280">
        <v>1</v>
      </c>
      <c r="H15" s="280">
        <v>1</v>
      </c>
      <c r="I15" s="280">
        <v>0</v>
      </c>
      <c r="J15" s="280">
        <v>1</v>
      </c>
      <c r="K15" s="280">
        <v>0</v>
      </c>
      <c r="L15" s="281">
        <v>3</v>
      </c>
      <c r="M15" s="282">
        <v>3</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29</v>
      </c>
      <c r="AD15" s="280">
        <v>21</v>
      </c>
      <c r="AE15" s="280">
        <v>14</v>
      </c>
      <c r="AF15" s="280">
        <v>6</v>
      </c>
      <c r="AG15" s="280">
        <v>2</v>
      </c>
      <c r="AH15" s="277">
        <v>72</v>
      </c>
      <c r="AI15" s="282">
        <v>72</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2</v>
      </c>
      <c r="AZ15" s="280">
        <v>0</v>
      </c>
      <c r="BA15" s="280">
        <v>6</v>
      </c>
      <c r="BB15" s="280">
        <v>4</v>
      </c>
      <c r="BC15" s="280">
        <v>1</v>
      </c>
      <c r="BD15" s="277">
        <v>13</v>
      </c>
      <c r="BE15" s="282">
        <v>13</v>
      </c>
      <c r="BF15" s="276">
        <v>0</v>
      </c>
      <c r="BG15" s="280">
        <v>0</v>
      </c>
      <c r="BH15" s="277">
        <v>0</v>
      </c>
      <c r="BI15" s="279">
        <v>0</v>
      </c>
      <c r="BJ15" s="280">
        <v>4</v>
      </c>
      <c r="BK15" s="280">
        <v>2</v>
      </c>
      <c r="BL15" s="280">
        <v>3</v>
      </c>
      <c r="BM15" s="280">
        <v>3</v>
      </c>
      <c r="BN15" s="280">
        <v>2</v>
      </c>
      <c r="BO15" s="281">
        <v>14</v>
      </c>
      <c r="BP15" s="282">
        <v>14</v>
      </c>
      <c r="BQ15" s="276">
        <v>0</v>
      </c>
      <c r="BR15" s="280">
        <v>0</v>
      </c>
      <c r="BS15" s="277">
        <v>0</v>
      </c>
      <c r="BT15" s="279">
        <v>0</v>
      </c>
      <c r="BU15" s="280">
        <v>0</v>
      </c>
      <c r="BV15" s="280">
        <v>5</v>
      </c>
      <c r="BW15" s="280">
        <v>0</v>
      </c>
      <c r="BX15" s="280">
        <v>2</v>
      </c>
      <c r="BY15" s="280">
        <v>0</v>
      </c>
      <c r="BZ15" s="277">
        <v>7</v>
      </c>
      <c r="CA15" s="282">
        <v>7</v>
      </c>
      <c r="CB15" s="276">
        <v>0</v>
      </c>
      <c r="CC15" s="280">
        <v>0</v>
      </c>
      <c r="CD15" s="277">
        <v>0</v>
      </c>
      <c r="CE15" s="279">
        <v>0</v>
      </c>
      <c r="CF15" s="280">
        <v>0</v>
      </c>
      <c r="CG15" s="280">
        <v>0</v>
      </c>
      <c r="CH15" s="280">
        <v>0</v>
      </c>
      <c r="CI15" s="280">
        <v>0</v>
      </c>
      <c r="CJ15" s="280">
        <v>1</v>
      </c>
      <c r="CK15" s="277">
        <v>1</v>
      </c>
      <c r="CL15" s="282">
        <v>1</v>
      </c>
      <c r="CM15" s="276">
        <v>0</v>
      </c>
      <c r="CN15" s="280">
        <v>0</v>
      </c>
      <c r="CO15" s="277">
        <v>0</v>
      </c>
      <c r="CP15" s="279">
        <v>0</v>
      </c>
      <c r="CQ15" s="280">
        <v>0</v>
      </c>
      <c r="CR15" s="280">
        <v>2</v>
      </c>
      <c r="CS15" s="280">
        <v>1</v>
      </c>
      <c r="CT15" s="280">
        <v>1</v>
      </c>
      <c r="CU15" s="280">
        <v>0</v>
      </c>
      <c r="CV15" s="277">
        <v>4</v>
      </c>
      <c r="CW15" s="282">
        <v>4</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2</v>
      </c>
      <c r="AD16" s="280">
        <v>13</v>
      </c>
      <c r="AE16" s="280">
        <v>8</v>
      </c>
      <c r="AF16" s="280">
        <v>0</v>
      </c>
      <c r="AG16" s="280">
        <v>2</v>
      </c>
      <c r="AH16" s="277">
        <v>35</v>
      </c>
      <c r="AI16" s="282">
        <v>35</v>
      </c>
      <c r="AJ16" s="276">
        <v>0</v>
      </c>
      <c r="AK16" s="280">
        <v>0</v>
      </c>
      <c r="AL16" s="277">
        <v>0</v>
      </c>
      <c r="AM16" s="279">
        <v>0</v>
      </c>
      <c r="AN16" s="280">
        <v>0</v>
      </c>
      <c r="AO16" s="280">
        <v>3</v>
      </c>
      <c r="AP16" s="280">
        <v>1</v>
      </c>
      <c r="AQ16" s="280">
        <v>1</v>
      </c>
      <c r="AR16" s="280">
        <v>1</v>
      </c>
      <c r="AS16" s="277">
        <v>6</v>
      </c>
      <c r="AT16" s="282">
        <v>6</v>
      </c>
      <c r="AU16" s="276">
        <v>0</v>
      </c>
      <c r="AV16" s="280">
        <v>0</v>
      </c>
      <c r="AW16" s="277">
        <v>0</v>
      </c>
      <c r="AX16" s="279">
        <v>0</v>
      </c>
      <c r="AY16" s="280">
        <v>1</v>
      </c>
      <c r="AZ16" s="280">
        <v>2</v>
      </c>
      <c r="BA16" s="280">
        <v>0</v>
      </c>
      <c r="BB16" s="280">
        <v>0</v>
      </c>
      <c r="BC16" s="280">
        <v>0</v>
      </c>
      <c r="BD16" s="277">
        <v>3</v>
      </c>
      <c r="BE16" s="282">
        <v>3</v>
      </c>
      <c r="BF16" s="276">
        <v>0</v>
      </c>
      <c r="BG16" s="280">
        <v>0</v>
      </c>
      <c r="BH16" s="277">
        <v>0</v>
      </c>
      <c r="BI16" s="279">
        <v>0</v>
      </c>
      <c r="BJ16" s="280">
        <v>0</v>
      </c>
      <c r="BK16" s="280">
        <v>2</v>
      </c>
      <c r="BL16" s="280">
        <v>0</v>
      </c>
      <c r="BM16" s="280">
        <v>1</v>
      </c>
      <c r="BN16" s="280">
        <v>0</v>
      </c>
      <c r="BO16" s="281">
        <v>3</v>
      </c>
      <c r="BP16" s="282">
        <v>3</v>
      </c>
      <c r="BQ16" s="276">
        <v>0</v>
      </c>
      <c r="BR16" s="280">
        <v>0</v>
      </c>
      <c r="BS16" s="277">
        <v>0</v>
      </c>
      <c r="BT16" s="279">
        <v>0</v>
      </c>
      <c r="BU16" s="280">
        <v>0</v>
      </c>
      <c r="BV16" s="280">
        <v>0</v>
      </c>
      <c r="BW16" s="280">
        <v>0</v>
      </c>
      <c r="BX16" s="280">
        <v>2</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1</v>
      </c>
      <c r="H17" s="280">
        <v>0</v>
      </c>
      <c r="I17" s="280">
        <v>0</v>
      </c>
      <c r="J17" s="280">
        <v>0</v>
      </c>
      <c r="K17" s="280">
        <v>0</v>
      </c>
      <c r="L17" s="281">
        <v>1</v>
      </c>
      <c r="M17" s="282">
        <v>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7</v>
      </c>
      <c r="AD17" s="280">
        <v>10</v>
      </c>
      <c r="AE17" s="280">
        <v>1</v>
      </c>
      <c r="AF17" s="280">
        <v>2</v>
      </c>
      <c r="AG17" s="280">
        <v>0</v>
      </c>
      <c r="AH17" s="277">
        <v>20</v>
      </c>
      <c r="AI17" s="282">
        <v>20</v>
      </c>
      <c r="AJ17" s="276">
        <v>0</v>
      </c>
      <c r="AK17" s="280">
        <v>0</v>
      </c>
      <c r="AL17" s="277">
        <v>0</v>
      </c>
      <c r="AM17" s="279">
        <v>0</v>
      </c>
      <c r="AN17" s="280">
        <v>0</v>
      </c>
      <c r="AO17" s="280">
        <v>0</v>
      </c>
      <c r="AP17" s="280">
        <v>0</v>
      </c>
      <c r="AQ17" s="280">
        <v>1</v>
      </c>
      <c r="AR17" s="280">
        <v>0</v>
      </c>
      <c r="AS17" s="277">
        <v>1</v>
      </c>
      <c r="AT17" s="282">
        <v>1</v>
      </c>
      <c r="AU17" s="276">
        <v>0</v>
      </c>
      <c r="AV17" s="280">
        <v>0</v>
      </c>
      <c r="AW17" s="277">
        <v>0</v>
      </c>
      <c r="AX17" s="279">
        <v>0</v>
      </c>
      <c r="AY17" s="280">
        <v>0</v>
      </c>
      <c r="AZ17" s="280">
        <v>1</v>
      </c>
      <c r="BA17" s="280">
        <v>1</v>
      </c>
      <c r="BB17" s="280">
        <v>1</v>
      </c>
      <c r="BC17" s="280">
        <v>1</v>
      </c>
      <c r="BD17" s="277">
        <v>4</v>
      </c>
      <c r="BE17" s="282">
        <v>4</v>
      </c>
      <c r="BF17" s="276">
        <v>0</v>
      </c>
      <c r="BG17" s="280">
        <v>0</v>
      </c>
      <c r="BH17" s="277">
        <v>0</v>
      </c>
      <c r="BI17" s="279">
        <v>0</v>
      </c>
      <c r="BJ17" s="280">
        <v>3</v>
      </c>
      <c r="BK17" s="280">
        <v>1</v>
      </c>
      <c r="BL17" s="280">
        <v>0</v>
      </c>
      <c r="BM17" s="280">
        <v>0</v>
      </c>
      <c r="BN17" s="280">
        <v>0</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1</v>
      </c>
      <c r="CJ17" s="280">
        <v>0</v>
      </c>
      <c r="CK17" s="277">
        <v>1</v>
      </c>
      <c r="CL17" s="282">
        <v>1</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2</v>
      </c>
      <c r="H18" s="280">
        <v>0</v>
      </c>
      <c r="I18" s="280">
        <v>2</v>
      </c>
      <c r="J18" s="280">
        <v>0</v>
      </c>
      <c r="K18" s="280">
        <v>0</v>
      </c>
      <c r="L18" s="281">
        <v>4</v>
      </c>
      <c r="M18" s="282">
        <v>4</v>
      </c>
      <c r="N18" s="276">
        <v>0</v>
      </c>
      <c r="O18" s="280">
        <v>0</v>
      </c>
      <c r="P18" s="277">
        <v>0</v>
      </c>
      <c r="Q18" s="279">
        <v>0</v>
      </c>
      <c r="R18" s="280">
        <v>0</v>
      </c>
      <c r="S18" s="280">
        <v>0</v>
      </c>
      <c r="T18" s="280">
        <v>1</v>
      </c>
      <c r="U18" s="280">
        <v>0</v>
      </c>
      <c r="V18" s="280">
        <v>0</v>
      </c>
      <c r="W18" s="277">
        <v>1</v>
      </c>
      <c r="X18" s="282">
        <v>1</v>
      </c>
      <c r="Y18" s="276">
        <v>0</v>
      </c>
      <c r="Z18" s="280">
        <v>0</v>
      </c>
      <c r="AA18" s="277">
        <v>0</v>
      </c>
      <c r="AB18" s="279">
        <v>0</v>
      </c>
      <c r="AC18" s="280">
        <v>12</v>
      </c>
      <c r="AD18" s="280">
        <v>9</v>
      </c>
      <c r="AE18" s="280">
        <v>4</v>
      </c>
      <c r="AF18" s="280">
        <v>1</v>
      </c>
      <c r="AG18" s="280">
        <v>0</v>
      </c>
      <c r="AH18" s="277">
        <v>26</v>
      </c>
      <c r="AI18" s="282">
        <v>26</v>
      </c>
      <c r="AJ18" s="276">
        <v>0</v>
      </c>
      <c r="AK18" s="280">
        <v>0</v>
      </c>
      <c r="AL18" s="277">
        <v>0</v>
      </c>
      <c r="AM18" s="279">
        <v>0</v>
      </c>
      <c r="AN18" s="280">
        <v>0</v>
      </c>
      <c r="AO18" s="280">
        <v>0</v>
      </c>
      <c r="AP18" s="280">
        <v>1</v>
      </c>
      <c r="AQ18" s="280">
        <v>0</v>
      </c>
      <c r="AR18" s="280">
        <v>0</v>
      </c>
      <c r="AS18" s="277">
        <v>1</v>
      </c>
      <c r="AT18" s="282">
        <v>1</v>
      </c>
      <c r="AU18" s="276">
        <v>0</v>
      </c>
      <c r="AV18" s="280">
        <v>0</v>
      </c>
      <c r="AW18" s="277">
        <v>0</v>
      </c>
      <c r="AX18" s="279">
        <v>0</v>
      </c>
      <c r="AY18" s="280">
        <v>0</v>
      </c>
      <c r="AZ18" s="280">
        <v>2</v>
      </c>
      <c r="BA18" s="280">
        <v>1</v>
      </c>
      <c r="BB18" s="280">
        <v>0</v>
      </c>
      <c r="BC18" s="280">
        <v>0</v>
      </c>
      <c r="BD18" s="277">
        <v>3</v>
      </c>
      <c r="BE18" s="282">
        <v>3</v>
      </c>
      <c r="BF18" s="276">
        <v>0</v>
      </c>
      <c r="BG18" s="280">
        <v>0</v>
      </c>
      <c r="BH18" s="277">
        <v>0</v>
      </c>
      <c r="BI18" s="279">
        <v>0</v>
      </c>
      <c r="BJ18" s="280">
        <v>1</v>
      </c>
      <c r="BK18" s="280">
        <v>2</v>
      </c>
      <c r="BL18" s="280">
        <v>5</v>
      </c>
      <c r="BM18" s="280">
        <v>1</v>
      </c>
      <c r="BN18" s="280">
        <v>2</v>
      </c>
      <c r="BO18" s="281">
        <v>11</v>
      </c>
      <c r="BP18" s="282">
        <v>11</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1</v>
      </c>
      <c r="CS18" s="280">
        <v>1</v>
      </c>
      <c r="CT18" s="280">
        <v>0</v>
      </c>
      <c r="CU18" s="280">
        <v>0</v>
      </c>
      <c r="CV18" s="277">
        <v>2</v>
      </c>
      <c r="CW18" s="282">
        <v>2</v>
      </c>
    </row>
    <row r="19" spans="2:101" ht="21" customHeight="1" x14ac:dyDescent="0.2">
      <c r="B19" s="261" t="s">
        <v>17</v>
      </c>
      <c r="C19" s="276">
        <v>0</v>
      </c>
      <c r="D19" s="277">
        <v>0</v>
      </c>
      <c r="E19" s="278">
        <v>0</v>
      </c>
      <c r="F19" s="279">
        <v>0</v>
      </c>
      <c r="G19" s="280">
        <v>0</v>
      </c>
      <c r="H19" s="280">
        <v>0</v>
      </c>
      <c r="I19" s="280">
        <v>0</v>
      </c>
      <c r="J19" s="280">
        <v>0</v>
      </c>
      <c r="K19" s="280">
        <v>0</v>
      </c>
      <c r="L19" s="281">
        <v>0</v>
      </c>
      <c r="M19" s="282">
        <v>0</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7</v>
      </c>
      <c r="AD19" s="280">
        <v>15</v>
      </c>
      <c r="AE19" s="280">
        <v>7</v>
      </c>
      <c r="AF19" s="280">
        <v>2</v>
      </c>
      <c r="AG19" s="280">
        <v>3</v>
      </c>
      <c r="AH19" s="277">
        <v>44</v>
      </c>
      <c r="AI19" s="282">
        <v>44</v>
      </c>
      <c r="AJ19" s="276">
        <v>0</v>
      </c>
      <c r="AK19" s="280">
        <v>0</v>
      </c>
      <c r="AL19" s="277">
        <v>0</v>
      </c>
      <c r="AM19" s="279">
        <v>0</v>
      </c>
      <c r="AN19" s="280">
        <v>2</v>
      </c>
      <c r="AO19" s="280">
        <v>1</v>
      </c>
      <c r="AP19" s="280">
        <v>1</v>
      </c>
      <c r="AQ19" s="280">
        <v>0</v>
      </c>
      <c r="AR19" s="280">
        <v>0</v>
      </c>
      <c r="AS19" s="277">
        <v>4</v>
      </c>
      <c r="AT19" s="282">
        <v>4</v>
      </c>
      <c r="AU19" s="276">
        <v>0</v>
      </c>
      <c r="AV19" s="280">
        <v>0</v>
      </c>
      <c r="AW19" s="277">
        <v>0</v>
      </c>
      <c r="AX19" s="279">
        <v>0</v>
      </c>
      <c r="AY19" s="280">
        <v>2</v>
      </c>
      <c r="AZ19" s="280">
        <v>3</v>
      </c>
      <c r="BA19" s="280">
        <v>3</v>
      </c>
      <c r="BB19" s="280">
        <v>2</v>
      </c>
      <c r="BC19" s="280">
        <v>0</v>
      </c>
      <c r="BD19" s="277">
        <v>10</v>
      </c>
      <c r="BE19" s="282">
        <v>10</v>
      </c>
      <c r="BF19" s="276">
        <v>0</v>
      </c>
      <c r="BG19" s="280">
        <v>0</v>
      </c>
      <c r="BH19" s="277">
        <v>0</v>
      </c>
      <c r="BI19" s="279">
        <v>0</v>
      </c>
      <c r="BJ19" s="280">
        <v>0</v>
      </c>
      <c r="BK19" s="280">
        <v>6</v>
      </c>
      <c r="BL19" s="280">
        <v>4</v>
      </c>
      <c r="BM19" s="280">
        <v>1</v>
      </c>
      <c r="BN19" s="280">
        <v>0</v>
      </c>
      <c r="BO19" s="281">
        <v>11</v>
      </c>
      <c r="BP19" s="282">
        <v>11</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2</v>
      </c>
      <c r="CI19" s="280">
        <v>1</v>
      </c>
      <c r="CJ19" s="280">
        <v>0</v>
      </c>
      <c r="CK19" s="277">
        <v>3</v>
      </c>
      <c r="CL19" s="282">
        <v>3</v>
      </c>
      <c r="CM19" s="276">
        <v>0</v>
      </c>
      <c r="CN19" s="280">
        <v>0</v>
      </c>
      <c r="CO19" s="277">
        <v>0</v>
      </c>
      <c r="CP19" s="279">
        <v>0</v>
      </c>
      <c r="CQ19" s="280">
        <v>0</v>
      </c>
      <c r="CR19" s="280">
        <v>1</v>
      </c>
      <c r="CS19" s="280">
        <v>1</v>
      </c>
      <c r="CT19" s="280">
        <v>0</v>
      </c>
      <c r="CU19" s="280">
        <v>1</v>
      </c>
      <c r="CV19" s="277">
        <v>3</v>
      </c>
      <c r="CW19" s="282">
        <v>3</v>
      </c>
    </row>
    <row r="20" spans="2:101" ht="21" customHeight="1" x14ac:dyDescent="0.2">
      <c r="B20" s="261" t="s">
        <v>18</v>
      </c>
      <c r="C20" s="276">
        <v>0</v>
      </c>
      <c r="D20" s="277">
        <v>0</v>
      </c>
      <c r="E20" s="278">
        <v>0</v>
      </c>
      <c r="F20" s="279">
        <v>0</v>
      </c>
      <c r="G20" s="280">
        <v>0</v>
      </c>
      <c r="H20" s="280">
        <v>0</v>
      </c>
      <c r="I20" s="280">
        <v>0</v>
      </c>
      <c r="J20" s="280">
        <v>0</v>
      </c>
      <c r="K20" s="280">
        <v>0</v>
      </c>
      <c r="L20" s="281">
        <v>0</v>
      </c>
      <c r="M20" s="282">
        <v>0</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17</v>
      </c>
      <c r="AD20" s="280">
        <v>12</v>
      </c>
      <c r="AE20" s="280">
        <v>7</v>
      </c>
      <c r="AF20" s="280">
        <v>3</v>
      </c>
      <c r="AG20" s="280">
        <v>0</v>
      </c>
      <c r="AH20" s="277">
        <v>39</v>
      </c>
      <c r="AI20" s="282">
        <v>39</v>
      </c>
      <c r="AJ20" s="276">
        <v>0</v>
      </c>
      <c r="AK20" s="280">
        <v>0</v>
      </c>
      <c r="AL20" s="277">
        <v>0</v>
      </c>
      <c r="AM20" s="279">
        <v>0</v>
      </c>
      <c r="AN20" s="280">
        <v>1</v>
      </c>
      <c r="AO20" s="280">
        <v>1</v>
      </c>
      <c r="AP20" s="280">
        <v>2</v>
      </c>
      <c r="AQ20" s="280">
        <v>1</v>
      </c>
      <c r="AR20" s="280">
        <v>1</v>
      </c>
      <c r="AS20" s="277">
        <v>6</v>
      </c>
      <c r="AT20" s="282">
        <v>6</v>
      </c>
      <c r="AU20" s="276">
        <v>2</v>
      </c>
      <c r="AV20" s="280">
        <v>0</v>
      </c>
      <c r="AW20" s="277">
        <v>2</v>
      </c>
      <c r="AX20" s="279">
        <v>0</v>
      </c>
      <c r="AY20" s="280">
        <v>3</v>
      </c>
      <c r="AZ20" s="280">
        <v>4</v>
      </c>
      <c r="BA20" s="280">
        <v>3</v>
      </c>
      <c r="BB20" s="280">
        <v>1</v>
      </c>
      <c r="BC20" s="280">
        <v>0</v>
      </c>
      <c r="BD20" s="277">
        <v>11</v>
      </c>
      <c r="BE20" s="282">
        <v>13</v>
      </c>
      <c r="BF20" s="276">
        <v>0</v>
      </c>
      <c r="BG20" s="280">
        <v>0</v>
      </c>
      <c r="BH20" s="277">
        <v>0</v>
      </c>
      <c r="BI20" s="279">
        <v>0</v>
      </c>
      <c r="BJ20" s="280">
        <v>1</v>
      </c>
      <c r="BK20" s="280">
        <v>5</v>
      </c>
      <c r="BL20" s="280">
        <v>4</v>
      </c>
      <c r="BM20" s="280">
        <v>3</v>
      </c>
      <c r="BN20" s="280">
        <v>2</v>
      </c>
      <c r="BO20" s="281">
        <v>15</v>
      </c>
      <c r="BP20" s="282">
        <v>15</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1</v>
      </c>
      <c r="CR20" s="280">
        <v>0</v>
      </c>
      <c r="CS20" s="280">
        <v>1</v>
      </c>
      <c r="CT20" s="280">
        <v>0</v>
      </c>
      <c r="CU20" s="280">
        <v>1</v>
      </c>
      <c r="CV20" s="277">
        <v>3</v>
      </c>
      <c r="CW20" s="282">
        <v>3</v>
      </c>
    </row>
    <row r="21" spans="2:101" ht="21" customHeight="1" x14ac:dyDescent="0.2">
      <c r="B21" s="261" t="s">
        <v>19</v>
      </c>
      <c r="C21" s="276">
        <v>0</v>
      </c>
      <c r="D21" s="277">
        <v>0</v>
      </c>
      <c r="E21" s="278">
        <v>0</v>
      </c>
      <c r="F21" s="279">
        <v>0</v>
      </c>
      <c r="G21" s="280">
        <v>1</v>
      </c>
      <c r="H21" s="280">
        <v>1</v>
      </c>
      <c r="I21" s="280">
        <v>0</v>
      </c>
      <c r="J21" s="280">
        <v>0</v>
      </c>
      <c r="K21" s="280">
        <v>1</v>
      </c>
      <c r="L21" s="281">
        <v>3</v>
      </c>
      <c r="M21" s="282">
        <v>3</v>
      </c>
      <c r="N21" s="276">
        <v>0</v>
      </c>
      <c r="O21" s="280">
        <v>0</v>
      </c>
      <c r="P21" s="277">
        <v>0</v>
      </c>
      <c r="Q21" s="279">
        <v>0</v>
      </c>
      <c r="R21" s="280">
        <v>0</v>
      </c>
      <c r="S21" s="280">
        <v>0</v>
      </c>
      <c r="T21" s="280">
        <v>0</v>
      </c>
      <c r="U21" s="280">
        <v>0</v>
      </c>
      <c r="V21" s="280">
        <v>0</v>
      </c>
      <c r="W21" s="277">
        <v>0</v>
      </c>
      <c r="X21" s="282">
        <v>0</v>
      </c>
      <c r="Y21" s="276">
        <v>0</v>
      </c>
      <c r="Z21" s="280">
        <v>0</v>
      </c>
      <c r="AA21" s="277">
        <v>0</v>
      </c>
      <c r="AB21" s="279">
        <v>0</v>
      </c>
      <c r="AC21" s="280">
        <v>3</v>
      </c>
      <c r="AD21" s="280">
        <v>3</v>
      </c>
      <c r="AE21" s="280">
        <v>0</v>
      </c>
      <c r="AF21" s="280">
        <v>1</v>
      </c>
      <c r="AG21" s="280">
        <v>1</v>
      </c>
      <c r="AH21" s="277">
        <v>8</v>
      </c>
      <c r="AI21" s="282">
        <v>8</v>
      </c>
      <c r="AJ21" s="276">
        <v>0</v>
      </c>
      <c r="AK21" s="280">
        <v>0</v>
      </c>
      <c r="AL21" s="277">
        <v>0</v>
      </c>
      <c r="AM21" s="279">
        <v>0</v>
      </c>
      <c r="AN21" s="280">
        <v>1</v>
      </c>
      <c r="AO21" s="280">
        <v>5</v>
      </c>
      <c r="AP21" s="280">
        <v>0</v>
      </c>
      <c r="AQ21" s="280">
        <v>0</v>
      </c>
      <c r="AR21" s="280">
        <v>0</v>
      </c>
      <c r="AS21" s="277">
        <v>6</v>
      </c>
      <c r="AT21" s="282">
        <v>6</v>
      </c>
      <c r="AU21" s="276">
        <v>0</v>
      </c>
      <c r="AV21" s="280">
        <v>0</v>
      </c>
      <c r="AW21" s="277">
        <v>0</v>
      </c>
      <c r="AX21" s="279">
        <v>0</v>
      </c>
      <c r="AY21" s="280">
        <v>3</v>
      </c>
      <c r="AZ21" s="280">
        <v>3</v>
      </c>
      <c r="BA21" s="280">
        <v>2</v>
      </c>
      <c r="BB21" s="280">
        <v>0</v>
      </c>
      <c r="BC21" s="280">
        <v>0</v>
      </c>
      <c r="BD21" s="277">
        <v>8</v>
      </c>
      <c r="BE21" s="282">
        <v>8</v>
      </c>
      <c r="BF21" s="276">
        <v>0</v>
      </c>
      <c r="BG21" s="280">
        <v>0</v>
      </c>
      <c r="BH21" s="277">
        <v>0</v>
      </c>
      <c r="BI21" s="279">
        <v>0</v>
      </c>
      <c r="BJ21" s="280">
        <v>1</v>
      </c>
      <c r="BK21" s="280">
        <v>2</v>
      </c>
      <c r="BL21" s="280">
        <v>0</v>
      </c>
      <c r="BM21" s="280">
        <v>1</v>
      </c>
      <c r="BN21" s="280">
        <v>0</v>
      </c>
      <c r="BO21" s="281">
        <v>4</v>
      </c>
      <c r="BP21" s="282">
        <v>4</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1</v>
      </c>
      <c r="CU21" s="280">
        <v>1</v>
      </c>
      <c r="CV21" s="277">
        <v>2</v>
      </c>
      <c r="CW21" s="282">
        <v>2</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4</v>
      </c>
      <c r="AD22" s="280">
        <v>7</v>
      </c>
      <c r="AE22" s="280">
        <v>5</v>
      </c>
      <c r="AF22" s="280">
        <v>3</v>
      </c>
      <c r="AG22" s="280">
        <v>0</v>
      </c>
      <c r="AH22" s="277">
        <v>29</v>
      </c>
      <c r="AI22" s="282">
        <v>29</v>
      </c>
      <c r="AJ22" s="276">
        <v>0</v>
      </c>
      <c r="AK22" s="280">
        <v>0</v>
      </c>
      <c r="AL22" s="277">
        <v>0</v>
      </c>
      <c r="AM22" s="279">
        <v>0</v>
      </c>
      <c r="AN22" s="280">
        <v>0</v>
      </c>
      <c r="AO22" s="280">
        <v>0</v>
      </c>
      <c r="AP22" s="280">
        <v>1</v>
      </c>
      <c r="AQ22" s="280">
        <v>0</v>
      </c>
      <c r="AR22" s="280">
        <v>0</v>
      </c>
      <c r="AS22" s="277">
        <v>1</v>
      </c>
      <c r="AT22" s="282">
        <v>1</v>
      </c>
      <c r="AU22" s="276">
        <v>0</v>
      </c>
      <c r="AV22" s="280">
        <v>0</v>
      </c>
      <c r="AW22" s="277">
        <v>0</v>
      </c>
      <c r="AX22" s="279">
        <v>0</v>
      </c>
      <c r="AY22" s="280">
        <v>0</v>
      </c>
      <c r="AZ22" s="280">
        <v>1</v>
      </c>
      <c r="BA22" s="280">
        <v>1</v>
      </c>
      <c r="BB22" s="280">
        <v>0</v>
      </c>
      <c r="BC22" s="280">
        <v>0</v>
      </c>
      <c r="BD22" s="277">
        <v>2</v>
      </c>
      <c r="BE22" s="282">
        <v>2</v>
      </c>
      <c r="BF22" s="276">
        <v>0</v>
      </c>
      <c r="BG22" s="280">
        <v>0</v>
      </c>
      <c r="BH22" s="277">
        <v>0</v>
      </c>
      <c r="BI22" s="279">
        <v>0</v>
      </c>
      <c r="BJ22" s="280">
        <v>1</v>
      </c>
      <c r="BK22" s="280">
        <v>1</v>
      </c>
      <c r="BL22" s="280">
        <v>2</v>
      </c>
      <c r="BM22" s="280">
        <v>2</v>
      </c>
      <c r="BN22" s="280">
        <v>0</v>
      </c>
      <c r="BO22" s="281">
        <v>6</v>
      </c>
      <c r="BP22" s="282">
        <v>6</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1</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3</v>
      </c>
      <c r="AD23" s="280">
        <v>10</v>
      </c>
      <c r="AE23" s="280">
        <v>2</v>
      </c>
      <c r="AF23" s="280">
        <v>3</v>
      </c>
      <c r="AG23" s="280">
        <v>0</v>
      </c>
      <c r="AH23" s="277">
        <v>28</v>
      </c>
      <c r="AI23" s="282">
        <v>28</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0</v>
      </c>
      <c r="AZ23" s="280">
        <v>0</v>
      </c>
      <c r="BA23" s="280">
        <v>3</v>
      </c>
      <c r="BB23" s="280">
        <v>0</v>
      </c>
      <c r="BC23" s="280">
        <v>0</v>
      </c>
      <c r="BD23" s="277">
        <v>3</v>
      </c>
      <c r="BE23" s="282">
        <v>3</v>
      </c>
      <c r="BF23" s="276">
        <v>0</v>
      </c>
      <c r="BG23" s="280">
        <v>0</v>
      </c>
      <c r="BH23" s="277">
        <v>0</v>
      </c>
      <c r="BI23" s="279">
        <v>0</v>
      </c>
      <c r="BJ23" s="280">
        <v>1</v>
      </c>
      <c r="BK23" s="280">
        <v>2</v>
      </c>
      <c r="BL23" s="280">
        <v>0</v>
      </c>
      <c r="BM23" s="280">
        <v>3</v>
      </c>
      <c r="BN23" s="280">
        <v>0</v>
      </c>
      <c r="BO23" s="281">
        <v>6</v>
      </c>
      <c r="BP23" s="282">
        <v>6</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0</v>
      </c>
      <c r="H24" s="280">
        <v>0</v>
      </c>
      <c r="I24" s="280">
        <v>1</v>
      </c>
      <c r="J24" s="280">
        <v>0</v>
      </c>
      <c r="K24" s="280">
        <v>0</v>
      </c>
      <c r="L24" s="281">
        <v>1</v>
      </c>
      <c r="M24" s="282">
        <v>1</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4</v>
      </c>
      <c r="AD24" s="280">
        <v>3</v>
      </c>
      <c r="AE24" s="280">
        <v>1</v>
      </c>
      <c r="AF24" s="280">
        <v>2</v>
      </c>
      <c r="AG24" s="280">
        <v>0</v>
      </c>
      <c r="AH24" s="277">
        <v>10</v>
      </c>
      <c r="AI24" s="282">
        <v>10</v>
      </c>
      <c r="AJ24" s="276">
        <v>0</v>
      </c>
      <c r="AK24" s="280">
        <v>0</v>
      </c>
      <c r="AL24" s="277">
        <v>0</v>
      </c>
      <c r="AM24" s="279">
        <v>0</v>
      </c>
      <c r="AN24" s="280">
        <v>0</v>
      </c>
      <c r="AO24" s="280">
        <v>0</v>
      </c>
      <c r="AP24" s="280">
        <v>0</v>
      </c>
      <c r="AQ24" s="280">
        <v>1</v>
      </c>
      <c r="AR24" s="280">
        <v>0</v>
      </c>
      <c r="AS24" s="277">
        <v>1</v>
      </c>
      <c r="AT24" s="282">
        <v>1</v>
      </c>
      <c r="AU24" s="276">
        <v>0</v>
      </c>
      <c r="AV24" s="280">
        <v>0</v>
      </c>
      <c r="AW24" s="277">
        <v>0</v>
      </c>
      <c r="AX24" s="279">
        <v>0</v>
      </c>
      <c r="AY24" s="280">
        <v>3</v>
      </c>
      <c r="AZ24" s="280">
        <v>4</v>
      </c>
      <c r="BA24" s="280">
        <v>0</v>
      </c>
      <c r="BB24" s="280">
        <v>0</v>
      </c>
      <c r="BC24" s="280">
        <v>0</v>
      </c>
      <c r="BD24" s="277">
        <v>7</v>
      </c>
      <c r="BE24" s="282">
        <v>7</v>
      </c>
      <c r="BF24" s="276">
        <v>0</v>
      </c>
      <c r="BG24" s="280">
        <v>0</v>
      </c>
      <c r="BH24" s="277">
        <v>0</v>
      </c>
      <c r="BI24" s="279">
        <v>0</v>
      </c>
      <c r="BJ24" s="280">
        <v>1</v>
      </c>
      <c r="BK24" s="280">
        <v>3</v>
      </c>
      <c r="BL24" s="280">
        <v>0</v>
      </c>
      <c r="BM24" s="280">
        <v>0</v>
      </c>
      <c r="BN24" s="280">
        <v>0</v>
      </c>
      <c r="BO24" s="281">
        <v>4</v>
      </c>
      <c r="BP24" s="282">
        <v>4</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3</v>
      </c>
      <c r="CJ24" s="280">
        <v>0</v>
      </c>
      <c r="CK24" s="277">
        <v>3</v>
      </c>
      <c r="CL24" s="282">
        <v>3</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6</v>
      </c>
      <c r="AD25" s="280">
        <v>1</v>
      </c>
      <c r="AE25" s="280">
        <v>1</v>
      </c>
      <c r="AF25" s="280">
        <v>0</v>
      </c>
      <c r="AG25" s="280">
        <v>0</v>
      </c>
      <c r="AH25" s="277">
        <v>8</v>
      </c>
      <c r="AI25" s="282">
        <v>8</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1</v>
      </c>
      <c r="BK25" s="280">
        <v>0</v>
      </c>
      <c r="BL25" s="280">
        <v>3</v>
      </c>
      <c r="BM25" s="280">
        <v>3</v>
      </c>
      <c r="BN25" s="280">
        <v>1</v>
      </c>
      <c r="BO25" s="281">
        <v>8</v>
      </c>
      <c r="BP25" s="282">
        <v>8</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1</v>
      </c>
      <c r="J26" s="280">
        <v>0</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1</v>
      </c>
      <c r="AD26" s="280">
        <v>2</v>
      </c>
      <c r="AE26" s="280">
        <v>3</v>
      </c>
      <c r="AF26" s="280">
        <v>0</v>
      </c>
      <c r="AG26" s="280">
        <v>0</v>
      </c>
      <c r="AH26" s="277">
        <v>6</v>
      </c>
      <c r="AI26" s="282">
        <v>6</v>
      </c>
      <c r="AJ26" s="276">
        <v>0</v>
      </c>
      <c r="AK26" s="280">
        <v>0</v>
      </c>
      <c r="AL26" s="277">
        <v>0</v>
      </c>
      <c r="AM26" s="279">
        <v>0</v>
      </c>
      <c r="AN26" s="280">
        <v>1</v>
      </c>
      <c r="AO26" s="280">
        <v>0</v>
      </c>
      <c r="AP26" s="280">
        <v>1</v>
      </c>
      <c r="AQ26" s="280">
        <v>0</v>
      </c>
      <c r="AR26" s="280">
        <v>0</v>
      </c>
      <c r="AS26" s="277">
        <v>2</v>
      </c>
      <c r="AT26" s="282">
        <v>2</v>
      </c>
      <c r="AU26" s="276">
        <v>0</v>
      </c>
      <c r="AV26" s="280">
        <v>0</v>
      </c>
      <c r="AW26" s="277">
        <v>0</v>
      </c>
      <c r="AX26" s="279">
        <v>0</v>
      </c>
      <c r="AY26" s="280">
        <v>0</v>
      </c>
      <c r="AZ26" s="280">
        <v>0</v>
      </c>
      <c r="BA26" s="280">
        <v>0</v>
      </c>
      <c r="BB26" s="280">
        <v>0</v>
      </c>
      <c r="BC26" s="280">
        <v>0</v>
      </c>
      <c r="BD26" s="277">
        <v>0</v>
      </c>
      <c r="BE26" s="282">
        <v>0</v>
      </c>
      <c r="BF26" s="276">
        <v>0</v>
      </c>
      <c r="BG26" s="280">
        <v>0</v>
      </c>
      <c r="BH26" s="277">
        <v>0</v>
      </c>
      <c r="BI26" s="279">
        <v>0</v>
      </c>
      <c r="BJ26" s="280">
        <v>0</v>
      </c>
      <c r="BK26" s="280">
        <v>0</v>
      </c>
      <c r="BL26" s="280">
        <v>2</v>
      </c>
      <c r="BM26" s="280">
        <v>0</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4</v>
      </c>
      <c r="AD27" s="280">
        <v>1</v>
      </c>
      <c r="AE27" s="280">
        <v>0</v>
      </c>
      <c r="AF27" s="280">
        <v>0</v>
      </c>
      <c r="AG27" s="280">
        <v>0</v>
      </c>
      <c r="AH27" s="277">
        <v>5</v>
      </c>
      <c r="AI27" s="282">
        <v>5</v>
      </c>
      <c r="AJ27" s="276">
        <v>0</v>
      </c>
      <c r="AK27" s="280">
        <v>0</v>
      </c>
      <c r="AL27" s="277">
        <v>0</v>
      </c>
      <c r="AM27" s="279">
        <v>0</v>
      </c>
      <c r="AN27" s="280">
        <v>0</v>
      </c>
      <c r="AO27" s="280">
        <v>0</v>
      </c>
      <c r="AP27" s="280">
        <v>0</v>
      </c>
      <c r="AQ27" s="280">
        <v>0</v>
      </c>
      <c r="AR27" s="280">
        <v>0</v>
      </c>
      <c r="AS27" s="277">
        <v>0</v>
      </c>
      <c r="AT27" s="282">
        <v>0</v>
      </c>
      <c r="AU27" s="276">
        <v>1</v>
      </c>
      <c r="AV27" s="280">
        <v>0</v>
      </c>
      <c r="AW27" s="277">
        <v>1</v>
      </c>
      <c r="AX27" s="279">
        <v>0</v>
      </c>
      <c r="AY27" s="280">
        <v>0</v>
      </c>
      <c r="AZ27" s="280">
        <v>0</v>
      </c>
      <c r="BA27" s="280">
        <v>0</v>
      </c>
      <c r="BB27" s="280">
        <v>0</v>
      </c>
      <c r="BC27" s="280">
        <v>0</v>
      </c>
      <c r="BD27" s="277">
        <v>0</v>
      </c>
      <c r="BE27" s="282">
        <v>1</v>
      </c>
      <c r="BF27" s="276">
        <v>0</v>
      </c>
      <c r="BG27" s="280">
        <v>0</v>
      </c>
      <c r="BH27" s="277">
        <v>0</v>
      </c>
      <c r="BI27" s="279">
        <v>0</v>
      </c>
      <c r="BJ27" s="280">
        <v>0</v>
      </c>
      <c r="BK27" s="280">
        <v>0</v>
      </c>
      <c r="BL27" s="280">
        <v>0</v>
      </c>
      <c r="BM27" s="280">
        <v>0</v>
      </c>
      <c r="BN27" s="280">
        <v>0</v>
      </c>
      <c r="BO27" s="281">
        <v>0</v>
      </c>
      <c r="BP27" s="282">
        <v>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3</v>
      </c>
      <c r="AD28" s="280">
        <v>3</v>
      </c>
      <c r="AE28" s="280">
        <v>1</v>
      </c>
      <c r="AF28" s="280">
        <v>0</v>
      </c>
      <c r="AG28" s="280">
        <v>0</v>
      </c>
      <c r="AH28" s="277">
        <v>7</v>
      </c>
      <c r="AI28" s="282">
        <v>7</v>
      </c>
      <c r="AJ28" s="276">
        <v>0</v>
      </c>
      <c r="AK28" s="280">
        <v>0</v>
      </c>
      <c r="AL28" s="277">
        <v>0</v>
      </c>
      <c r="AM28" s="279">
        <v>0</v>
      </c>
      <c r="AN28" s="280">
        <v>0</v>
      </c>
      <c r="AO28" s="280">
        <v>1</v>
      </c>
      <c r="AP28" s="280">
        <v>0</v>
      </c>
      <c r="AQ28" s="280">
        <v>0</v>
      </c>
      <c r="AR28" s="280">
        <v>0</v>
      </c>
      <c r="AS28" s="277">
        <v>1</v>
      </c>
      <c r="AT28" s="282">
        <v>1</v>
      </c>
      <c r="AU28" s="276">
        <v>0</v>
      </c>
      <c r="AV28" s="280">
        <v>0</v>
      </c>
      <c r="AW28" s="277">
        <v>0</v>
      </c>
      <c r="AX28" s="279">
        <v>0</v>
      </c>
      <c r="AY28" s="280">
        <v>0</v>
      </c>
      <c r="AZ28" s="280">
        <v>0</v>
      </c>
      <c r="BA28" s="280">
        <v>0</v>
      </c>
      <c r="BB28" s="280">
        <v>0</v>
      </c>
      <c r="BC28" s="280">
        <v>0</v>
      </c>
      <c r="BD28" s="277">
        <v>0</v>
      </c>
      <c r="BE28" s="282">
        <v>0</v>
      </c>
      <c r="BF28" s="276">
        <v>0</v>
      </c>
      <c r="BG28" s="280">
        <v>0</v>
      </c>
      <c r="BH28" s="277">
        <v>0</v>
      </c>
      <c r="BI28" s="279">
        <v>0</v>
      </c>
      <c r="BJ28" s="280">
        <v>0</v>
      </c>
      <c r="BK28" s="280">
        <v>0</v>
      </c>
      <c r="BL28" s="280">
        <v>1</v>
      </c>
      <c r="BM28" s="280">
        <v>1</v>
      </c>
      <c r="BN28" s="280">
        <v>0</v>
      </c>
      <c r="BO28" s="281">
        <v>2</v>
      </c>
      <c r="BP28" s="282">
        <v>2</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1</v>
      </c>
      <c r="AD29" s="280">
        <v>1</v>
      </c>
      <c r="AE29" s="280">
        <v>0</v>
      </c>
      <c r="AF29" s="280">
        <v>0</v>
      </c>
      <c r="AG29" s="280">
        <v>0</v>
      </c>
      <c r="AH29" s="277">
        <v>2</v>
      </c>
      <c r="AI29" s="282">
        <v>2</v>
      </c>
      <c r="AJ29" s="276">
        <v>0</v>
      </c>
      <c r="AK29" s="280">
        <v>0</v>
      </c>
      <c r="AL29" s="277">
        <v>0</v>
      </c>
      <c r="AM29" s="279">
        <v>0</v>
      </c>
      <c r="AN29" s="280">
        <v>1</v>
      </c>
      <c r="AO29" s="280">
        <v>1</v>
      </c>
      <c r="AP29" s="280">
        <v>0</v>
      </c>
      <c r="AQ29" s="280">
        <v>1</v>
      </c>
      <c r="AR29" s="280">
        <v>0</v>
      </c>
      <c r="AS29" s="277">
        <v>3</v>
      </c>
      <c r="AT29" s="282">
        <v>3</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1</v>
      </c>
      <c r="BM29" s="280">
        <v>1</v>
      </c>
      <c r="BN29" s="280">
        <v>0</v>
      </c>
      <c r="BO29" s="281">
        <v>2</v>
      </c>
      <c r="BP29" s="282">
        <v>2</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1</v>
      </c>
      <c r="CI29" s="280">
        <v>0</v>
      </c>
      <c r="CJ29" s="280">
        <v>1</v>
      </c>
      <c r="CK29" s="277">
        <v>2</v>
      </c>
      <c r="CL29" s="282">
        <v>2</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2</v>
      </c>
      <c r="AE30" s="280">
        <v>1</v>
      </c>
      <c r="AF30" s="280">
        <v>0</v>
      </c>
      <c r="AG30" s="280">
        <v>0</v>
      </c>
      <c r="AH30" s="277">
        <v>7</v>
      </c>
      <c r="AI30" s="282">
        <v>7</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2</v>
      </c>
      <c r="BO30" s="281">
        <v>2</v>
      </c>
      <c r="BP30" s="282">
        <v>2</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2</v>
      </c>
      <c r="AD31" s="280">
        <v>1</v>
      </c>
      <c r="AE31" s="280">
        <v>0</v>
      </c>
      <c r="AF31" s="280">
        <v>0</v>
      </c>
      <c r="AG31" s="280">
        <v>0</v>
      </c>
      <c r="AH31" s="277">
        <v>3</v>
      </c>
      <c r="AI31" s="282">
        <v>3</v>
      </c>
      <c r="AJ31" s="276">
        <v>0</v>
      </c>
      <c r="AK31" s="280">
        <v>0</v>
      </c>
      <c r="AL31" s="277">
        <v>0</v>
      </c>
      <c r="AM31" s="279">
        <v>0</v>
      </c>
      <c r="AN31" s="280">
        <v>0</v>
      </c>
      <c r="AO31" s="280">
        <v>0</v>
      </c>
      <c r="AP31" s="280">
        <v>0</v>
      </c>
      <c r="AQ31" s="280">
        <v>0</v>
      </c>
      <c r="AR31" s="280">
        <v>0</v>
      </c>
      <c r="AS31" s="277">
        <v>0</v>
      </c>
      <c r="AT31" s="282">
        <v>0</v>
      </c>
      <c r="AU31" s="276">
        <v>0</v>
      </c>
      <c r="AV31" s="280">
        <v>0</v>
      </c>
      <c r="AW31" s="277">
        <v>0</v>
      </c>
      <c r="AX31" s="279">
        <v>0</v>
      </c>
      <c r="AY31" s="280">
        <v>0</v>
      </c>
      <c r="AZ31" s="280">
        <v>0</v>
      </c>
      <c r="BA31" s="280">
        <v>0</v>
      </c>
      <c r="BB31" s="280">
        <v>0</v>
      </c>
      <c r="BC31" s="280">
        <v>0</v>
      </c>
      <c r="BD31" s="277">
        <v>0</v>
      </c>
      <c r="BE31" s="282">
        <v>0</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1</v>
      </c>
      <c r="CG31" s="280">
        <v>0</v>
      </c>
      <c r="CH31" s="280">
        <v>0</v>
      </c>
      <c r="CI31" s="280">
        <v>0</v>
      </c>
      <c r="CJ31" s="280">
        <v>1</v>
      </c>
      <c r="CK31" s="277">
        <v>2</v>
      </c>
      <c r="CL31" s="282">
        <v>2</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v>
      </c>
      <c r="AD32" s="280">
        <v>0</v>
      </c>
      <c r="AE32" s="280">
        <v>1</v>
      </c>
      <c r="AF32" s="280">
        <v>0</v>
      </c>
      <c r="AG32" s="280">
        <v>0</v>
      </c>
      <c r="AH32" s="277">
        <v>3</v>
      </c>
      <c r="AI32" s="282">
        <v>3</v>
      </c>
      <c r="AJ32" s="276">
        <v>1</v>
      </c>
      <c r="AK32" s="280">
        <v>0</v>
      </c>
      <c r="AL32" s="277">
        <v>1</v>
      </c>
      <c r="AM32" s="279">
        <v>0</v>
      </c>
      <c r="AN32" s="280">
        <v>0</v>
      </c>
      <c r="AO32" s="280">
        <v>0</v>
      </c>
      <c r="AP32" s="280">
        <v>0</v>
      </c>
      <c r="AQ32" s="280">
        <v>0</v>
      </c>
      <c r="AR32" s="280">
        <v>0</v>
      </c>
      <c r="AS32" s="277">
        <v>0</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1</v>
      </c>
      <c r="BN32" s="280">
        <v>0</v>
      </c>
      <c r="BO32" s="281">
        <v>1</v>
      </c>
      <c r="BP32" s="282">
        <v>1</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0</v>
      </c>
      <c r="I33" s="280">
        <v>0</v>
      </c>
      <c r="J33" s="280">
        <v>0</v>
      </c>
      <c r="K33" s="280">
        <v>0</v>
      </c>
      <c r="L33" s="281">
        <v>0</v>
      </c>
      <c r="M33" s="282">
        <v>0</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1</v>
      </c>
      <c r="AD33" s="280">
        <v>2</v>
      </c>
      <c r="AE33" s="280">
        <v>0</v>
      </c>
      <c r="AF33" s="280">
        <v>0</v>
      </c>
      <c r="AG33" s="280">
        <v>0</v>
      </c>
      <c r="AH33" s="277">
        <v>3</v>
      </c>
      <c r="AI33" s="282">
        <v>3</v>
      </c>
      <c r="AJ33" s="276">
        <v>0</v>
      </c>
      <c r="AK33" s="280">
        <v>0</v>
      </c>
      <c r="AL33" s="277">
        <v>0</v>
      </c>
      <c r="AM33" s="279">
        <v>0</v>
      </c>
      <c r="AN33" s="280">
        <v>0</v>
      </c>
      <c r="AO33" s="280">
        <v>0</v>
      </c>
      <c r="AP33" s="280">
        <v>0</v>
      </c>
      <c r="AQ33" s="280">
        <v>1</v>
      </c>
      <c r="AR33" s="280">
        <v>0</v>
      </c>
      <c r="AS33" s="277">
        <v>1</v>
      </c>
      <c r="AT33" s="282">
        <v>1</v>
      </c>
      <c r="AU33" s="276">
        <v>0</v>
      </c>
      <c r="AV33" s="280">
        <v>0</v>
      </c>
      <c r="AW33" s="277">
        <v>0</v>
      </c>
      <c r="AX33" s="279">
        <v>0</v>
      </c>
      <c r="AY33" s="280">
        <v>1</v>
      </c>
      <c r="AZ33" s="280">
        <v>0</v>
      </c>
      <c r="BA33" s="280">
        <v>0</v>
      </c>
      <c r="BB33" s="280">
        <v>0</v>
      </c>
      <c r="BC33" s="280">
        <v>0</v>
      </c>
      <c r="BD33" s="277">
        <v>1</v>
      </c>
      <c r="BE33" s="282">
        <v>1</v>
      </c>
      <c r="BF33" s="276">
        <v>0</v>
      </c>
      <c r="BG33" s="280">
        <v>0</v>
      </c>
      <c r="BH33" s="277">
        <v>0</v>
      </c>
      <c r="BI33" s="279">
        <v>0</v>
      </c>
      <c r="BJ33" s="280">
        <v>0</v>
      </c>
      <c r="BK33" s="280">
        <v>2</v>
      </c>
      <c r="BL33" s="280">
        <v>0</v>
      </c>
      <c r="BM33" s="280">
        <v>1</v>
      </c>
      <c r="BN33" s="280">
        <v>1</v>
      </c>
      <c r="BO33" s="281">
        <v>4</v>
      </c>
      <c r="BP33" s="282">
        <v>4</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0</v>
      </c>
      <c r="I34" s="280">
        <v>0</v>
      </c>
      <c r="J34" s="280">
        <v>0</v>
      </c>
      <c r="K34" s="280">
        <v>0</v>
      </c>
      <c r="L34" s="281">
        <v>0</v>
      </c>
      <c r="M34" s="282">
        <v>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2</v>
      </c>
      <c r="AD34" s="280">
        <v>3</v>
      </c>
      <c r="AE34" s="280">
        <v>0</v>
      </c>
      <c r="AF34" s="280">
        <v>0</v>
      </c>
      <c r="AG34" s="280">
        <v>1</v>
      </c>
      <c r="AH34" s="277">
        <v>6</v>
      </c>
      <c r="AI34" s="282">
        <v>6</v>
      </c>
      <c r="AJ34" s="276">
        <v>0</v>
      </c>
      <c r="AK34" s="280">
        <v>0</v>
      </c>
      <c r="AL34" s="277">
        <v>0</v>
      </c>
      <c r="AM34" s="279">
        <v>0</v>
      </c>
      <c r="AN34" s="280">
        <v>0</v>
      </c>
      <c r="AO34" s="280">
        <v>0</v>
      </c>
      <c r="AP34" s="280">
        <v>0</v>
      </c>
      <c r="AQ34" s="280">
        <v>0</v>
      </c>
      <c r="AR34" s="280">
        <v>0</v>
      </c>
      <c r="AS34" s="277">
        <v>0</v>
      </c>
      <c r="AT34" s="282">
        <v>0</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0</v>
      </c>
      <c r="BK34" s="280">
        <v>0</v>
      </c>
      <c r="BL34" s="280">
        <v>1</v>
      </c>
      <c r="BM34" s="280">
        <v>0</v>
      </c>
      <c r="BN34" s="280">
        <v>0</v>
      </c>
      <c r="BO34" s="281">
        <v>1</v>
      </c>
      <c r="BP34" s="282">
        <v>1</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1</v>
      </c>
      <c r="CH34" s="280">
        <v>1</v>
      </c>
      <c r="CI34" s="280">
        <v>0</v>
      </c>
      <c r="CJ34" s="280">
        <v>0</v>
      </c>
      <c r="CK34" s="277">
        <v>2</v>
      </c>
      <c r="CL34" s="282">
        <v>2</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0</v>
      </c>
      <c r="AF35" s="280">
        <v>0</v>
      </c>
      <c r="AG35" s="280">
        <v>0</v>
      </c>
      <c r="AH35" s="277">
        <v>1</v>
      </c>
      <c r="AI35" s="282">
        <v>1</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1</v>
      </c>
      <c r="CR35" s="280">
        <v>0</v>
      </c>
      <c r="CS35" s="280">
        <v>1</v>
      </c>
      <c r="CT35" s="280">
        <v>0</v>
      </c>
      <c r="CU35" s="280">
        <v>0</v>
      </c>
      <c r="CV35" s="277">
        <v>2</v>
      </c>
      <c r="CW35" s="282">
        <v>2</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v>
      </c>
      <c r="AD36" s="280">
        <v>1</v>
      </c>
      <c r="AE36" s="280">
        <v>0</v>
      </c>
      <c r="AF36" s="280">
        <v>0</v>
      </c>
      <c r="AG36" s="280">
        <v>0</v>
      </c>
      <c r="AH36" s="277">
        <v>2</v>
      </c>
      <c r="AI36" s="282">
        <v>2</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2</v>
      </c>
      <c r="AZ36" s="280">
        <v>0</v>
      </c>
      <c r="BA36" s="280">
        <v>0</v>
      </c>
      <c r="BB36" s="280">
        <v>0</v>
      </c>
      <c r="BC36" s="280">
        <v>0</v>
      </c>
      <c r="BD36" s="277">
        <v>2</v>
      </c>
      <c r="BE36" s="282">
        <v>2</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0</v>
      </c>
      <c r="CV36" s="277">
        <v>1</v>
      </c>
      <c r="CW36" s="282">
        <v>1</v>
      </c>
    </row>
    <row r="37" spans="2:101" ht="21" customHeight="1" x14ac:dyDescent="0.2">
      <c r="B37" s="261" t="s">
        <v>35</v>
      </c>
      <c r="C37" s="276">
        <v>0</v>
      </c>
      <c r="D37" s="277">
        <v>0</v>
      </c>
      <c r="E37" s="278">
        <v>0</v>
      </c>
      <c r="F37" s="279">
        <v>0</v>
      </c>
      <c r="G37" s="280">
        <v>0</v>
      </c>
      <c r="H37" s="280">
        <v>1</v>
      </c>
      <c r="I37" s="280">
        <v>0</v>
      </c>
      <c r="J37" s="280">
        <v>0</v>
      </c>
      <c r="K37" s="280">
        <v>0</v>
      </c>
      <c r="L37" s="281">
        <v>1</v>
      </c>
      <c r="M37" s="282">
        <v>1</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0</v>
      </c>
      <c r="AD37" s="280">
        <v>0</v>
      </c>
      <c r="AE37" s="280">
        <v>0</v>
      </c>
      <c r="AF37" s="280">
        <v>0</v>
      </c>
      <c r="AG37" s="280">
        <v>0</v>
      </c>
      <c r="AH37" s="277">
        <v>0</v>
      </c>
      <c r="AI37" s="282">
        <v>0</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0</v>
      </c>
      <c r="BC37" s="280">
        <v>0</v>
      </c>
      <c r="BD37" s="277">
        <v>0</v>
      </c>
      <c r="BE37" s="282">
        <v>0</v>
      </c>
      <c r="BF37" s="276">
        <v>0</v>
      </c>
      <c r="BG37" s="280">
        <v>0</v>
      </c>
      <c r="BH37" s="277">
        <v>0</v>
      </c>
      <c r="BI37" s="279">
        <v>0</v>
      </c>
      <c r="BJ37" s="280">
        <v>0</v>
      </c>
      <c r="BK37" s="280">
        <v>1</v>
      </c>
      <c r="BL37" s="280">
        <v>0</v>
      </c>
      <c r="BM37" s="280">
        <v>0</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3</v>
      </c>
      <c r="AD38" s="280">
        <v>2</v>
      </c>
      <c r="AE38" s="280">
        <v>0</v>
      </c>
      <c r="AF38" s="280">
        <v>0</v>
      </c>
      <c r="AG38" s="280">
        <v>0</v>
      </c>
      <c r="AH38" s="277">
        <v>5</v>
      </c>
      <c r="AI38" s="282">
        <v>5</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0</v>
      </c>
      <c r="BK38" s="280">
        <v>1</v>
      </c>
      <c r="BL38" s="280">
        <v>0</v>
      </c>
      <c r="BM38" s="280">
        <v>0</v>
      </c>
      <c r="BN38" s="280">
        <v>0</v>
      </c>
      <c r="BO38" s="281">
        <v>1</v>
      </c>
      <c r="BP38" s="282">
        <v>1</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Y3:AI3"/>
    <mergeCell ref="Y4:AA4"/>
    <mergeCell ref="AB4:AH4"/>
    <mergeCell ref="AI4:AI5"/>
    <mergeCell ref="AJ3:AT3"/>
    <mergeCell ref="AM4:AS4"/>
    <mergeCell ref="AT4:AT5"/>
    <mergeCell ref="I1:J1"/>
    <mergeCell ref="L1:M1"/>
    <mergeCell ref="B3:B5"/>
    <mergeCell ref="C3:M3"/>
    <mergeCell ref="N3:X3"/>
    <mergeCell ref="X4:X5"/>
    <mergeCell ref="C4:E4"/>
    <mergeCell ref="F4:L4"/>
    <mergeCell ref="M4:M5"/>
    <mergeCell ref="N4:P4"/>
    <mergeCell ref="Q4:W4"/>
    <mergeCell ref="AU4:AW4"/>
    <mergeCell ref="AJ4:AL4"/>
    <mergeCell ref="AX4:BD4"/>
    <mergeCell ref="CB4:CD4"/>
    <mergeCell ref="AU3:BE3"/>
    <mergeCell ref="BE4:BE5"/>
    <mergeCell ref="BF3:BP3"/>
    <mergeCell ref="BP4:BP5"/>
    <mergeCell ref="BQ3:CA3"/>
    <mergeCell ref="CA4:CA5"/>
    <mergeCell ref="CM3:CW3"/>
    <mergeCell ref="CM4:CO4"/>
    <mergeCell ref="CP4:CV4"/>
    <mergeCell ref="CE4:CK4"/>
    <mergeCell ref="BF4:BH4"/>
    <mergeCell ref="BI4:BO4"/>
    <mergeCell ref="BQ4:BS4"/>
    <mergeCell ref="BT4:BZ4"/>
    <mergeCell ref="CB3:CL3"/>
    <mergeCell ref="CL4:CL5"/>
    <mergeCell ref="CW4:CW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4">
        <f>第１表!F2</f>
        <v>5</v>
      </c>
      <c r="J1" s="524"/>
      <c r="K1" s="248">
        <f>第１表!G2</f>
        <v>4</v>
      </c>
      <c r="L1" s="529">
        <f>IF(K1&lt;3,K1+12-2,K1-2)</f>
        <v>2</v>
      </c>
      <c r="M1" s="529"/>
    </row>
    <row r="2" spans="1:101" s="291" customFormat="1" ht="24" customHeight="1" thickBot="1" x14ac:dyDescent="0.25">
      <c r="A2" s="44"/>
      <c r="B2" s="290" t="s">
        <v>155</v>
      </c>
    </row>
    <row r="3" spans="1:101" ht="21" customHeight="1" thickBot="1" x14ac:dyDescent="0.25">
      <c r="B3" s="537"/>
      <c r="C3" s="540" t="s">
        <v>94</v>
      </c>
      <c r="D3" s="541"/>
      <c r="E3" s="541"/>
      <c r="F3" s="541"/>
      <c r="G3" s="541"/>
      <c r="H3" s="541"/>
      <c r="I3" s="541"/>
      <c r="J3" s="541"/>
      <c r="K3" s="541"/>
      <c r="L3" s="541"/>
      <c r="M3" s="542"/>
      <c r="N3" s="540" t="s">
        <v>88</v>
      </c>
      <c r="O3" s="541"/>
      <c r="P3" s="541"/>
      <c r="Q3" s="541"/>
      <c r="R3" s="541"/>
      <c r="S3" s="541"/>
      <c r="T3" s="541"/>
      <c r="U3" s="541"/>
      <c r="V3" s="541"/>
      <c r="W3" s="541"/>
      <c r="X3" s="542"/>
      <c r="Y3" s="540" t="s">
        <v>142</v>
      </c>
      <c r="Z3" s="541"/>
      <c r="AA3" s="541"/>
      <c r="AB3" s="541"/>
      <c r="AC3" s="541"/>
      <c r="AD3" s="541"/>
      <c r="AE3" s="541"/>
      <c r="AF3" s="541"/>
      <c r="AG3" s="541"/>
      <c r="AH3" s="541"/>
      <c r="AI3" s="542"/>
      <c r="AJ3" s="540" t="s">
        <v>90</v>
      </c>
      <c r="AK3" s="541"/>
      <c r="AL3" s="541"/>
      <c r="AM3" s="541"/>
      <c r="AN3" s="541"/>
      <c r="AO3" s="541"/>
      <c r="AP3" s="541"/>
      <c r="AQ3" s="541"/>
      <c r="AR3" s="541"/>
      <c r="AS3" s="541"/>
      <c r="AT3" s="542"/>
      <c r="AU3" s="546" t="s">
        <v>89</v>
      </c>
      <c r="AV3" s="547"/>
      <c r="AW3" s="547"/>
      <c r="AX3" s="547"/>
      <c r="AY3" s="547"/>
      <c r="AZ3" s="547"/>
      <c r="BA3" s="547"/>
      <c r="BB3" s="547"/>
      <c r="BC3" s="547"/>
      <c r="BD3" s="547"/>
      <c r="BE3" s="548"/>
      <c r="BF3" s="546" t="s">
        <v>91</v>
      </c>
      <c r="BG3" s="547"/>
      <c r="BH3" s="547"/>
      <c r="BI3" s="547"/>
      <c r="BJ3" s="547"/>
      <c r="BK3" s="547"/>
      <c r="BL3" s="547"/>
      <c r="BM3" s="547"/>
      <c r="BN3" s="547"/>
      <c r="BO3" s="547"/>
      <c r="BP3" s="548"/>
      <c r="BQ3" s="546" t="s">
        <v>92</v>
      </c>
      <c r="BR3" s="547"/>
      <c r="BS3" s="547"/>
      <c r="BT3" s="547"/>
      <c r="BU3" s="547"/>
      <c r="BV3" s="547"/>
      <c r="BW3" s="547"/>
      <c r="BX3" s="547"/>
      <c r="BY3" s="547"/>
      <c r="BZ3" s="547"/>
      <c r="CA3" s="548"/>
      <c r="CB3" s="546" t="s">
        <v>93</v>
      </c>
      <c r="CC3" s="547"/>
      <c r="CD3" s="547"/>
      <c r="CE3" s="547"/>
      <c r="CF3" s="547"/>
      <c r="CG3" s="547"/>
      <c r="CH3" s="547"/>
      <c r="CI3" s="547"/>
      <c r="CJ3" s="547"/>
      <c r="CK3" s="547"/>
      <c r="CL3" s="548"/>
      <c r="CM3" s="547" t="s">
        <v>141</v>
      </c>
      <c r="CN3" s="547"/>
      <c r="CO3" s="547"/>
      <c r="CP3" s="547"/>
      <c r="CQ3" s="547"/>
      <c r="CR3" s="547"/>
      <c r="CS3" s="547"/>
      <c r="CT3" s="547"/>
      <c r="CU3" s="547"/>
      <c r="CV3" s="547"/>
      <c r="CW3" s="548"/>
    </row>
    <row r="4" spans="1:101"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62" t="s">
        <v>61</v>
      </c>
      <c r="AV4" s="560"/>
      <c r="AW4" s="561"/>
      <c r="AX4" s="559" t="s">
        <v>62</v>
      </c>
      <c r="AY4" s="560"/>
      <c r="AZ4" s="560"/>
      <c r="BA4" s="560"/>
      <c r="BB4" s="560"/>
      <c r="BC4" s="560"/>
      <c r="BD4" s="561"/>
      <c r="BE4" s="563" t="s">
        <v>52</v>
      </c>
      <c r="BF4" s="562" t="s">
        <v>61</v>
      </c>
      <c r="BG4" s="560"/>
      <c r="BH4" s="561"/>
      <c r="BI4" s="559" t="s">
        <v>62</v>
      </c>
      <c r="BJ4" s="560"/>
      <c r="BK4" s="560"/>
      <c r="BL4" s="560"/>
      <c r="BM4" s="560"/>
      <c r="BN4" s="560"/>
      <c r="BO4" s="561"/>
      <c r="BP4" s="563" t="s">
        <v>52</v>
      </c>
      <c r="BQ4" s="562" t="s">
        <v>61</v>
      </c>
      <c r="BR4" s="560"/>
      <c r="BS4" s="561"/>
      <c r="BT4" s="559" t="s">
        <v>62</v>
      </c>
      <c r="BU4" s="560"/>
      <c r="BV4" s="560"/>
      <c r="BW4" s="560"/>
      <c r="BX4" s="560"/>
      <c r="BY4" s="560"/>
      <c r="BZ4" s="561"/>
      <c r="CA4" s="563" t="s">
        <v>52</v>
      </c>
      <c r="CB4" s="562" t="s">
        <v>61</v>
      </c>
      <c r="CC4" s="560"/>
      <c r="CD4" s="561"/>
      <c r="CE4" s="559" t="s">
        <v>62</v>
      </c>
      <c r="CF4" s="560"/>
      <c r="CG4" s="560"/>
      <c r="CH4" s="560"/>
      <c r="CI4" s="560"/>
      <c r="CJ4" s="560"/>
      <c r="CK4" s="561"/>
      <c r="CL4" s="563" t="s">
        <v>52</v>
      </c>
      <c r="CM4" s="562" t="s">
        <v>61</v>
      </c>
      <c r="CN4" s="560"/>
      <c r="CO4" s="561"/>
      <c r="CP4" s="559" t="s">
        <v>62</v>
      </c>
      <c r="CQ4" s="560"/>
      <c r="CR4" s="560"/>
      <c r="CS4" s="560"/>
      <c r="CT4" s="560"/>
      <c r="CU4" s="560"/>
      <c r="CV4" s="561"/>
      <c r="CW4" s="563" t="s">
        <v>52</v>
      </c>
    </row>
    <row r="5" spans="1:101" ht="30" customHeight="1" thickBot="1" x14ac:dyDescent="0.25">
      <c r="B5" s="539"/>
      <c r="C5" s="350" t="s">
        <v>43</v>
      </c>
      <c r="D5" s="265" t="s">
        <v>44</v>
      </c>
      <c r="E5" s="266" t="s">
        <v>45</v>
      </c>
      <c r="F5" s="267" t="s">
        <v>83</v>
      </c>
      <c r="G5" s="259" t="s">
        <v>47</v>
      </c>
      <c r="H5" s="259" t="s">
        <v>48</v>
      </c>
      <c r="I5" s="259" t="s">
        <v>49</v>
      </c>
      <c r="J5" s="259" t="s">
        <v>50</v>
      </c>
      <c r="K5" s="259" t="s">
        <v>51</v>
      </c>
      <c r="L5" s="268" t="s">
        <v>45</v>
      </c>
      <c r="M5" s="531"/>
      <c r="N5" s="350" t="s">
        <v>43</v>
      </c>
      <c r="O5" s="259" t="s">
        <v>44</v>
      </c>
      <c r="P5" s="265" t="s">
        <v>45</v>
      </c>
      <c r="Q5" s="267" t="s">
        <v>83</v>
      </c>
      <c r="R5" s="259" t="s">
        <v>47</v>
      </c>
      <c r="S5" s="259" t="s">
        <v>48</v>
      </c>
      <c r="T5" s="259" t="s">
        <v>49</v>
      </c>
      <c r="U5" s="259" t="s">
        <v>50</v>
      </c>
      <c r="V5" s="259" t="s">
        <v>51</v>
      </c>
      <c r="W5" s="265" t="s">
        <v>45</v>
      </c>
      <c r="X5" s="531"/>
      <c r="Y5" s="350" t="s">
        <v>43</v>
      </c>
      <c r="Z5" s="259" t="s">
        <v>44</v>
      </c>
      <c r="AA5" s="265" t="s">
        <v>45</v>
      </c>
      <c r="AB5" s="267" t="s">
        <v>83</v>
      </c>
      <c r="AC5" s="259" t="s">
        <v>47</v>
      </c>
      <c r="AD5" s="259" t="s">
        <v>48</v>
      </c>
      <c r="AE5" s="259" t="s">
        <v>49</v>
      </c>
      <c r="AF5" s="259" t="s">
        <v>50</v>
      </c>
      <c r="AG5" s="259" t="s">
        <v>51</v>
      </c>
      <c r="AH5" s="265" t="s">
        <v>45</v>
      </c>
      <c r="AI5" s="531"/>
      <c r="AJ5" s="350" t="s">
        <v>43</v>
      </c>
      <c r="AK5" s="259" t="s">
        <v>44</v>
      </c>
      <c r="AL5" s="265" t="s">
        <v>45</v>
      </c>
      <c r="AM5" s="267" t="s">
        <v>83</v>
      </c>
      <c r="AN5" s="259" t="s">
        <v>47</v>
      </c>
      <c r="AO5" s="259" t="s">
        <v>48</v>
      </c>
      <c r="AP5" s="259" t="s">
        <v>49</v>
      </c>
      <c r="AQ5" s="259" t="s">
        <v>50</v>
      </c>
      <c r="AR5" s="259" t="s">
        <v>51</v>
      </c>
      <c r="AS5" s="265" t="s">
        <v>45</v>
      </c>
      <c r="AT5" s="531"/>
      <c r="AU5" s="350" t="s">
        <v>43</v>
      </c>
      <c r="AV5" s="259" t="s">
        <v>44</v>
      </c>
      <c r="AW5" s="265" t="s">
        <v>45</v>
      </c>
      <c r="AX5" s="267" t="s">
        <v>83</v>
      </c>
      <c r="AY5" s="259" t="s">
        <v>47</v>
      </c>
      <c r="AZ5" s="259" t="s">
        <v>48</v>
      </c>
      <c r="BA5" s="259" t="s">
        <v>49</v>
      </c>
      <c r="BB5" s="259" t="s">
        <v>50</v>
      </c>
      <c r="BC5" s="259" t="s">
        <v>51</v>
      </c>
      <c r="BD5" s="265" t="s">
        <v>45</v>
      </c>
      <c r="BE5" s="564"/>
      <c r="BF5" s="350" t="s">
        <v>43</v>
      </c>
      <c r="BG5" s="259" t="s">
        <v>44</v>
      </c>
      <c r="BH5" s="265" t="s">
        <v>45</v>
      </c>
      <c r="BI5" s="267" t="s">
        <v>83</v>
      </c>
      <c r="BJ5" s="259" t="s">
        <v>47</v>
      </c>
      <c r="BK5" s="259" t="s">
        <v>48</v>
      </c>
      <c r="BL5" s="259" t="s">
        <v>49</v>
      </c>
      <c r="BM5" s="259" t="s">
        <v>50</v>
      </c>
      <c r="BN5" s="259" t="s">
        <v>51</v>
      </c>
      <c r="BO5" s="265" t="s">
        <v>45</v>
      </c>
      <c r="BP5" s="564"/>
      <c r="BQ5" s="350" t="s">
        <v>43</v>
      </c>
      <c r="BR5" s="259" t="s">
        <v>44</v>
      </c>
      <c r="BS5" s="265" t="s">
        <v>45</v>
      </c>
      <c r="BT5" s="267" t="s">
        <v>83</v>
      </c>
      <c r="BU5" s="259" t="s">
        <v>47</v>
      </c>
      <c r="BV5" s="259" t="s">
        <v>48</v>
      </c>
      <c r="BW5" s="259" t="s">
        <v>49</v>
      </c>
      <c r="BX5" s="259" t="s">
        <v>50</v>
      </c>
      <c r="BY5" s="259" t="s">
        <v>51</v>
      </c>
      <c r="BZ5" s="265" t="s">
        <v>45</v>
      </c>
      <c r="CA5" s="564"/>
      <c r="CB5" s="350" t="s">
        <v>43</v>
      </c>
      <c r="CC5" s="259" t="s">
        <v>44</v>
      </c>
      <c r="CD5" s="265" t="s">
        <v>45</v>
      </c>
      <c r="CE5" s="267" t="s">
        <v>83</v>
      </c>
      <c r="CF5" s="259" t="s">
        <v>47</v>
      </c>
      <c r="CG5" s="259" t="s">
        <v>48</v>
      </c>
      <c r="CH5" s="259" t="s">
        <v>49</v>
      </c>
      <c r="CI5" s="259" t="s">
        <v>50</v>
      </c>
      <c r="CJ5" s="259" t="s">
        <v>51</v>
      </c>
      <c r="CK5" s="265" t="s">
        <v>45</v>
      </c>
      <c r="CL5" s="564"/>
      <c r="CM5" s="350" t="s">
        <v>43</v>
      </c>
      <c r="CN5" s="259" t="s">
        <v>44</v>
      </c>
      <c r="CO5" s="265" t="s">
        <v>45</v>
      </c>
      <c r="CP5" s="267" t="s">
        <v>83</v>
      </c>
      <c r="CQ5" s="259" t="s">
        <v>47</v>
      </c>
      <c r="CR5" s="259" t="s">
        <v>48</v>
      </c>
      <c r="CS5" s="259" t="s">
        <v>49</v>
      </c>
      <c r="CT5" s="259" t="s">
        <v>50</v>
      </c>
      <c r="CU5" s="259" t="s">
        <v>51</v>
      </c>
      <c r="CV5" s="265" t="s">
        <v>45</v>
      </c>
      <c r="CW5" s="564"/>
    </row>
    <row r="6" spans="1:101" ht="21" customHeight="1" x14ac:dyDescent="0.2">
      <c r="B6" s="260" t="s">
        <v>4</v>
      </c>
      <c r="C6" s="269">
        <v>0</v>
      </c>
      <c r="D6" s="270">
        <v>0</v>
      </c>
      <c r="E6" s="271">
        <v>0</v>
      </c>
      <c r="F6" s="272">
        <v>0</v>
      </c>
      <c r="G6" s="273">
        <v>27</v>
      </c>
      <c r="H6" s="273">
        <v>34</v>
      </c>
      <c r="I6" s="273">
        <v>27</v>
      </c>
      <c r="J6" s="273">
        <v>29</v>
      </c>
      <c r="K6" s="273">
        <v>23</v>
      </c>
      <c r="L6" s="274">
        <v>140</v>
      </c>
      <c r="M6" s="275">
        <v>140</v>
      </c>
      <c r="N6" s="269">
        <v>0</v>
      </c>
      <c r="O6" s="273">
        <v>0</v>
      </c>
      <c r="P6" s="270">
        <v>0</v>
      </c>
      <c r="Q6" s="272">
        <v>0</v>
      </c>
      <c r="R6" s="273">
        <v>12</v>
      </c>
      <c r="S6" s="273">
        <v>27</v>
      </c>
      <c r="T6" s="273">
        <v>32</v>
      </c>
      <c r="U6" s="273">
        <v>26</v>
      </c>
      <c r="V6" s="273">
        <v>24</v>
      </c>
      <c r="W6" s="270">
        <v>121</v>
      </c>
      <c r="X6" s="275">
        <v>121</v>
      </c>
      <c r="Y6" s="269">
        <v>0</v>
      </c>
      <c r="Z6" s="273">
        <v>0</v>
      </c>
      <c r="AA6" s="270">
        <v>0</v>
      </c>
      <c r="AB6" s="272">
        <v>0</v>
      </c>
      <c r="AC6" s="273">
        <v>772</v>
      </c>
      <c r="AD6" s="273">
        <v>655</v>
      </c>
      <c r="AE6" s="273">
        <v>299</v>
      </c>
      <c r="AF6" s="273">
        <v>143</v>
      </c>
      <c r="AG6" s="273">
        <v>43</v>
      </c>
      <c r="AH6" s="270">
        <v>1912</v>
      </c>
      <c r="AI6" s="275">
        <v>1912</v>
      </c>
      <c r="AJ6" s="269">
        <v>1</v>
      </c>
      <c r="AK6" s="273">
        <v>0</v>
      </c>
      <c r="AL6" s="270">
        <v>1</v>
      </c>
      <c r="AM6" s="272">
        <v>0</v>
      </c>
      <c r="AN6" s="273">
        <v>47</v>
      </c>
      <c r="AO6" s="273">
        <v>65</v>
      </c>
      <c r="AP6" s="273">
        <v>73</v>
      </c>
      <c r="AQ6" s="273">
        <v>31</v>
      </c>
      <c r="AR6" s="273">
        <v>21</v>
      </c>
      <c r="AS6" s="270">
        <v>237</v>
      </c>
      <c r="AT6" s="275">
        <v>238</v>
      </c>
      <c r="AU6" s="269">
        <v>12</v>
      </c>
      <c r="AV6" s="273">
        <v>25</v>
      </c>
      <c r="AW6" s="270">
        <v>37</v>
      </c>
      <c r="AX6" s="272">
        <v>0</v>
      </c>
      <c r="AY6" s="273">
        <v>70</v>
      </c>
      <c r="AZ6" s="273">
        <v>52</v>
      </c>
      <c r="BA6" s="273">
        <v>49</v>
      </c>
      <c r="BB6" s="273">
        <v>39</v>
      </c>
      <c r="BC6" s="273">
        <v>18</v>
      </c>
      <c r="BD6" s="270">
        <v>228</v>
      </c>
      <c r="BE6" s="275">
        <v>265</v>
      </c>
      <c r="BF6" s="269">
        <v>0</v>
      </c>
      <c r="BG6" s="273">
        <v>0</v>
      </c>
      <c r="BH6" s="270">
        <v>0</v>
      </c>
      <c r="BI6" s="272">
        <v>0</v>
      </c>
      <c r="BJ6" s="273">
        <v>69</v>
      </c>
      <c r="BK6" s="273">
        <v>105</v>
      </c>
      <c r="BL6" s="273">
        <v>139</v>
      </c>
      <c r="BM6" s="273">
        <v>102</v>
      </c>
      <c r="BN6" s="273">
        <v>63</v>
      </c>
      <c r="BO6" s="274">
        <v>478</v>
      </c>
      <c r="BP6" s="275">
        <v>478</v>
      </c>
      <c r="BQ6" s="269">
        <v>0</v>
      </c>
      <c r="BR6" s="273">
        <v>0</v>
      </c>
      <c r="BS6" s="270">
        <v>0</v>
      </c>
      <c r="BT6" s="272">
        <v>0</v>
      </c>
      <c r="BU6" s="273">
        <v>4</v>
      </c>
      <c r="BV6" s="273">
        <v>7</v>
      </c>
      <c r="BW6" s="273">
        <v>4</v>
      </c>
      <c r="BX6" s="273">
        <v>5</v>
      </c>
      <c r="BY6" s="273">
        <v>4</v>
      </c>
      <c r="BZ6" s="270">
        <v>24</v>
      </c>
      <c r="CA6" s="275">
        <v>24</v>
      </c>
      <c r="CB6" s="269">
        <v>0</v>
      </c>
      <c r="CC6" s="273">
        <v>0</v>
      </c>
      <c r="CD6" s="270">
        <v>0</v>
      </c>
      <c r="CE6" s="272">
        <v>0</v>
      </c>
      <c r="CF6" s="273">
        <v>1</v>
      </c>
      <c r="CG6" s="273">
        <v>3</v>
      </c>
      <c r="CH6" s="273">
        <v>13</v>
      </c>
      <c r="CI6" s="273">
        <v>16</v>
      </c>
      <c r="CJ6" s="273">
        <v>8</v>
      </c>
      <c r="CK6" s="270">
        <v>41</v>
      </c>
      <c r="CL6" s="275">
        <v>41</v>
      </c>
      <c r="CM6" s="269">
        <v>0</v>
      </c>
      <c r="CN6" s="273">
        <v>0</v>
      </c>
      <c r="CO6" s="270">
        <v>0</v>
      </c>
      <c r="CP6" s="272">
        <v>0</v>
      </c>
      <c r="CQ6" s="273">
        <v>10</v>
      </c>
      <c r="CR6" s="273">
        <v>11</v>
      </c>
      <c r="CS6" s="273">
        <v>17</v>
      </c>
      <c r="CT6" s="273">
        <v>19</v>
      </c>
      <c r="CU6" s="273">
        <v>37</v>
      </c>
      <c r="CV6" s="270">
        <v>94</v>
      </c>
      <c r="CW6" s="275">
        <v>94</v>
      </c>
    </row>
    <row r="7" spans="1:101" ht="21" customHeight="1" x14ac:dyDescent="0.2">
      <c r="B7" s="261" t="s">
        <v>5</v>
      </c>
      <c r="C7" s="276">
        <v>0</v>
      </c>
      <c r="D7" s="277">
        <v>0</v>
      </c>
      <c r="E7" s="278">
        <v>0</v>
      </c>
      <c r="F7" s="279">
        <v>0</v>
      </c>
      <c r="G7" s="280">
        <v>9</v>
      </c>
      <c r="H7" s="280">
        <v>17</v>
      </c>
      <c r="I7" s="280">
        <v>13</v>
      </c>
      <c r="J7" s="280">
        <v>12</v>
      </c>
      <c r="K7" s="280">
        <v>9</v>
      </c>
      <c r="L7" s="281">
        <v>60</v>
      </c>
      <c r="M7" s="282">
        <v>60</v>
      </c>
      <c r="N7" s="276">
        <v>0</v>
      </c>
      <c r="O7" s="280">
        <v>0</v>
      </c>
      <c r="P7" s="277">
        <v>0</v>
      </c>
      <c r="Q7" s="279">
        <v>0</v>
      </c>
      <c r="R7" s="280">
        <v>6</v>
      </c>
      <c r="S7" s="280">
        <v>21</v>
      </c>
      <c r="T7" s="280">
        <v>21</v>
      </c>
      <c r="U7" s="280">
        <v>18</v>
      </c>
      <c r="V7" s="280">
        <v>17</v>
      </c>
      <c r="W7" s="277">
        <v>83</v>
      </c>
      <c r="X7" s="282">
        <v>83</v>
      </c>
      <c r="Y7" s="276">
        <v>0</v>
      </c>
      <c r="Z7" s="280">
        <v>0</v>
      </c>
      <c r="AA7" s="277">
        <v>0</v>
      </c>
      <c r="AB7" s="279">
        <v>0</v>
      </c>
      <c r="AC7" s="280">
        <v>297</v>
      </c>
      <c r="AD7" s="280">
        <v>355</v>
      </c>
      <c r="AE7" s="280">
        <v>138</v>
      </c>
      <c r="AF7" s="280">
        <v>72</v>
      </c>
      <c r="AG7" s="280">
        <v>23</v>
      </c>
      <c r="AH7" s="277">
        <v>885</v>
      </c>
      <c r="AI7" s="282">
        <v>885</v>
      </c>
      <c r="AJ7" s="276">
        <v>1</v>
      </c>
      <c r="AK7" s="280">
        <v>0</v>
      </c>
      <c r="AL7" s="277">
        <v>1</v>
      </c>
      <c r="AM7" s="279">
        <v>0</v>
      </c>
      <c r="AN7" s="280">
        <v>28</v>
      </c>
      <c r="AO7" s="280">
        <v>37</v>
      </c>
      <c r="AP7" s="280">
        <v>31</v>
      </c>
      <c r="AQ7" s="280">
        <v>21</v>
      </c>
      <c r="AR7" s="280">
        <v>10</v>
      </c>
      <c r="AS7" s="277">
        <v>127</v>
      </c>
      <c r="AT7" s="282">
        <v>128</v>
      </c>
      <c r="AU7" s="276">
        <v>8</v>
      </c>
      <c r="AV7" s="280">
        <v>10</v>
      </c>
      <c r="AW7" s="277">
        <v>18</v>
      </c>
      <c r="AX7" s="279">
        <v>0</v>
      </c>
      <c r="AY7" s="280">
        <v>27</v>
      </c>
      <c r="AZ7" s="280">
        <v>23</v>
      </c>
      <c r="BA7" s="280">
        <v>22</v>
      </c>
      <c r="BB7" s="280">
        <v>23</v>
      </c>
      <c r="BC7" s="280">
        <v>8</v>
      </c>
      <c r="BD7" s="277">
        <v>103</v>
      </c>
      <c r="BE7" s="282">
        <v>121</v>
      </c>
      <c r="BF7" s="276">
        <v>0</v>
      </c>
      <c r="BG7" s="280">
        <v>0</v>
      </c>
      <c r="BH7" s="277">
        <v>0</v>
      </c>
      <c r="BI7" s="279">
        <v>0</v>
      </c>
      <c r="BJ7" s="280">
        <v>29</v>
      </c>
      <c r="BK7" s="280">
        <v>39</v>
      </c>
      <c r="BL7" s="280">
        <v>54</v>
      </c>
      <c r="BM7" s="280">
        <v>38</v>
      </c>
      <c r="BN7" s="280">
        <v>21</v>
      </c>
      <c r="BO7" s="281">
        <v>181</v>
      </c>
      <c r="BP7" s="282">
        <v>181</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0</v>
      </c>
      <c r="CI7" s="280">
        <v>2</v>
      </c>
      <c r="CJ7" s="280">
        <v>0</v>
      </c>
      <c r="CK7" s="277">
        <v>3</v>
      </c>
      <c r="CL7" s="282">
        <v>3</v>
      </c>
      <c r="CM7" s="276">
        <v>0</v>
      </c>
      <c r="CN7" s="280">
        <v>0</v>
      </c>
      <c r="CO7" s="277">
        <v>0</v>
      </c>
      <c r="CP7" s="279">
        <v>0</v>
      </c>
      <c r="CQ7" s="280">
        <v>2</v>
      </c>
      <c r="CR7" s="280">
        <v>4</v>
      </c>
      <c r="CS7" s="280">
        <v>6</v>
      </c>
      <c r="CT7" s="280">
        <v>5</v>
      </c>
      <c r="CU7" s="280">
        <v>16</v>
      </c>
      <c r="CV7" s="277">
        <v>33</v>
      </c>
      <c r="CW7" s="282">
        <v>33</v>
      </c>
    </row>
    <row r="8" spans="1:101" ht="21" customHeight="1" x14ac:dyDescent="0.2">
      <c r="B8" s="261" t="s">
        <v>6</v>
      </c>
      <c r="C8" s="276">
        <v>0</v>
      </c>
      <c r="D8" s="277">
        <v>0</v>
      </c>
      <c r="E8" s="278">
        <v>0</v>
      </c>
      <c r="F8" s="279">
        <v>0</v>
      </c>
      <c r="G8" s="280">
        <v>10</v>
      </c>
      <c r="H8" s="280">
        <v>6</v>
      </c>
      <c r="I8" s="280">
        <v>7</v>
      </c>
      <c r="J8" s="280">
        <v>7</v>
      </c>
      <c r="K8" s="280">
        <v>7</v>
      </c>
      <c r="L8" s="281">
        <v>37</v>
      </c>
      <c r="M8" s="282">
        <v>37</v>
      </c>
      <c r="N8" s="276">
        <v>0</v>
      </c>
      <c r="O8" s="280">
        <v>0</v>
      </c>
      <c r="P8" s="277">
        <v>0</v>
      </c>
      <c r="Q8" s="279">
        <v>0</v>
      </c>
      <c r="R8" s="280">
        <v>4</v>
      </c>
      <c r="S8" s="280">
        <v>5</v>
      </c>
      <c r="T8" s="280">
        <v>9</v>
      </c>
      <c r="U8" s="280">
        <v>6</v>
      </c>
      <c r="V8" s="280">
        <v>6</v>
      </c>
      <c r="W8" s="277">
        <v>30</v>
      </c>
      <c r="X8" s="282">
        <v>30</v>
      </c>
      <c r="Y8" s="276">
        <v>0</v>
      </c>
      <c r="Z8" s="280">
        <v>0</v>
      </c>
      <c r="AA8" s="277">
        <v>0</v>
      </c>
      <c r="AB8" s="279">
        <v>0</v>
      </c>
      <c r="AC8" s="280">
        <v>127</v>
      </c>
      <c r="AD8" s="280">
        <v>66</v>
      </c>
      <c r="AE8" s="280">
        <v>38</v>
      </c>
      <c r="AF8" s="280">
        <v>20</v>
      </c>
      <c r="AG8" s="280">
        <v>7</v>
      </c>
      <c r="AH8" s="277">
        <v>258</v>
      </c>
      <c r="AI8" s="282">
        <v>258</v>
      </c>
      <c r="AJ8" s="276">
        <v>0</v>
      </c>
      <c r="AK8" s="280">
        <v>0</v>
      </c>
      <c r="AL8" s="277">
        <v>0</v>
      </c>
      <c r="AM8" s="279">
        <v>0</v>
      </c>
      <c r="AN8" s="280">
        <v>8</v>
      </c>
      <c r="AO8" s="280">
        <v>13</v>
      </c>
      <c r="AP8" s="280">
        <v>21</v>
      </c>
      <c r="AQ8" s="280">
        <v>6</v>
      </c>
      <c r="AR8" s="280">
        <v>5</v>
      </c>
      <c r="AS8" s="277">
        <v>53</v>
      </c>
      <c r="AT8" s="282">
        <v>53</v>
      </c>
      <c r="AU8" s="276">
        <v>2</v>
      </c>
      <c r="AV8" s="280">
        <v>5</v>
      </c>
      <c r="AW8" s="277">
        <v>7</v>
      </c>
      <c r="AX8" s="279">
        <v>0</v>
      </c>
      <c r="AY8" s="280">
        <v>13</v>
      </c>
      <c r="AZ8" s="280">
        <v>5</v>
      </c>
      <c r="BA8" s="280">
        <v>6</v>
      </c>
      <c r="BB8" s="280">
        <v>1</v>
      </c>
      <c r="BC8" s="280">
        <v>2</v>
      </c>
      <c r="BD8" s="277">
        <v>27</v>
      </c>
      <c r="BE8" s="282">
        <v>34</v>
      </c>
      <c r="BF8" s="276">
        <v>0</v>
      </c>
      <c r="BG8" s="280">
        <v>0</v>
      </c>
      <c r="BH8" s="277">
        <v>0</v>
      </c>
      <c r="BI8" s="279">
        <v>0</v>
      </c>
      <c r="BJ8" s="280">
        <v>18</v>
      </c>
      <c r="BK8" s="280">
        <v>23</v>
      </c>
      <c r="BL8" s="280">
        <v>29</v>
      </c>
      <c r="BM8" s="280">
        <v>19</v>
      </c>
      <c r="BN8" s="280">
        <v>13</v>
      </c>
      <c r="BO8" s="281">
        <v>102</v>
      </c>
      <c r="BP8" s="282">
        <v>102</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1</v>
      </c>
      <c r="CG8" s="280">
        <v>0</v>
      </c>
      <c r="CH8" s="280">
        <v>10</v>
      </c>
      <c r="CI8" s="280">
        <v>4</v>
      </c>
      <c r="CJ8" s="280">
        <v>3</v>
      </c>
      <c r="CK8" s="277">
        <v>18</v>
      </c>
      <c r="CL8" s="282">
        <v>18</v>
      </c>
      <c r="CM8" s="276">
        <v>0</v>
      </c>
      <c r="CN8" s="280">
        <v>0</v>
      </c>
      <c r="CO8" s="277">
        <v>0</v>
      </c>
      <c r="CP8" s="279">
        <v>0</v>
      </c>
      <c r="CQ8" s="280">
        <v>5</v>
      </c>
      <c r="CR8" s="280">
        <v>4</v>
      </c>
      <c r="CS8" s="280">
        <v>6</v>
      </c>
      <c r="CT8" s="280">
        <v>8</v>
      </c>
      <c r="CU8" s="280">
        <v>6</v>
      </c>
      <c r="CV8" s="277">
        <v>29</v>
      </c>
      <c r="CW8" s="282">
        <v>29</v>
      </c>
    </row>
    <row r="9" spans="1:101" ht="21" customHeight="1" x14ac:dyDescent="0.2">
      <c r="B9" s="261" t="s">
        <v>14</v>
      </c>
      <c r="C9" s="276">
        <v>0</v>
      </c>
      <c r="D9" s="277">
        <v>0</v>
      </c>
      <c r="E9" s="278">
        <v>0</v>
      </c>
      <c r="F9" s="279">
        <v>0</v>
      </c>
      <c r="G9" s="280">
        <v>2</v>
      </c>
      <c r="H9" s="280">
        <v>2</v>
      </c>
      <c r="I9" s="280">
        <v>0</v>
      </c>
      <c r="J9" s="280">
        <v>2</v>
      </c>
      <c r="K9" s="280">
        <v>1</v>
      </c>
      <c r="L9" s="281">
        <v>7</v>
      </c>
      <c r="M9" s="282">
        <v>7</v>
      </c>
      <c r="N9" s="276">
        <v>0</v>
      </c>
      <c r="O9" s="280">
        <v>0</v>
      </c>
      <c r="P9" s="277">
        <v>0</v>
      </c>
      <c r="Q9" s="279">
        <v>0</v>
      </c>
      <c r="R9" s="280">
        <v>0</v>
      </c>
      <c r="S9" s="280">
        <v>0</v>
      </c>
      <c r="T9" s="280">
        <v>0</v>
      </c>
      <c r="U9" s="280">
        <v>0</v>
      </c>
      <c r="V9" s="280">
        <v>0</v>
      </c>
      <c r="W9" s="277">
        <v>0</v>
      </c>
      <c r="X9" s="282">
        <v>0</v>
      </c>
      <c r="Y9" s="276">
        <v>0</v>
      </c>
      <c r="Z9" s="280">
        <v>0</v>
      </c>
      <c r="AA9" s="277">
        <v>0</v>
      </c>
      <c r="AB9" s="279">
        <v>0</v>
      </c>
      <c r="AC9" s="280">
        <v>53</v>
      </c>
      <c r="AD9" s="280">
        <v>49</v>
      </c>
      <c r="AE9" s="280">
        <v>20</v>
      </c>
      <c r="AF9" s="280">
        <v>5</v>
      </c>
      <c r="AG9" s="280">
        <v>3</v>
      </c>
      <c r="AH9" s="277">
        <v>130</v>
      </c>
      <c r="AI9" s="282">
        <v>130</v>
      </c>
      <c r="AJ9" s="276">
        <v>0</v>
      </c>
      <c r="AK9" s="280">
        <v>0</v>
      </c>
      <c r="AL9" s="277">
        <v>0</v>
      </c>
      <c r="AM9" s="279">
        <v>0</v>
      </c>
      <c r="AN9" s="280">
        <v>1</v>
      </c>
      <c r="AO9" s="280">
        <v>1</v>
      </c>
      <c r="AP9" s="280">
        <v>0</v>
      </c>
      <c r="AQ9" s="280">
        <v>0</v>
      </c>
      <c r="AR9" s="280">
        <v>1</v>
      </c>
      <c r="AS9" s="277">
        <v>3</v>
      </c>
      <c r="AT9" s="282">
        <v>3</v>
      </c>
      <c r="AU9" s="276">
        <v>0</v>
      </c>
      <c r="AV9" s="280">
        <v>2</v>
      </c>
      <c r="AW9" s="277">
        <v>2</v>
      </c>
      <c r="AX9" s="279">
        <v>0</v>
      </c>
      <c r="AY9" s="280">
        <v>2</v>
      </c>
      <c r="AZ9" s="280">
        <v>7</v>
      </c>
      <c r="BA9" s="280">
        <v>5</v>
      </c>
      <c r="BB9" s="280">
        <v>3</v>
      </c>
      <c r="BC9" s="280">
        <v>1</v>
      </c>
      <c r="BD9" s="277">
        <v>18</v>
      </c>
      <c r="BE9" s="282">
        <v>20</v>
      </c>
      <c r="BF9" s="276">
        <v>0</v>
      </c>
      <c r="BG9" s="280">
        <v>0</v>
      </c>
      <c r="BH9" s="277">
        <v>0</v>
      </c>
      <c r="BI9" s="279">
        <v>0</v>
      </c>
      <c r="BJ9" s="280">
        <v>6</v>
      </c>
      <c r="BK9" s="280">
        <v>8</v>
      </c>
      <c r="BL9" s="280">
        <v>12</v>
      </c>
      <c r="BM9" s="280">
        <v>6</v>
      </c>
      <c r="BN9" s="280">
        <v>5</v>
      </c>
      <c r="BO9" s="281">
        <v>37</v>
      </c>
      <c r="BP9" s="282">
        <v>37</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1</v>
      </c>
      <c r="CH9" s="280">
        <v>1</v>
      </c>
      <c r="CI9" s="280">
        <v>0</v>
      </c>
      <c r="CJ9" s="280">
        <v>0</v>
      </c>
      <c r="CK9" s="277">
        <v>2</v>
      </c>
      <c r="CL9" s="282">
        <v>2</v>
      </c>
      <c r="CM9" s="276">
        <v>0</v>
      </c>
      <c r="CN9" s="280">
        <v>0</v>
      </c>
      <c r="CO9" s="277">
        <v>0</v>
      </c>
      <c r="CP9" s="279">
        <v>0</v>
      </c>
      <c r="CQ9" s="280">
        <v>2</v>
      </c>
      <c r="CR9" s="280">
        <v>0</v>
      </c>
      <c r="CS9" s="280">
        <v>0</v>
      </c>
      <c r="CT9" s="280">
        <v>2</v>
      </c>
      <c r="CU9" s="280">
        <v>2</v>
      </c>
      <c r="CV9" s="277">
        <v>6</v>
      </c>
      <c r="CW9" s="282">
        <v>6</v>
      </c>
    </row>
    <row r="10" spans="1:101" ht="21" customHeight="1" x14ac:dyDescent="0.2">
      <c r="B10" s="261" t="s">
        <v>7</v>
      </c>
      <c r="C10" s="276">
        <v>0</v>
      </c>
      <c r="D10" s="277">
        <v>0</v>
      </c>
      <c r="E10" s="278">
        <v>0</v>
      </c>
      <c r="F10" s="279">
        <v>0</v>
      </c>
      <c r="G10" s="280">
        <v>0</v>
      </c>
      <c r="H10" s="280">
        <v>1</v>
      </c>
      <c r="I10" s="280">
        <v>1</v>
      </c>
      <c r="J10" s="280">
        <v>0</v>
      </c>
      <c r="K10" s="280">
        <v>0</v>
      </c>
      <c r="L10" s="281">
        <v>2</v>
      </c>
      <c r="M10" s="282">
        <v>2</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33</v>
      </c>
      <c r="AD10" s="280">
        <v>22</v>
      </c>
      <c r="AE10" s="280">
        <v>13</v>
      </c>
      <c r="AF10" s="280">
        <v>4</v>
      </c>
      <c r="AG10" s="280">
        <v>1</v>
      </c>
      <c r="AH10" s="277">
        <v>73</v>
      </c>
      <c r="AI10" s="282">
        <v>73</v>
      </c>
      <c r="AJ10" s="276">
        <v>0</v>
      </c>
      <c r="AK10" s="280">
        <v>0</v>
      </c>
      <c r="AL10" s="277">
        <v>0</v>
      </c>
      <c r="AM10" s="279">
        <v>0</v>
      </c>
      <c r="AN10" s="280">
        <v>4</v>
      </c>
      <c r="AO10" s="280">
        <v>3</v>
      </c>
      <c r="AP10" s="280">
        <v>6</v>
      </c>
      <c r="AQ10" s="280">
        <v>2</v>
      </c>
      <c r="AR10" s="280">
        <v>1</v>
      </c>
      <c r="AS10" s="277">
        <v>16</v>
      </c>
      <c r="AT10" s="282">
        <v>16</v>
      </c>
      <c r="AU10" s="276">
        <v>0</v>
      </c>
      <c r="AV10" s="280">
        <v>0</v>
      </c>
      <c r="AW10" s="277">
        <v>0</v>
      </c>
      <c r="AX10" s="279">
        <v>0</v>
      </c>
      <c r="AY10" s="280">
        <v>1</v>
      </c>
      <c r="AZ10" s="280">
        <v>2</v>
      </c>
      <c r="BA10" s="280">
        <v>1</v>
      </c>
      <c r="BB10" s="280">
        <v>0</v>
      </c>
      <c r="BC10" s="280">
        <v>0</v>
      </c>
      <c r="BD10" s="277">
        <v>4</v>
      </c>
      <c r="BE10" s="282">
        <v>4</v>
      </c>
      <c r="BF10" s="276">
        <v>0</v>
      </c>
      <c r="BG10" s="280">
        <v>0</v>
      </c>
      <c r="BH10" s="277">
        <v>0</v>
      </c>
      <c r="BI10" s="279">
        <v>0</v>
      </c>
      <c r="BJ10" s="280">
        <v>3</v>
      </c>
      <c r="BK10" s="280">
        <v>3</v>
      </c>
      <c r="BL10" s="280">
        <v>5</v>
      </c>
      <c r="BM10" s="280">
        <v>4</v>
      </c>
      <c r="BN10" s="280">
        <v>1</v>
      </c>
      <c r="BO10" s="281">
        <v>16</v>
      </c>
      <c r="BP10" s="282">
        <v>16</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0</v>
      </c>
      <c r="CR10" s="280">
        <v>1</v>
      </c>
      <c r="CS10" s="280">
        <v>0</v>
      </c>
      <c r="CT10" s="280">
        <v>0</v>
      </c>
      <c r="CU10" s="280">
        <v>1</v>
      </c>
      <c r="CV10" s="277">
        <v>2</v>
      </c>
      <c r="CW10" s="282">
        <v>2</v>
      </c>
    </row>
    <row r="11" spans="1:101" ht="21" customHeight="1" x14ac:dyDescent="0.2">
      <c r="B11" s="261" t="s">
        <v>8</v>
      </c>
      <c r="C11" s="276">
        <v>0</v>
      </c>
      <c r="D11" s="277">
        <v>0</v>
      </c>
      <c r="E11" s="278">
        <v>0</v>
      </c>
      <c r="F11" s="279">
        <v>0</v>
      </c>
      <c r="G11" s="280">
        <v>0</v>
      </c>
      <c r="H11" s="280">
        <v>0</v>
      </c>
      <c r="I11" s="280">
        <v>0</v>
      </c>
      <c r="J11" s="280">
        <v>1</v>
      </c>
      <c r="K11" s="280">
        <v>0</v>
      </c>
      <c r="L11" s="281">
        <v>1</v>
      </c>
      <c r="M11" s="282">
        <v>1</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35</v>
      </c>
      <c r="AD11" s="280">
        <v>17</v>
      </c>
      <c r="AE11" s="280">
        <v>5</v>
      </c>
      <c r="AF11" s="280">
        <v>5</v>
      </c>
      <c r="AG11" s="280">
        <v>0</v>
      </c>
      <c r="AH11" s="277">
        <v>62</v>
      </c>
      <c r="AI11" s="282">
        <v>62</v>
      </c>
      <c r="AJ11" s="276">
        <v>0</v>
      </c>
      <c r="AK11" s="280">
        <v>0</v>
      </c>
      <c r="AL11" s="277">
        <v>0</v>
      </c>
      <c r="AM11" s="279">
        <v>0</v>
      </c>
      <c r="AN11" s="280">
        <v>0</v>
      </c>
      <c r="AO11" s="280">
        <v>0</v>
      </c>
      <c r="AP11" s="280">
        <v>0</v>
      </c>
      <c r="AQ11" s="280">
        <v>0</v>
      </c>
      <c r="AR11" s="280">
        <v>0</v>
      </c>
      <c r="AS11" s="277">
        <v>0</v>
      </c>
      <c r="AT11" s="282">
        <v>0</v>
      </c>
      <c r="AU11" s="276">
        <v>0</v>
      </c>
      <c r="AV11" s="280">
        <v>0</v>
      </c>
      <c r="AW11" s="277">
        <v>0</v>
      </c>
      <c r="AX11" s="279">
        <v>0</v>
      </c>
      <c r="AY11" s="280">
        <v>3</v>
      </c>
      <c r="AZ11" s="280">
        <v>0</v>
      </c>
      <c r="BA11" s="280">
        <v>1</v>
      </c>
      <c r="BB11" s="280">
        <v>0</v>
      </c>
      <c r="BC11" s="280">
        <v>1</v>
      </c>
      <c r="BD11" s="277">
        <v>5</v>
      </c>
      <c r="BE11" s="282">
        <v>5</v>
      </c>
      <c r="BF11" s="276">
        <v>0</v>
      </c>
      <c r="BG11" s="280">
        <v>0</v>
      </c>
      <c r="BH11" s="277">
        <v>0</v>
      </c>
      <c r="BI11" s="279">
        <v>0</v>
      </c>
      <c r="BJ11" s="280">
        <v>0</v>
      </c>
      <c r="BK11" s="280">
        <v>2</v>
      </c>
      <c r="BL11" s="280">
        <v>0</v>
      </c>
      <c r="BM11" s="280">
        <v>4</v>
      </c>
      <c r="BN11" s="280">
        <v>1</v>
      </c>
      <c r="BO11" s="281">
        <v>7</v>
      </c>
      <c r="BP11" s="282">
        <v>7</v>
      </c>
      <c r="BQ11" s="276">
        <v>0</v>
      </c>
      <c r="BR11" s="280">
        <v>0</v>
      </c>
      <c r="BS11" s="277">
        <v>0</v>
      </c>
      <c r="BT11" s="279">
        <v>0</v>
      </c>
      <c r="BU11" s="280">
        <v>0</v>
      </c>
      <c r="BV11" s="280">
        <v>0</v>
      </c>
      <c r="BW11" s="280">
        <v>0</v>
      </c>
      <c r="BX11" s="280">
        <v>1</v>
      </c>
      <c r="BY11" s="280">
        <v>0</v>
      </c>
      <c r="BZ11" s="277">
        <v>1</v>
      </c>
      <c r="CA11" s="282">
        <v>1</v>
      </c>
      <c r="CB11" s="276">
        <v>0</v>
      </c>
      <c r="CC11" s="280">
        <v>0</v>
      </c>
      <c r="CD11" s="277">
        <v>0</v>
      </c>
      <c r="CE11" s="279">
        <v>0</v>
      </c>
      <c r="CF11" s="280">
        <v>0</v>
      </c>
      <c r="CG11" s="280">
        <v>0</v>
      </c>
      <c r="CH11" s="280">
        <v>0</v>
      </c>
      <c r="CI11" s="280">
        <v>0</v>
      </c>
      <c r="CJ11" s="280">
        <v>1</v>
      </c>
      <c r="CK11" s="277">
        <v>1</v>
      </c>
      <c r="CL11" s="282">
        <v>1</v>
      </c>
      <c r="CM11" s="276">
        <v>0</v>
      </c>
      <c r="CN11" s="280">
        <v>0</v>
      </c>
      <c r="CO11" s="277">
        <v>0</v>
      </c>
      <c r="CP11" s="279">
        <v>0</v>
      </c>
      <c r="CQ11" s="280">
        <v>0</v>
      </c>
      <c r="CR11" s="280">
        <v>0</v>
      </c>
      <c r="CS11" s="280">
        <v>0</v>
      </c>
      <c r="CT11" s="280">
        <v>1</v>
      </c>
      <c r="CU11" s="280">
        <v>0</v>
      </c>
      <c r="CV11" s="277">
        <v>1</v>
      </c>
      <c r="CW11" s="282">
        <v>1</v>
      </c>
    </row>
    <row r="12" spans="1:101" ht="21" customHeight="1" x14ac:dyDescent="0.2">
      <c r="B12" s="261" t="s">
        <v>9</v>
      </c>
      <c r="C12" s="276">
        <v>0</v>
      </c>
      <c r="D12" s="277">
        <v>0</v>
      </c>
      <c r="E12" s="278">
        <v>0</v>
      </c>
      <c r="F12" s="279">
        <v>0</v>
      </c>
      <c r="G12" s="280">
        <v>1</v>
      </c>
      <c r="H12" s="280">
        <v>1</v>
      </c>
      <c r="I12" s="280">
        <v>1</v>
      </c>
      <c r="J12" s="280">
        <v>2</v>
      </c>
      <c r="K12" s="280">
        <v>0</v>
      </c>
      <c r="L12" s="281">
        <v>5</v>
      </c>
      <c r="M12" s="282">
        <v>5</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2</v>
      </c>
      <c r="AD12" s="280">
        <v>26</v>
      </c>
      <c r="AE12" s="280">
        <v>16</v>
      </c>
      <c r="AF12" s="280">
        <v>7</v>
      </c>
      <c r="AG12" s="280">
        <v>2</v>
      </c>
      <c r="AH12" s="277">
        <v>93</v>
      </c>
      <c r="AI12" s="282">
        <v>93</v>
      </c>
      <c r="AJ12" s="276">
        <v>0</v>
      </c>
      <c r="AK12" s="280">
        <v>0</v>
      </c>
      <c r="AL12" s="277">
        <v>0</v>
      </c>
      <c r="AM12" s="279">
        <v>0</v>
      </c>
      <c r="AN12" s="280">
        <v>0</v>
      </c>
      <c r="AO12" s="280">
        <v>0</v>
      </c>
      <c r="AP12" s="280">
        <v>2</v>
      </c>
      <c r="AQ12" s="280">
        <v>1</v>
      </c>
      <c r="AR12" s="280">
        <v>1</v>
      </c>
      <c r="AS12" s="277">
        <v>4</v>
      </c>
      <c r="AT12" s="282">
        <v>4</v>
      </c>
      <c r="AU12" s="276">
        <v>1</v>
      </c>
      <c r="AV12" s="280">
        <v>2</v>
      </c>
      <c r="AW12" s="277">
        <v>3</v>
      </c>
      <c r="AX12" s="279">
        <v>0</v>
      </c>
      <c r="AY12" s="280">
        <v>4</v>
      </c>
      <c r="AZ12" s="280">
        <v>0</v>
      </c>
      <c r="BA12" s="280">
        <v>1</v>
      </c>
      <c r="BB12" s="280">
        <v>3</v>
      </c>
      <c r="BC12" s="280">
        <v>1</v>
      </c>
      <c r="BD12" s="277">
        <v>9</v>
      </c>
      <c r="BE12" s="282">
        <v>12</v>
      </c>
      <c r="BF12" s="276">
        <v>0</v>
      </c>
      <c r="BG12" s="280">
        <v>0</v>
      </c>
      <c r="BH12" s="277">
        <v>0</v>
      </c>
      <c r="BI12" s="279">
        <v>0</v>
      </c>
      <c r="BJ12" s="280">
        <v>0</v>
      </c>
      <c r="BK12" s="280">
        <v>6</v>
      </c>
      <c r="BL12" s="280">
        <v>8</v>
      </c>
      <c r="BM12" s="280">
        <v>2</v>
      </c>
      <c r="BN12" s="280">
        <v>1</v>
      </c>
      <c r="BO12" s="281">
        <v>17</v>
      </c>
      <c r="BP12" s="282">
        <v>17</v>
      </c>
      <c r="BQ12" s="276">
        <v>0</v>
      </c>
      <c r="BR12" s="280">
        <v>0</v>
      </c>
      <c r="BS12" s="277">
        <v>0</v>
      </c>
      <c r="BT12" s="279">
        <v>0</v>
      </c>
      <c r="BU12" s="280">
        <v>0</v>
      </c>
      <c r="BV12" s="280">
        <v>3</v>
      </c>
      <c r="BW12" s="280">
        <v>0</v>
      </c>
      <c r="BX12" s="280">
        <v>1</v>
      </c>
      <c r="BY12" s="280">
        <v>0</v>
      </c>
      <c r="BZ12" s="277">
        <v>4</v>
      </c>
      <c r="CA12" s="282">
        <v>4</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0</v>
      </c>
      <c r="CS12" s="280">
        <v>2</v>
      </c>
      <c r="CT12" s="280">
        <v>0</v>
      </c>
      <c r="CU12" s="280">
        <v>2</v>
      </c>
      <c r="CV12" s="277">
        <v>4</v>
      </c>
      <c r="CW12" s="282">
        <v>4</v>
      </c>
    </row>
    <row r="13" spans="1:101" ht="21" customHeight="1" x14ac:dyDescent="0.2">
      <c r="B13" s="261" t="s">
        <v>10</v>
      </c>
      <c r="C13" s="276">
        <v>0</v>
      </c>
      <c r="D13" s="277">
        <v>0</v>
      </c>
      <c r="E13" s="278">
        <v>0</v>
      </c>
      <c r="F13" s="279">
        <v>0</v>
      </c>
      <c r="G13" s="280">
        <v>0</v>
      </c>
      <c r="H13" s="280">
        <v>1</v>
      </c>
      <c r="I13" s="280">
        <v>2</v>
      </c>
      <c r="J13" s="280">
        <v>0</v>
      </c>
      <c r="K13" s="280">
        <v>0</v>
      </c>
      <c r="L13" s="281">
        <v>3</v>
      </c>
      <c r="M13" s="282">
        <v>3</v>
      </c>
      <c r="N13" s="276">
        <v>0</v>
      </c>
      <c r="O13" s="280">
        <v>0</v>
      </c>
      <c r="P13" s="277">
        <v>0</v>
      </c>
      <c r="Q13" s="279">
        <v>0</v>
      </c>
      <c r="R13" s="280">
        <v>1</v>
      </c>
      <c r="S13" s="280">
        <v>0</v>
      </c>
      <c r="T13" s="280">
        <v>2</v>
      </c>
      <c r="U13" s="280">
        <v>0</v>
      </c>
      <c r="V13" s="280">
        <v>0</v>
      </c>
      <c r="W13" s="277">
        <v>3</v>
      </c>
      <c r="X13" s="282">
        <v>3</v>
      </c>
      <c r="Y13" s="276">
        <v>0</v>
      </c>
      <c r="Z13" s="280">
        <v>0</v>
      </c>
      <c r="AA13" s="277">
        <v>0</v>
      </c>
      <c r="AB13" s="279">
        <v>0</v>
      </c>
      <c r="AC13" s="280">
        <v>39</v>
      </c>
      <c r="AD13" s="280">
        <v>20</v>
      </c>
      <c r="AE13" s="280">
        <v>5</v>
      </c>
      <c r="AF13" s="280">
        <v>3</v>
      </c>
      <c r="AG13" s="280">
        <v>0</v>
      </c>
      <c r="AH13" s="277">
        <v>67</v>
      </c>
      <c r="AI13" s="282">
        <v>67</v>
      </c>
      <c r="AJ13" s="276">
        <v>0</v>
      </c>
      <c r="AK13" s="280">
        <v>0</v>
      </c>
      <c r="AL13" s="277">
        <v>0</v>
      </c>
      <c r="AM13" s="279">
        <v>0</v>
      </c>
      <c r="AN13" s="280">
        <v>0</v>
      </c>
      <c r="AO13" s="280">
        <v>3</v>
      </c>
      <c r="AP13" s="280">
        <v>5</v>
      </c>
      <c r="AQ13" s="280">
        <v>0</v>
      </c>
      <c r="AR13" s="280">
        <v>1</v>
      </c>
      <c r="AS13" s="277">
        <v>9</v>
      </c>
      <c r="AT13" s="282">
        <v>9</v>
      </c>
      <c r="AU13" s="276">
        <v>1</v>
      </c>
      <c r="AV13" s="280">
        <v>3</v>
      </c>
      <c r="AW13" s="277">
        <v>4</v>
      </c>
      <c r="AX13" s="279">
        <v>0</v>
      </c>
      <c r="AY13" s="280">
        <v>5</v>
      </c>
      <c r="AZ13" s="280">
        <v>0</v>
      </c>
      <c r="BA13" s="280">
        <v>3</v>
      </c>
      <c r="BB13" s="280">
        <v>1</v>
      </c>
      <c r="BC13" s="280">
        <v>2</v>
      </c>
      <c r="BD13" s="277">
        <v>11</v>
      </c>
      <c r="BE13" s="282">
        <v>15</v>
      </c>
      <c r="BF13" s="276">
        <v>0</v>
      </c>
      <c r="BG13" s="280">
        <v>0</v>
      </c>
      <c r="BH13" s="277">
        <v>0</v>
      </c>
      <c r="BI13" s="279">
        <v>0</v>
      </c>
      <c r="BJ13" s="280">
        <v>2</v>
      </c>
      <c r="BK13" s="280">
        <v>5</v>
      </c>
      <c r="BL13" s="280">
        <v>9</v>
      </c>
      <c r="BM13" s="280">
        <v>6</v>
      </c>
      <c r="BN13" s="280">
        <v>6</v>
      </c>
      <c r="BO13" s="281">
        <v>28</v>
      </c>
      <c r="BP13" s="282">
        <v>28</v>
      </c>
      <c r="BQ13" s="276">
        <v>0</v>
      </c>
      <c r="BR13" s="280">
        <v>0</v>
      </c>
      <c r="BS13" s="277">
        <v>0</v>
      </c>
      <c r="BT13" s="279">
        <v>0</v>
      </c>
      <c r="BU13" s="280">
        <v>4</v>
      </c>
      <c r="BV13" s="280">
        <v>3</v>
      </c>
      <c r="BW13" s="280">
        <v>3</v>
      </c>
      <c r="BX13" s="280">
        <v>1</v>
      </c>
      <c r="BY13" s="280">
        <v>4</v>
      </c>
      <c r="BZ13" s="277">
        <v>15</v>
      </c>
      <c r="CA13" s="282">
        <v>15</v>
      </c>
      <c r="CB13" s="276">
        <v>0</v>
      </c>
      <c r="CC13" s="280">
        <v>0</v>
      </c>
      <c r="CD13" s="277">
        <v>0</v>
      </c>
      <c r="CE13" s="279">
        <v>0</v>
      </c>
      <c r="CF13" s="280">
        <v>0</v>
      </c>
      <c r="CG13" s="280">
        <v>0</v>
      </c>
      <c r="CH13" s="280">
        <v>0</v>
      </c>
      <c r="CI13" s="280">
        <v>4</v>
      </c>
      <c r="CJ13" s="280">
        <v>1</v>
      </c>
      <c r="CK13" s="277">
        <v>5</v>
      </c>
      <c r="CL13" s="282">
        <v>5</v>
      </c>
      <c r="CM13" s="276">
        <v>0</v>
      </c>
      <c r="CN13" s="280">
        <v>0</v>
      </c>
      <c r="CO13" s="277">
        <v>0</v>
      </c>
      <c r="CP13" s="279">
        <v>0</v>
      </c>
      <c r="CQ13" s="280">
        <v>1</v>
      </c>
      <c r="CR13" s="280">
        <v>0</v>
      </c>
      <c r="CS13" s="280">
        <v>2</v>
      </c>
      <c r="CT13" s="280">
        <v>0</v>
      </c>
      <c r="CU13" s="280">
        <v>1</v>
      </c>
      <c r="CV13" s="277">
        <v>4</v>
      </c>
      <c r="CW13" s="282">
        <v>4</v>
      </c>
    </row>
    <row r="14" spans="1:101" ht="21" customHeight="1" x14ac:dyDescent="0.2">
      <c r="B14" s="261" t="s">
        <v>11</v>
      </c>
      <c r="C14" s="276">
        <v>0</v>
      </c>
      <c r="D14" s="277">
        <v>0</v>
      </c>
      <c r="E14" s="278">
        <v>0</v>
      </c>
      <c r="F14" s="279">
        <v>0</v>
      </c>
      <c r="G14" s="280">
        <v>1</v>
      </c>
      <c r="H14" s="280">
        <v>1</v>
      </c>
      <c r="I14" s="280">
        <v>1</v>
      </c>
      <c r="J14" s="280">
        <v>2</v>
      </c>
      <c r="K14" s="280">
        <v>0</v>
      </c>
      <c r="L14" s="281">
        <v>5</v>
      </c>
      <c r="M14" s="282">
        <v>5</v>
      </c>
      <c r="N14" s="276">
        <v>0</v>
      </c>
      <c r="O14" s="280">
        <v>0</v>
      </c>
      <c r="P14" s="277">
        <v>0</v>
      </c>
      <c r="Q14" s="279">
        <v>0</v>
      </c>
      <c r="R14" s="280">
        <v>1</v>
      </c>
      <c r="S14" s="280">
        <v>1</v>
      </c>
      <c r="T14" s="280">
        <v>0</v>
      </c>
      <c r="U14" s="280">
        <v>0</v>
      </c>
      <c r="V14" s="280">
        <v>0</v>
      </c>
      <c r="W14" s="277">
        <v>2</v>
      </c>
      <c r="X14" s="282">
        <v>2</v>
      </c>
      <c r="Y14" s="276">
        <v>0</v>
      </c>
      <c r="Z14" s="280">
        <v>0</v>
      </c>
      <c r="AA14" s="277">
        <v>0</v>
      </c>
      <c r="AB14" s="279">
        <v>0</v>
      </c>
      <c r="AC14" s="280">
        <v>25</v>
      </c>
      <c r="AD14" s="280">
        <v>6</v>
      </c>
      <c r="AE14" s="280">
        <v>6</v>
      </c>
      <c r="AF14" s="280">
        <v>4</v>
      </c>
      <c r="AG14" s="280">
        <v>1</v>
      </c>
      <c r="AH14" s="277">
        <v>42</v>
      </c>
      <c r="AI14" s="282">
        <v>42</v>
      </c>
      <c r="AJ14" s="276">
        <v>0</v>
      </c>
      <c r="AK14" s="280">
        <v>0</v>
      </c>
      <c r="AL14" s="277">
        <v>0</v>
      </c>
      <c r="AM14" s="279">
        <v>0</v>
      </c>
      <c r="AN14" s="280">
        <v>1</v>
      </c>
      <c r="AO14" s="280">
        <v>0</v>
      </c>
      <c r="AP14" s="280">
        <v>0</v>
      </c>
      <c r="AQ14" s="280">
        <v>0</v>
      </c>
      <c r="AR14" s="280">
        <v>0</v>
      </c>
      <c r="AS14" s="277">
        <v>1</v>
      </c>
      <c r="AT14" s="282">
        <v>1</v>
      </c>
      <c r="AU14" s="276">
        <v>0</v>
      </c>
      <c r="AV14" s="280">
        <v>1</v>
      </c>
      <c r="AW14" s="277">
        <v>1</v>
      </c>
      <c r="AX14" s="279">
        <v>0</v>
      </c>
      <c r="AY14" s="280">
        <v>0</v>
      </c>
      <c r="AZ14" s="280">
        <v>1</v>
      </c>
      <c r="BA14" s="280">
        <v>2</v>
      </c>
      <c r="BB14" s="280">
        <v>0</v>
      </c>
      <c r="BC14" s="280">
        <v>0</v>
      </c>
      <c r="BD14" s="277">
        <v>3</v>
      </c>
      <c r="BE14" s="282">
        <v>4</v>
      </c>
      <c r="BF14" s="276">
        <v>0</v>
      </c>
      <c r="BG14" s="280">
        <v>0</v>
      </c>
      <c r="BH14" s="277">
        <v>0</v>
      </c>
      <c r="BI14" s="279">
        <v>0</v>
      </c>
      <c r="BJ14" s="280">
        <v>0</v>
      </c>
      <c r="BK14" s="280">
        <v>3</v>
      </c>
      <c r="BL14" s="280">
        <v>1</v>
      </c>
      <c r="BM14" s="280">
        <v>4</v>
      </c>
      <c r="BN14" s="280">
        <v>0</v>
      </c>
      <c r="BO14" s="281">
        <v>8</v>
      </c>
      <c r="BP14" s="282">
        <v>8</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0</v>
      </c>
      <c r="CS14" s="280">
        <v>0</v>
      </c>
      <c r="CT14" s="280">
        <v>0</v>
      </c>
      <c r="CU14" s="280">
        <v>0</v>
      </c>
      <c r="CV14" s="277">
        <v>0</v>
      </c>
      <c r="CW14" s="282">
        <v>0</v>
      </c>
    </row>
    <row r="15" spans="1:101" ht="21" customHeight="1" x14ac:dyDescent="0.2">
      <c r="B15" s="261" t="s">
        <v>12</v>
      </c>
      <c r="C15" s="276">
        <v>0</v>
      </c>
      <c r="D15" s="277">
        <v>0</v>
      </c>
      <c r="E15" s="278">
        <v>0</v>
      </c>
      <c r="F15" s="279">
        <v>0</v>
      </c>
      <c r="G15" s="280">
        <v>0</v>
      </c>
      <c r="H15" s="280">
        <v>0</v>
      </c>
      <c r="I15" s="280">
        <v>0</v>
      </c>
      <c r="J15" s="280">
        <v>0</v>
      </c>
      <c r="K15" s="280">
        <v>0</v>
      </c>
      <c r="L15" s="281">
        <v>0</v>
      </c>
      <c r="M15" s="282">
        <v>0</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15</v>
      </c>
      <c r="AD15" s="280">
        <v>13</v>
      </c>
      <c r="AE15" s="280">
        <v>11</v>
      </c>
      <c r="AF15" s="280">
        <v>6</v>
      </c>
      <c r="AG15" s="280">
        <v>0</v>
      </c>
      <c r="AH15" s="277">
        <v>45</v>
      </c>
      <c r="AI15" s="282">
        <v>45</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2</v>
      </c>
      <c r="AZ15" s="280">
        <v>4</v>
      </c>
      <c r="BA15" s="280">
        <v>0</v>
      </c>
      <c r="BB15" s="280">
        <v>3</v>
      </c>
      <c r="BC15" s="280">
        <v>0</v>
      </c>
      <c r="BD15" s="277">
        <v>9</v>
      </c>
      <c r="BE15" s="282">
        <v>9</v>
      </c>
      <c r="BF15" s="276">
        <v>0</v>
      </c>
      <c r="BG15" s="280">
        <v>0</v>
      </c>
      <c r="BH15" s="277">
        <v>0</v>
      </c>
      <c r="BI15" s="279">
        <v>0</v>
      </c>
      <c r="BJ15" s="280">
        <v>1</v>
      </c>
      <c r="BK15" s="280">
        <v>1</v>
      </c>
      <c r="BL15" s="280">
        <v>1</v>
      </c>
      <c r="BM15" s="280">
        <v>3</v>
      </c>
      <c r="BN15" s="280">
        <v>2</v>
      </c>
      <c r="BO15" s="281">
        <v>8</v>
      </c>
      <c r="BP15" s="282">
        <v>8</v>
      </c>
      <c r="BQ15" s="276">
        <v>0</v>
      </c>
      <c r="BR15" s="280">
        <v>0</v>
      </c>
      <c r="BS15" s="277">
        <v>0</v>
      </c>
      <c r="BT15" s="279">
        <v>0</v>
      </c>
      <c r="BU15" s="280">
        <v>0</v>
      </c>
      <c r="BV15" s="280">
        <v>1</v>
      </c>
      <c r="BW15" s="280">
        <v>0</v>
      </c>
      <c r="BX15" s="280">
        <v>2</v>
      </c>
      <c r="BY15" s="280">
        <v>0</v>
      </c>
      <c r="BZ15" s="277">
        <v>3</v>
      </c>
      <c r="CA15" s="282">
        <v>3</v>
      </c>
      <c r="CB15" s="276">
        <v>0</v>
      </c>
      <c r="CC15" s="280">
        <v>0</v>
      </c>
      <c r="CD15" s="277">
        <v>0</v>
      </c>
      <c r="CE15" s="279">
        <v>0</v>
      </c>
      <c r="CF15" s="280">
        <v>0</v>
      </c>
      <c r="CG15" s="280">
        <v>0</v>
      </c>
      <c r="CH15" s="280">
        <v>1</v>
      </c>
      <c r="CI15" s="280">
        <v>0</v>
      </c>
      <c r="CJ15" s="280">
        <v>1</v>
      </c>
      <c r="CK15" s="277">
        <v>2</v>
      </c>
      <c r="CL15" s="282">
        <v>2</v>
      </c>
      <c r="CM15" s="276">
        <v>0</v>
      </c>
      <c r="CN15" s="280">
        <v>0</v>
      </c>
      <c r="CO15" s="277">
        <v>0</v>
      </c>
      <c r="CP15" s="279">
        <v>0</v>
      </c>
      <c r="CQ15" s="280">
        <v>0</v>
      </c>
      <c r="CR15" s="280">
        <v>0</v>
      </c>
      <c r="CS15" s="280">
        <v>1</v>
      </c>
      <c r="CT15" s="280">
        <v>2</v>
      </c>
      <c r="CU15" s="280">
        <v>3</v>
      </c>
      <c r="CV15" s="277">
        <v>6</v>
      </c>
      <c r="CW15" s="282">
        <v>6</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0</v>
      </c>
      <c r="AD16" s="280">
        <v>11</v>
      </c>
      <c r="AE16" s="280">
        <v>7</v>
      </c>
      <c r="AF16" s="280">
        <v>2</v>
      </c>
      <c r="AG16" s="280">
        <v>0</v>
      </c>
      <c r="AH16" s="277">
        <v>30</v>
      </c>
      <c r="AI16" s="282">
        <v>30</v>
      </c>
      <c r="AJ16" s="276">
        <v>0</v>
      </c>
      <c r="AK16" s="280">
        <v>0</v>
      </c>
      <c r="AL16" s="277">
        <v>0</v>
      </c>
      <c r="AM16" s="279">
        <v>0</v>
      </c>
      <c r="AN16" s="280">
        <v>0</v>
      </c>
      <c r="AO16" s="280">
        <v>1</v>
      </c>
      <c r="AP16" s="280">
        <v>0</v>
      </c>
      <c r="AQ16" s="280">
        <v>0</v>
      </c>
      <c r="AR16" s="280">
        <v>0</v>
      </c>
      <c r="AS16" s="277">
        <v>1</v>
      </c>
      <c r="AT16" s="282">
        <v>1</v>
      </c>
      <c r="AU16" s="276">
        <v>0</v>
      </c>
      <c r="AV16" s="280">
        <v>0</v>
      </c>
      <c r="AW16" s="277">
        <v>0</v>
      </c>
      <c r="AX16" s="279">
        <v>0</v>
      </c>
      <c r="AY16" s="280">
        <v>0</v>
      </c>
      <c r="AZ16" s="280">
        <v>1</v>
      </c>
      <c r="BA16" s="280">
        <v>1</v>
      </c>
      <c r="BB16" s="280">
        <v>0</v>
      </c>
      <c r="BC16" s="280">
        <v>0</v>
      </c>
      <c r="BD16" s="277">
        <v>2</v>
      </c>
      <c r="BE16" s="282">
        <v>2</v>
      </c>
      <c r="BF16" s="276">
        <v>0</v>
      </c>
      <c r="BG16" s="280">
        <v>0</v>
      </c>
      <c r="BH16" s="277">
        <v>0</v>
      </c>
      <c r="BI16" s="279">
        <v>0</v>
      </c>
      <c r="BJ16" s="280">
        <v>0</v>
      </c>
      <c r="BK16" s="280">
        <v>1</v>
      </c>
      <c r="BL16" s="280">
        <v>0</v>
      </c>
      <c r="BM16" s="280">
        <v>1</v>
      </c>
      <c r="BN16" s="280">
        <v>0</v>
      </c>
      <c r="BO16" s="281">
        <v>2</v>
      </c>
      <c r="BP16" s="282">
        <v>2</v>
      </c>
      <c r="BQ16" s="276">
        <v>0</v>
      </c>
      <c r="BR16" s="280">
        <v>0</v>
      </c>
      <c r="BS16" s="277">
        <v>0</v>
      </c>
      <c r="BT16" s="279">
        <v>0</v>
      </c>
      <c r="BU16" s="280">
        <v>0</v>
      </c>
      <c r="BV16" s="280">
        <v>0</v>
      </c>
      <c r="BW16" s="280">
        <v>1</v>
      </c>
      <c r="BX16" s="280">
        <v>0</v>
      </c>
      <c r="BY16" s="280">
        <v>0</v>
      </c>
      <c r="BZ16" s="277">
        <v>1</v>
      </c>
      <c r="CA16" s="282">
        <v>1</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0</v>
      </c>
      <c r="I17" s="280">
        <v>1</v>
      </c>
      <c r="J17" s="280">
        <v>0</v>
      </c>
      <c r="K17" s="280">
        <v>0</v>
      </c>
      <c r="L17" s="281">
        <v>1</v>
      </c>
      <c r="M17" s="282">
        <v>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6</v>
      </c>
      <c r="AD17" s="280">
        <v>5</v>
      </c>
      <c r="AE17" s="280">
        <v>3</v>
      </c>
      <c r="AF17" s="280">
        <v>2</v>
      </c>
      <c r="AG17" s="280">
        <v>1</v>
      </c>
      <c r="AH17" s="277">
        <v>17</v>
      </c>
      <c r="AI17" s="282">
        <v>17</v>
      </c>
      <c r="AJ17" s="276">
        <v>0</v>
      </c>
      <c r="AK17" s="280">
        <v>0</v>
      </c>
      <c r="AL17" s="277">
        <v>0</v>
      </c>
      <c r="AM17" s="279">
        <v>0</v>
      </c>
      <c r="AN17" s="280">
        <v>0</v>
      </c>
      <c r="AO17" s="280">
        <v>0</v>
      </c>
      <c r="AP17" s="280">
        <v>0</v>
      </c>
      <c r="AQ17" s="280">
        <v>0</v>
      </c>
      <c r="AR17" s="280">
        <v>0</v>
      </c>
      <c r="AS17" s="277">
        <v>0</v>
      </c>
      <c r="AT17" s="282">
        <v>0</v>
      </c>
      <c r="AU17" s="276">
        <v>0</v>
      </c>
      <c r="AV17" s="280">
        <v>0</v>
      </c>
      <c r="AW17" s="277">
        <v>0</v>
      </c>
      <c r="AX17" s="279">
        <v>0</v>
      </c>
      <c r="AY17" s="280">
        <v>0</v>
      </c>
      <c r="AZ17" s="280">
        <v>0</v>
      </c>
      <c r="BA17" s="280">
        <v>0</v>
      </c>
      <c r="BB17" s="280">
        <v>0</v>
      </c>
      <c r="BC17" s="280">
        <v>0</v>
      </c>
      <c r="BD17" s="277">
        <v>0</v>
      </c>
      <c r="BE17" s="282">
        <v>0</v>
      </c>
      <c r="BF17" s="276">
        <v>0</v>
      </c>
      <c r="BG17" s="280">
        <v>0</v>
      </c>
      <c r="BH17" s="277">
        <v>0</v>
      </c>
      <c r="BI17" s="279">
        <v>0</v>
      </c>
      <c r="BJ17" s="280">
        <v>0</v>
      </c>
      <c r="BK17" s="280">
        <v>3</v>
      </c>
      <c r="BL17" s="280">
        <v>0</v>
      </c>
      <c r="BM17" s="280">
        <v>1</v>
      </c>
      <c r="BN17" s="280">
        <v>0</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0</v>
      </c>
      <c r="J18" s="280">
        <v>0</v>
      </c>
      <c r="K18" s="280">
        <v>3</v>
      </c>
      <c r="L18" s="281">
        <v>3</v>
      </c>
      <c r="M18" s="282">
        <v>3</v>
      </c>
      <c r="N18" s="276">
        <v>0</v>
      </c>
      <c r="O18" s="280">
        <v>0</v>
      </c>
      <c r="P18" s="277">
        <v>0</v>
      </c>
      <c r="Q18" s="279">
        <v>0</v>
      </c>
      <c r="R18" s="280">
        <v>0</v>
      </c>
      <c r="S18" s="280">
        <v>0</v>
      </c>
      <c r="T18" s="280">
        <v>0</v>
      </c>
      <c r="U18" s="280">
        <v>1</v>
      </c>
      <c r="V18" s="280">
        <v>1</v>
      </c>
      <c r="W18" s="277">
        <v>2</v>
      </c>
      <c r="X18" s="282">
        <v>2</v>
      </c>
      <c r="Y18" s="276">
        <v>0</v>
      </c>
      <c r="Z18" s="280">
        <v>0</v>
      </c>
      <c r="AA18" s="277">
        <v>0</v>
      </c>
      <c r="AB18" s="279">
        <v>0</v>
      </c>
      <c r="AC18" s="280">
        <v>6</v>
      </c>
      <c r="AD18" s="280">
        <v>5</v>
      </c>
      <c r="AE18" s="280">
        <v>8</v>
      </c>
      <c r="AF18" s="280">
        <v>1</v>
      </c>
      <c r="AG18" s="280">
        <v>2</v>
      </c>
      <c r="AH18" s="277">
        <v>22</v>
      </c>
      <c r="AI18" s="282">
        <v>22</v>
      </c>
      <c r="AJ18" s="276">
        <v>0</v>
      </c>
      <c r="AK18" s="280">
        <v>0</v>
      </c>
      <c r="AL18" s="277">
        <v>0</v>
      </c>
      <c r="AM18" s="279">
        <v>0</v>
      </c>
      <c r="AN18" s="280">
        <v>0</v>
      </c>
      <c r="AO18" s="280">
        <v>3</v>
      </c>
      <c r="AP18" s="280">
        <v>0</v>
      </c>
      <c r="AQ18" s="280">
        <v>0</v>
      </c>
      <c r="AR18" s="280">
        <v>0</v>
      </c>
      <c r="AS18" s="277">
        <v>3</v>
      </c>
      <c r="AT18" s="282">
        <v>3</v>
      </c>
      <c r="AU18" s="276">
        <v>0</v>
      </c>
      <c r="AV18" s="280">
        <v>0</v>
      </c>
      <c r="AW18" s="277">
        <v>0</v>
      </c>
      <c r="AX18" s="279">
        <v>0</v>
      </c>
      <c r="AY18" s="280">
        <v>0</v>
      </c>
      <c r="AZ18" s="280">
        <v>1</v>
      </c>
      <c r="BA18" s="280">
        <v>0</v>
      </c>
      <c r="BB18" s="280">
        <v>0</v>
      </c>
      <c r="BC18" s="280">
        <v>1</v>
      </c>
      <c r="BD18" s="277">
        <v>2</v>
      </c>
      <c r="BE18" s="282">
        <v>2</v>
      </c>
      <c r="BF18" s="276">
        <v>0</v>
      </c>
      <c r="BG18" s="280">
        <v>0</v>
      </c>
      <c r="BH18" s="277">
        <v>0</v>
      </c>
      <c r="BI18" s="279">
        <v>0</v>
      </c>
      <c r="BJ18" s="280">
        <v>0</v>
      </c>
      <c r="BK18" s="280">
        <v>2</v>
      </c>
      <c r="BL18" s="280">
        <v>3</v>
      </c>
      <c r="BM18" s="280">
        <v>2</v>
      </c>
      <c r="BN18" s="280">
        <v>1</v>
      </c>
      <c r="BO18" s="281">
        <v>8</v>
      </c>
      <c r="BP18" s="282">
        <v>8</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0</v>
      </c>
      <c r="CS18" s="280">
        <v>0</v>
      </c>
      <c r="CT18" s="280">
        <v>0</v>
      </c>
      <c r="CU18" s="280">
        <v>0</v>
      </c>
      <c r="CV18" s="277">
        <v>0</v>
      </c>
      <c r="CW18" s="282">
        <v>0</v>
      </c>
    </row>
    <row r="19" spans="2:101" ht="21" customHeight="1" x14ac:dyDescent="0.2">
      <c r="B19" s="261" t="s">
        <v>17</v>
      </c>
      <c r="C19" s="276">
        <v>0</v>
      </c>
      <c r="D19" s="277">
        <v>0</v>
      </c>
      <c r="E19" s="278">
        <v>0</v>
      </c>
      <c r="F19" s="279">
        <v>0</v>
      </c>
      <c r="G19" s="280">
        <v>1</v>
      </c>
      <c r="H19" s="280">
        <v>0</v>
      </c>
      <c r="I19" s="280">
        <v>0</v>
      </c>
      <c r="J19" s="280">
        <v>0</v>
      </c>
      <c r="K19" s="280">
        <v>0</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0</v>
      </c>
      <c r="AD19" s="280">
        <v>16</v>
      </c>
      <c r="AE19" s="280">
        <v>8</v>
      </c>
      <c r="AF19" s="280">
        <v>5</v>
      </c>
      <c r="AG19" s="280">
        <v>1</v>
      </c>
      <c r="AH19" s="277">
        <v>40</v>
      </c>
      <c r="AI19" s="282">
        <v>40</v>
      </c>
      <c r="AJ19" s="276">
        <v>0</v>
      </c>
      <c r="AK19" s="280">
        <v>0</v>
      </c>
      <c r="AL19" s="277">
        <v>0</v>
      </c>
      <c r="AM19" s="279">
        <v>0</v>
      </c>
      <c r="AN19" s="280">
        <v>0</v>
      </c>
      <c r="AO19" s="280">
        <v>0</v>
      </c>
      <c r="AP19" s="280">
        <v>1</v>
      </c>
      <c r="AQ19" s="280">
        <v>0</v>
      </c>
      <c r="AR19" s="280">
        <v>0</v>
      </c>
      <c r="AS19" s="277">
        <v>1</v>
      </c>
      <c r="AT19" s="282">
        <v>1</v>
      </c>
      <c r="AU19" s="276">
        <v>0</v>
      </c>
      <c r="AV19" s="280">
        <v>0</v>
      </c>
      <c r="AW19" s="277">
        <v>0</v>
      </c>
      <c r="AX19" s="279">
        <v>0</v>
      </c>
      <c r="AY19" s="280">
        <v>1</v>
      </c>
      <c r="AZ19" s="280">
        <v>2</v>
      </c>
      <c r="BA19" s="280">
        <v>1</v>
      </c>
      <c r="BB19" s="280">
        <v>1</v>
      </c>
      <c r="BC19" s="280">
        <v>1</v>
      </c>
      <c r="BD19" s="277">
        <v>6</v>
      </c>
      <c r="BE19" s="282">
        <v>6</v>
      </c>
      <c r="BF19" s="276">
        <v>0</v>
      </c>
      <c r="BG19" s="280">
        <v>0</v>
      </c>
      <c r="BH19" s="277">
        <v>0</v>
      </c>
      <c r="BI19" s="279">
        <v>0</v>
      </c>
      <c r="BJ19" s="280">
        <v>2</v>
      </c>
      <c r="BK19" s="280">
        <v>5</v>
      </c>
      <c r="BL19" s="280">
        <v>2</v>
      </c>
      <c r="BM19" s="280">
        <v>4</v>
      </c>
      <c r="BN19" s="280">
        <v>4</v>
      </c>
      <c r="BO19" s="281">
        <v>17</v>
      </c>
      <c r="BP19" s="282">
        <v>17</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0</v>
      </c>
      <c r="CI19" s="280">
        <v>2</v>
      </c>
      <c r="CJ19" s="280">
        <v>2</v>
      </c>
      <c r="CK19" s="277">
        <v>4</v>
      </c>
      <c r="CL19" s="282">
        <v>4</v>
      </c>
      <c r="CM19" s="276">
        <v>0</v>
      </c>
      <c r="CN19" s="280">
        <v>0</v>
      </c>
      <c r="CO19" s="277">
        <v>0</v>
      </c>
      <c r="CP19" s="279">
        <v>0</v>
      </c>
      <c r="CQ19" s="280">
        <v>0</v>
      </c>
      <c r="CR19" s="280">
        <v>0</v>
      </c>
      <c r="CS19" s="280">
        <v>0</v>
      </c>
      <c r="CT19" s="280">
        <v>0</v>
      </c>
      <c r="CU19" s="280">
        <v>0</v>
      </c>
      <c r="CV19" s="277">
        <v>0</v>
      </c>
      <c r="CW19" s="282">
        <v>0</v>
      </c>
    </row>
    <row r="20" spans="2:101" ht="21" customHeight="1" x14ac:dyDescent="0.2">
      <c r="B20" s="261" t="s">
        <v>18</v>
      </c>
      <c r="C20" s="276">
        <v>0</v>
      </c>
      <c r="D20" s="277">
        <v>0</v>
      </c>
      <c r="E20" s="278">
        <v>0</v>
      </c>
      <c r="F20" s="279">
        <v>0</v>
      </c>
      <c r="G20" s="280">
        <v>0</v>
      </c>
      <c r="H20" s="280">
        <v>0</v>
      </c>
      <c r="I20" s="280">
        <v>0</v>
      </c>
      <c r="J20" s="280">
        <v>0</v>
      </c>
      <c r="K20" s="280">
        <v>1</v>
      </c>
      <c r="L20" s="281">
        <v>1</v>
      </c>
      <c r="M20" s="282">
        <v>1</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1</v>
      </c>
      <c r="AD20" s="280">
        <v>13</v>
      </c>
      <c r="AE20" s="280">
        <v>8</v>
      </c>
      <c r="AF20" s="280">
        <v>2</v>
      </c>
      <c r="AG20" s="280">
        <v>0</v>
      </c>
      <c r="AH20" s="277">
        <v>44</v>
      </c>
      <c r="AI20" s="282">
        <v>44</v>
      </c>
      <c r="AJ20" s="276">
        <v>0</v>
      </c>
      <c r="AK20" s="280">
        <v>0</v>
      </c>
      <c r="AL20" s="277">
        <v>0</v>
      </c>
      <c r="AM20" s="279">
        <v>0</v>
      </c>
      <c r="AN20" s="280">
        <v>1</v>
      </c>
      <c r="AO20" s="280">
        <v>1</v>
      </c>
      <c r="AP20" s="280">
        <v>3</v>
      </c>
      <c r="AQ20" s="280">
        <v>1</v>
      </c>
      <c r="AR20" s="280">
        <v>0</v>
      </c>
      <c r="AS20" s="277">
        <v>6</v>
      </c>
      <c r="AT20" s="282">
        <v>6</v>
      </c>
      <c r="AU20" s="276">
        <v>0</v>
      </c>
      <c r="AV20" s="280">
        <v>0</v>
      </c>
      <c r="AW20" s="277">
        <v>0</v>
      </c>
      <c r="AX20" s="279">
        <v>0</v>
      </c>
      <c r="AY20" s="280">
        <v>0</v>
      </c>
      <c r="AZ20" s="280">
        <v>1</v>
      </c>
      <c r="BA20" s="280">
        <v>0</v>
      </c>
      <c r="BB20" s="280">
        <v>1</v>
      </c>
      <c r="BC20" s="280">
        <v>1</v>
      </c>
      <c r="BD20" s="277">
        <v>3</v>
      </c>
      <c r="BE20" s="282">
        <v>3</v>
      </c>
      <c r="BF20" s="276">
        <v>0</v>
      </c>
      <c r="BG20" s="280">
        <v>0</v>
      </c>
      <c r="BH20" s="277">
        <v>0</v>
      </c>
      <c r="BI20" s="279">
        <v>0</v>
      </c>
      <c r="BJ20" s="280">
        <v>3</v>
      </c>
      <c r="BK20" s="280">
        <v>1</v>
      </c>
      <c r="BL20" s="280">
        <v>5</v>
      </c>
      <c r="BM20" s="280">
        <v>2</v>
      </c>
      <c r="BN20" s="280">
        <v>1</v>
      </c>
      <c r="BO20" s="281">
        <v>12</v>
      </c>
      <c r="BP20" s="282">
        <v>12</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1</v>
      </c>
      <c r="CI20" s="280">
        <v>1</v>
      </c>
      <c r="CJ20" s="280">
        <v>0</v>
      </c>
      <c r="CK20" s="277">
        <v>2</v>
      </c>
      <c r="CL20" s="282">
        <v>2</v>
      </c>
      <c r="CM20" s="276">
        <v>0</v>
      </c>
      <c r="CN20" s="280">
        <v>0</v>
      </c>
      <c r="CO20" s="277">
        <v>0</v>
      </c>
      <c r="CP20" s="279">
        <v>0</v>
      </c>
      <c r="CQ20" s="280">
        <v>0</v>
      </c>
      <c r="CR20" s="280">
        <v>1</v>
      </c>
      <c r="CS20" s="280">
        <v>0</v>
      </c>
      <c r="CT20" s="280">
        <v>1</v>
      </c>
      <c r="CU20" s="280">
        <v>4</v>
      </c>
      <c r="CV20" s="277">
        <v>6</v>
      </c>
      <c r="CW20" s="282">
        <v>6</v>
      </c>
    </row>
    <row r="21" spans="2:101" ht="21" customHeight="1" x14ac:dyDescent="0.2">
      <c r="B21" s="261" t="s">
        <v>19</v>
      </c>
      <c r="C21" s="276">
        <v>0</v>
      </c>
      <c r="D21" s="277">
        <v>0</v>
      </c>
      <c r="E21" s="278">
        <v>0</v>
      </c>
      <c r="F21" s="279">
        <v>0</v>
      </c>
      <c r="G21" s="280">
        <v>0</v>
      </c>
      <c r="H21" s="280">
        <v>1</v>
      </c>
      <c r="I21" s="280">
        <v>0</v>
      </c>
      <c r="J21" s="280">
        <v>2</v>
      </c>
      <c r="K21" s="280">
        <v>1</v>
      </c>
      <c r="L21" s="281">
        <v>4</v>
      </c>
      <c r="M21" s="282">
        <v>4</v>
      </c>
      <c r="N21" s="276">
        <v>0</v>
      </c>
      <c r="O21" s="280">
        <v>0</v>
      </c>
      <c r="P21" s="277">
        <v>0</v>
      </c>
      <c r="Q21" s="279">
        <v>0</v>
      </c>
      <c r="R21" s="280">
        <v>0</v>
      </c>
      <c r="S21" s="280">
        <v>0</v>
      </c>
      <c r="T21" s="280">
        <v>0</v>
      </c>
      <c r="U21" s="280">
        <v>1</v>
      </c>
      <c r="V21" s="280">
        <v>0</v>
      </c>
      <c r="W21" s="277">
        <v>1</v>
      </c>
      <c r="X21" s="282">
        <v>1</v>
      </c>
      <c r="Y21" s="276">
        <v>0</v>
      </c>
      <c r="Z21" s="280">
        <v>0</v>
      </c>
      <c r="AA21" s="277">
        <v>0</v>
      </c>
      <c r="AB21" s="279">
        <v>0</v>
      </c>
      <c r="AC21" s="280">
        <v>6</v>
      </c>
      <c r="AD21" s="280">
        <v>7</v>
      </c>
      <c r="AE21" s="280">
        <v>1</v>
      </c>
      <c r="AF21" s="280">
        <v>2</v>
      </c>
      <c r="AG21" s="280">
        <v>0</v>
      </c>
      <c r="AH21" s="277">
        <v>16</v>
      </c>
      <c r="AI21" s="282">
        <v>16</v>
      </c>
      <c r="AJ21" s="276">
        <v>0</v>
      </c>
      <c r="AK21" s="280">
        <v>0</v>
      </c>
      <c r="AL21" s="277">
        <v>0</v>
      </c>
      <c r="AM21" s="279">
        <v>0</v>
      </c>
      <c r="AN21" s="280">
        <v>1</v>
      </c>
      <c r="AO21" s="280">
        <v>2</v>
      </c>
      <c r="AP21" s="280">
        <v>0</v>
      </c>
      <c r="AQ21" s="280">
        <v>0</v>
      </c>
      <c r="AR21" s="280">
        <v>0</v>
      </c>
      <c r="AS21" s="277">
        <v>3</v>
      </c>
      <c r="AT21" s="282">
        <v>3</v>
      </c>
      <c r="AU21" s="276">
        <v>0</v>
      </c>
      <c r="AV21" s="280">
        <v>0</v>
      </c>
      <c r="AW21" s="277">
        <v>0</v>
      </c>
      <c r="AX21" s="279">
        <v>0</v>
      </c>
      <c r="AY21" s="280">
        <v>1</v>
      </c>
      <c r="AZ21" s="280">
        <v>0</v>
      </c>
      <c r="BA21" s="280">
        <v>1</v>
      </c>
      <c r="BB21" s="280">
        <v>1</v>
      </c>
      <c r="BC21" s="280">
        <v>0</v>
      </c>
      <c r="BD21" s="277">
        <v>3</v>
      </c>
      <c r="BE21" s="282">
        <v>3</v>
      </c>
      <c r="BF21" s="276">
        <v>0</v>
      </c>
      <c r="BG21" s="280">
        <v>0</v>
      </c>
      <c r="BH21" s="277">
        <v>0</v>
      </c>
      <c r="BI21" s="279">
        <v>0</v>
      </c>
      <c r="BJ21" s="280">
        <v>0</v>
      </c>
      <c r="BK21" s="280">
        <v>0</v>
      </c>
      <c r="BL21" s="280">
        <v>1</v>
      </c>
      <c r="BM21" s="280">
        <v>1</v>
      </c>
      <c r="BN21" s="280">
        <v>0</v>
      </c>
      <c r="BO21" s="281">
        <v>2</v>
      </c>
      <c r="BP21" s="282">
        <v>2</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0</v>
      </c>
      <c r="CU21" s="280">
        <v>0</v>
      </c>
      <c r="CV21" s="277">
        <v>0</v>
      </c>
      <c r="CW21" s="282">
        <v>0</v>
      </c>
    </row>
    <row r="22" spans="2:101" ht="21" customHeight="1" x14ac:dyDescent="0.2">
      <c r="B22" s="261" t="s">
        <v>20</v>
      </c>
      <c r="C22" s="276">
        <v>0</v>
      </c>
      <c r="D22" s="277">
        <v>0</v>
      </c>
      <c r="E22" s="278">
        <v>0</v>
      </c>
      <c r="F22" s="279">
        <v>0</v>
      </c>
      <c r="G22" s="280">
        <v>0</v>
      </c>
      <c r="H22" s="280">
        <v>1</v>
      </c>
      <c r="I22" s="280">
        <v>0</v>
      </c>
      <c r="J22" s="280">
        <v>0</v>
      </c>
      <c r="K22" s="280">
        <v>0</v>
      </c>
      <c r="L22" s="281">
        <v>1</v>
      </c>
      <c r="M22" s="282">
        <v>1</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7</v>
      </c>
      <c r="AD22" s="280">
        <v>7</v>
      </c>
      <c r="AE22" s="280">
        <v>0</v>
      </c>
      <c r="AF22" s="280">
        <v>0</v>
      </c>
      <c r="AG22" s="280">
        <v>0</v>
      </c>
      <c r="AH22" s="277">
        <v>14</v>
      </c>
      <c r="AI22" s="282">
        <v>14</v>
      </c>
      <c r="AJ22" s="276">
        <v>0</v>
      </c>
      <c r="AK22" s="280">
        <v>0</v>
      </c>
      <c r="AL22" s="277">
        <v>0</v>
      </c>
      <c r="AM22" s="279">
        <v>0</v>
      </c>
      <c r="AN22" s="280">
        <v>1</v>
      </c>
      <c r="AO22" s="280">
        <v>0</v>
      </c>
      <c r="AP22" s="280">
        <v>0</v>
      </c>
      <c r="AQ22" s="280">
        <v>0</v>
      </c>
      <c r="AR22" s="280">
        <v>1</v>
      </c>
      <c r="AS22" s="277">
        <v>2</v>
      </c>
      <c r="AT22" s="282">
        <v>2</v>
      </c>
      <c r="AU22" s="276">
        <v>0</v>
      </c>
      <c r="AV22" s="280">
        <v>1</v>
      </c>
      <c r="AW22" s="277">
        <v>1</v>
      </c>
      <c r="AX22" s="279">
        <v>0</v>
      </c>
      <c r="AY22" s="280">
        <v>1</v>
      </c>
      <c r="AZ22" s="280">
        <v>0</v>
      </c>
      <c r="BA22" s="280">
        <v>2</v>
      </c>
      <c r="BB22" s="280">
        <v>0</v>
      </c>
      <c r="BC22" s="280">
        <v>0</v>
      </c>
      <c r="BD22" s="277">
        <v>3</v>
      </c>
      <c r="BE22" s="282">
        <v>4</v>
      </c>
      <c r="BF22" s="276">
        <v>0</v>
      </c>
      <c r="BG22" s="280">
        <v>0</v>
      </c>
      <c r="BH22" s="277">
        <v>0</v>
      </c>
      <c r="BI22" s="279">
        <v>0</v>
      </c>
      <c r="BJ22" s="280">
        <v>1</v>
      </c>
      <c r="BK22" s="280">
        <v>1</v>
      </c>
      <c r="BL22" s="280">
        <v>1</v>
      </c>
      <c r="BM22" s="280">
        <v>0</v>
      </c>
      <c r="BN22" s="280">
        <v>1</v>
      </c>
      <c r="BO22" s="281">
        <v>4</v>
      </c>
      <c r="BP22" s="282">
        <v>4</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0</v>
      </c>
      <c r="I23" s="280">
        <v>0</v>
      </c>
      <c r="J23" s="280">
        <v>0</v>
      </c>
      <c r="K23" s="280">
        <v>0</v>
      </c>
      <c r="L23" s="281">
        <v>0</v>
      </c>
      <c r="M23" s="282">
        <v>0</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3</v>
      </c>
      <c r="AD23" s="280">
        <v>4</v>
      </c>
      <c r="AE23" s="280">
        <v>3</v>
      </c>
      <c r="AF23" s="280">
        <v>2</v>
      </c>
      <c r="AG23" s="280">
        <v>0</v>
      </c>
      <c r="AH23" s="277">
        <v>22</v>
      </c>
      <c r="AI23" s="282">
        <v>22</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1</v>
      </c>
      <c r="AZ23" s="280">
        <v>0</v>
      </c>
      <c r="BA23" s="280">
        <v>0</v>
      </c>
      <c r="BB23" s="280">
        <v>1</v>
      </c>
      <c r="BC23" s="280">
        <v>0</v>
      </c>
      <c r="BD23" s="277">
        <v>2</v>
      </c>
      <c r="BE23" s="282">
        <v>2</v>
      </c>
      <c r="BF23" s="276">
        <v>0</v>
      </c>
      <c r="BG23" s="280">
        <v>0</v>
      </c>
      <c r="BH23" s="277">
        <v>0</v>
      </c>
      <c r="BI23" s="279">
        <v>0</v>
      </c>
      <c r="BJ23" s="280">
        <v>1</v>
      </c>
      <c r="BK23" s="280">
        <v>1</v>
      </c>
      <c r="BL23" s="280">
        <v>1</v>
      </c>
      <c r="BM23" s="280">
        <v>2</v>
      </c>
      <c r="BN23" s="280">
        <v>1</v>
      </c>
      <c r="BO23" s="281">
        <v>6</v>
      </c>
      <c r="BP23" s="282">
        <v>6</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2</v>
      </c>
      <c r="H24" s="280">
        <v>1</v>
      </c>
      <c r="I24" s="280">
        <v>1</v>
      </c>
      <c r="J24" s="280">
        <v>0</v>
      </c>
      <c r="K24" s="280">
        <v>0</v>
      </c>
      <c r="L24" s="281">
        <v>4</v>
      </c>
      <c r="M24" s="282">
        <v>4</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8</v>
      </c>
      <c r="AD24" s="280">
        <v>2</v>
      </c>
      <c r="AE24" s="280">
        <v>0</v>
      </c>
      <c r="AF24" s="280">
        <v>0</v>
      </c>
      <c r="AG24" s="280">
        <v>0</v>
      </c>
      <c r="AH24" s="277">
        <v>10</v>
      </c>
      <c r="AI24" s="282">
        <v>10</v>
      </c>
      <c r="AJ24" s="276">
        <v>0</v>
      </c>
      <c r="AK24" s="280">
        <v>0</v>
      </c>
      <c r="AL24" s="277">
        <v>0</v>
      </c>
      <c r="AM24" s="279">
        <v>0</v>
      </c>
      <c r="AN24" s="280">
        <v>0</v>
      </c>
      <c r="AO24" s="280">
        <v>0</v>
      </c>
      <c r="AP24" s="280">
        <v>1</v>
      </c>
      <c r="AQ24" s="280">
        <v>0</v>
      </c>
      <c r="AR24" s="280">
        <v>0</v>
      </c>
      <c r="AS24" s="277">
        <v>1</v>
      </c>
      <c r="AT24" s="282">
        <v>1</v>
      </c>
      <c r="AU24" s="276">
        <v>0</v>
      </c>
      <c r="AV24" s="280">
        <v>1</v>
      </c>
      <c r="AW24" s="277">
        <v>1</v>
      </c>
      <c r="AX24" s="279">
        <v>0</v>
      </c>
      <c r="AY24" s="280">
        <v>1</v>
      </c>
      <c r="AZ24" s="280">
        <v>3</v>
      </c>
      <c r="BA24" s="280">
        <v>0</v>
      </c>
      <c r="BB24" s="280">
        <v>0</v>
      </c>
      <c r="BC24" s="280">
        <v>0</v>
      </c>
      <c r="BD24" s="277">
        <v>4</v>
      </c>
      <c r="BE24" s="282">
        <v>5</v>
      </c>
      <c r="BF24" s="276">
        <v>0</v>
      </c>
      <c r="BG24" s="280">
        <v>0</v>
      </c>
      <c r="BH24" s="277">
        <v>0</v>
      </c>
      <c r="BI24" s="279">
        <v>0</v>
      </c>
      <c r="BJ24" s="280">
        <v>1</v>
      </c>
      <c r="BK24" s="280">
        <v>0</v>
      </c>
      <c r="BL24" s="280">
        <v>0</v>
      </c>
      <c r="BM24" s="280">
        <v>0</v>
      </c>
      <c r="BN24" s="280">
        <v>0</v>
      </c>
      <c r="BO24" s="281">
        <v>1</v>
      </c>
      <c r="BP24" s="282">
        <v>1</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0</v>
      </c>
      <c r="CJ24" s="280">
        <v>0</v>
      </c>
      <c r="CK24" s="277">
        <v>0</v>
      </c>
      <c r="CL24" s="282">
        <v>0</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1</v>
      </c>
      <c r="L25" s="281">
        <v>1</v>
      </c>
      <c r="M25" s="282">
        <v>1</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1</v>
      </c>
      <c r="AD25" s="280">
        <v>3</v>
      </c>
      <c r="AE25" s="280">
        <v>2</v>
      </c>
      <c r="AF25" s="280">
        <v>0</v>
      </c>
      <c r="AG25" s="280">
        <v>1</v>
      </c>
      <c r="AH25" s="277">
        <v>7</v>
      </c>
      <c r="AI25" s="282">
        <v>7</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0</v>
      </c>
      <c r="BK25" s="280">
        <v>0</v>
      </c>
      <c r="BL25" s="280">
        <v>3</v>
      </c>
      <c r="BM25" s="280">
        <v>0</v>
      </c>
      <c r="BN25" s="280">
        <v>0</v>
      </c>
      <c r="BO25" s="281">
        <v>3</v>
      </c>
      <c r="BP25" s="282">
        <v>3</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1</v>
      </c>
      <c r="H26" s="280">
        <v>0</v>
      </c>
      <c r="I26" s="280">
        <v>0</v>
      </c>
      <c r="J26" s="280">
        <v>1</v>
      </c>
      <c r="K26" s="280">
        <v>0</v>
      </c>
      <c r="L26" s="281">
        <v>2</v>
      </c>
      <c r="M26" s="282">
        <v>2</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1</v>
      </c>
      <c r="AD26" s="280">
        <v>0</v>
      </c>
      <c r="AE26" s="280">
        <v>0</v>
      </c>
      <c r="AF26" s="280">
        <v>0</v>
      </c>
      <c r="AG26" s="280">
        <v>0</v>
      </c>
      <c r="AH26" s="277">
        <v>1</v>
      </c>
      <c r="AI26" s="282">
        <v>1</v>
      </c>
      <c r="AJ26" s="276">
        <v>0</v>
      </c>
      <c r="AK26" s="280">
        <v>0</v>
      </c>
      <c r="AL26" s="277">
        <v>0</v>
      </c>
      <c r="AM26" s="279">
        <v>0</v>
      </c>
      <c r="AN26" s="280">
        <v>0</v>
      </c>
      <c r="AO26" s="280">
        <v>0</v>
      </c>
      <c r="AP26" s="280">
        <v>1</v>
      </c>
      <c r="AQ26" s="280">
        <v>0</v>
      </c>
      <c r="AR26" s="280">
        <v>1</v>
      </c>
      <c r="AS26" s="277">
        <v>2</v>
      </c>
      <c r="AT26" s="282">
        <v>2</v>
      </c>
      <c r="AU26" s="276">
        <v>0</v>
      </c>
      <c r="AV26" s="280">
        <v>0</v>
      </c>
      <c r="AW26" s="277">
        <v>0</v>
      </c>
      <c r="AX26" s="279">
        <v>0</v>
      </c>
      <c r="AY26" s="280">
        <v>3</v>
      </c>
      <c r="AZ26" s="280">
        <v>0</v>
      </c>
      <c r="BA26" s="280">
        <v>2</v>
      </c>
      <c r="BB26" s="280">
        <v>0</v>
      </c>
      <c r="BC26" s="280">
        <v>0</v>
      </c>
      <c r="BD26" s="277">
        <v>5</v>
      </c>
      <c r="BE26" s="282">
        <v>5</v>
      </c>
      <c r="BF26" s="276">
        <v>0</v>
      </c>
      <c r="BG26" s="280">
        <v>0</v>
      </c>
      <c r="BH26" s="277">
        <v>0</v>
      </c>
      <c r="BI26" s="279">
        <v>0</v>
      </c>
      <c r="BJ26" s="280">
        <v>0</v>
      </c>
      <c r="BK26" s="280">
        <v>0</v>
      </c>
      <c r="BL26" s="280">
        <v>1</v>
      </c>
      <c r="BM26" s="280">
        <v>0</v>
      </c>
      <c r="BN26" s="280">
        <v>1</v>
      </c>
      <c r="BO26" s="281">
        <v>2</v>
      </c>
      <c r="BP26" s="282">
        <v>2</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4</v>
      </c>
      <c r="AD27" s="280">
        <v>1</v>
      </c>
      <c r="AE27" s="280">
        <v>1</v>
      </c>
      <c r="AF27" s="280">
        <v>0</v>
      </c>
      <c r="AG27" s="280">
        <v>0</v>
      </c>
      <c r="AH27" s="277">
        <v>6</v>
      </c>
      <c r="AI27" s="282">
        <v>6</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0</v>
      </c>
      <c r="AZ27" s="280">
        <v>0</v>
      </c>
      <c r="BA27" s="280">
        <v>0</v>
      </c>
      <c r="BB27" s="280">
        <v>0</v>
      </c>
      <c r="BC27" s="280">
        <v>0</v>
      </c>
      <c r="BD27" s="277">
        <v>0</v>
      </c>
      <c r="BE27" s="282">
        <v>0</v>
      </c>
      <c r="BF27" s="276">
        <v>0</v>
      </c>
      <c r="BG27" s="280">
        <v>0</v>
      </c>
      <c r="BH27" s="277">
        <v>0</v>
      </c>
      <c r="BI27" s="279">
        <v>0</v>
      </c>
      <c r="BJ27" s="280">
        <v>1</v>
      </c>
      <c r="BK27" s="280">
        <v>0</v>
      </c>
      <c r="BL27" s="280">
        <v>0</v>
      </c>
      <c r="BM27" s="280">
        <v>0</v>
      </c>
      <c r="BN27" s="280">
        <v>0</v>
      </c>
      <c r="BO27" s="281">
        <v>1</v>
      </c>
      <c r="BP27" s="282">
        <v>1</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1</v>
      </c>
      <c r="AD28" s="280">
        <v>1</v>
      </c>
      <c r="AE28" s="280">
        <v>1</v>
      </c>
      <c r="AF28" s="280">
        <v>0</v>
      </c>
      <c r="AG28" s="280">
        <v>0</v>
      </c>
      <c r="AH28" s="277">
        <v>3</v>
      </c>
      <c r="AI28" s="282">
        <v>3</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1</v>
      </c>
      <c r="AZ28" s="280">
        <v>0</v>
      </c>
      <c r="BA28" s="280">
        <v>0</v>
      </c>
      <c r="BB28" s="280">
        <v>0</v>
      </c>
      <c r="BC28" s="280">
        <v>0</v>
      </c>
      <c r="BD28" s="277">
        <v>1</v>
      </c>
      <c r="BE28" s="282">
        <v>1</v>
      </c>
      <c r="BF28" s="276">
        <v>0</v>
      </c>
      <c r="BG28" s="280">
        <v>0</v>
      </c>
      <c r="BH28" s="277">
        <v>0</v>
      </c>
      <c r="BI28" s="279">
        <v>0</v>
      </c>
      <c r="BJ28" s="280">
        <v>0</v>
      </c>
      <c r="BK28" s="280">
        <v>0</v>
      </c>
      <c r="BL28" s="280">
        <v>1</v>
      </c>
      <c r="BM28" s="280">
        <v>2</v>
      </c>
      <c r="BN28" s="280">
        <v>0</v>
      </c>
      <c r="BO28" s="281">
        <v>3</v>
      </c>
      <c r="BP28" s="282">
        <v>3</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0</v>
      </c>
      <c r="J29" s="280">
        <v>0</v>
      </c>
      <c r="K29" s="280">
        <v>0</v>
      </c>
      <c r="L29" s="281">
        <v>0</v>
      </c>
      <c r="M29" s="282">
        <v>0</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1</v>
      </c>
      <c r="AD29" s="280">
        <v>1</v>
      </c>
      <c r="AE29" s="280">
        <v>0</v>
      </c>
      <c r="AF29" s="280">
        <v>0</v>
      </c>
      <c r="AG29" s="280">
        <v>0</v>
      </c>
      <c r="AH29" s="277">
        <v>2</v>
      </c>
      <c r="AI29" s="282">
        <v>2</v>
      </c>
      <c r="AJ29" s="276">
        <v>0</v>
      </c>
      <c r="AK29" s="280">
        <v>0</v>
      </c>
      <c r="AL29" s="277">
        <v>0</v>
      </c>
      <c r="AM29" s="279">
        <v>0</v>
      </c>
      <c r="AN29" s="280">
        <v>1</v>
      </c>
      <c r="AO29" s="280">
        <v>0</v>
      </c>
      <c r="AP29" s="280">
        <v>1</v>
      </c>
      <c r="AQ29" s="280">
        <v>0</v>
      </c>
      <c r="AR29" s="280">
        <v>0</v>
      </c>
      <c r="AS29" s="277">
        <v>2</v>
      </c>
      <c r="AT29" s="282">
        <v>2</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0</v>
      </c>
      <c r="BM29" s="280">
        <v>0</v>
      </c>
      <c r="BN29" s="280">
        <v>0</v>
      </c>
      <c r="BO29" s="281">
        <v>0</v>
      </c>
      <c r="BP29" s="282">
        <v>0</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0</v>
      </c>
      <c r="AF30" s="280">
        <v>0</v>
      </c>
      <c r="AG30" s="280">
        <v>0</v>
      </c>
      <c r="AH30" s="277">
        <v>5</v>
      </c>
      <c r="AI30" s="282">
        <v>5</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0</v>
      </c>
      <c r="BO30" s="281">
        <v>0</v>
      </c>
      <c r="BP30" s="282">
        <v>0</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v>
      </c>
      <c r="AD31" s="280">
        <v>0</v>
      </c>
      <c r="AE31" s="280">
        <v>0</v>
      </c>
      <c r="AF31" s="280">
        <v>0</v>
      </c>
      <c r="AG31" s="280">
        <v>0</v>
      </c>
      <c r="AH31" s="277">
        <v>1</v>
      </c>
      <c r="AI31" s="282">
        <v>1</v>
      </c>
      <c r="AJ31" s="276">
        <v>0</v>
      </c>
      <c r="AK31" s="280">
        <v>0</v>
      </c>
      <c r="AL31" s="277">
        <v>0</v>
      </c>
      <c r="AM31" s="279">
        <v>0</v>
      </c>
      <c r="AN31" s="280">
        <v>0</v>
      </c>
      <c r="AO31" s="280">
        <v>0</v>
      </c>
      <c r="AP31" s="280">
        <v>1</v>
      </c>
      <c r="AQ31" s="280">
        <v>0</v>
      </c>
      <c r="AR31" s="280">
        <v>0</v>
      </c>
      <c r="AS31" s="277">
        <v>1</v>
      </c>
      <c r="AT31" s="282">
        <v>1</v>
      </c>
      <c r="AU31" s="276">
        <v>0</v>
      </c>
      <c r="AV31" s="280">
        <v>0</v>
      </c>
      <c r="AW31" s="277">
        <v>0</v>
      </c>
      <c r="AX31" s="279">
        <v>0</v>
      </c>
      <c r="AY31" s="280">
        <v>3</v>
      </c>
      <c r="AZ31" s="280">
        <v>0</v>
      </c>
      <c r="BA31" s="280">
        <v>1</v>
      </c>
      <c r="BB31" s="280">
        <v>0</v>
      </c>
      <c r="BC31" s="280">
        <v>0</v>
      </c>
      <c r="BD31" s="277">
        <v>4</v>
      </c>
      <c r="BE31" s="282">
        <v>4</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1</v>
      </c>
      <c r="AD32" s="280">
        <v>1</v>
      </c>
      <c r="AE32" s="280">
        <v>0</v>
      </c>
      <c r="AF32" s="280">
        <v>0</v>
      </c>
      <c r="AG32" s="280">
        <v>0</v>
      </c>
      <c r="AH32" s="277">
        <v>2</v>
      </c>
      <c r="AI32" s="282">
        <v>2</v>
      </c>
      <c r="AJ32" s="276">
        <v>0</v>
      </c>
      <c r="AK32" s="280">
        <v>0</v>
      </c>
      <c r="AL32" s="277">
        <v>0</v>
      </c>
      <c r="AM32" s="279">
        <v>0</v>
      </c>
      <c r="AN32" s="280">
        <v>0</v>
      </c>
      <c r="AO32" s="280">
        <v>1</v>
      </c>
      <c r="AP32" s="280">
        <v>0</v>
      </c>
      <c r="AQ32" s="280">
        <v>0</v>
      </c>
      <c r="AR32" s="280">
        <v>0</v>
      </c>
      <c r="AS32" s="277">
        <v>1</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0</v>
      </c>
      <c r="BN32" s="280">
        <v>0</v>
      </c>
      <c r="BO32" s="281">
        <v>0</v>
      </c>
      <c r="BP32" s="282">
        <v>0</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1</v>
      </c>
      <c r="I33" s="280">
        <v>0</v>
      </c>
      <c r="J33" s="280">
        <v>0</v>
      </c>
      <c r="K33" s="280">
        <v>0</v>
      </c>
      <c r="L33" s="281">
        <v>1</v>
      </c>
      <c r="M33" s="282">
        <v>1</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2</v>
      </c>
      <c r="AD33" s="280">
        <v>1</v>
      </c>
      <c r="AE33" s="280">
        <v>1</v>
      </c>
      <c r="AF33" s="280">
        <v>0</v>
      </c>
      <c r="AG33" s="280">
        <v>0</v>
      </c>
      <c r="AH33" s="277">
        <v>4</v>
      </c>
      <c r="AI33" s="282">
        <v>4</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1</v>
      </c>
      <c r="BA33" s="280">
        <v>0</v>
      </c>
      <c r="BB33" s="280">
        <v>0</v>
      </c>
      <c r="BC33" s="280">
        <v>0</v>
      </c>
      <c r="BD33" s="277">
        <v>1</v>
      </c>
      <c r="BE33" s="282">
        <v>1</v>
      </c>
      <c r="BF33" s="276">
        <v>0</v>
      </c>
      <c r="BG33" s="280">
        <v>0</v>
      </c>
      <c r="BH33" s="277">
        <v>0</v>
      </c>
      <c r="BI33" s="279">
        <v>0</v>
      </c>
      <c r="BJ33" s="280">
        <v>0</v>
      </c>
      <c r="BK33" s="280">
        <v>0</v>
      </c>
      <c r="BL33" s="280">
        <v>0</v>
      </c>
      <c r="BM33" s="280">
        <v>0</v>
      </c>
      <c r="BN33" s="280">
        <v>1</v>
      </c>
      <c r="BO33" s="281">
        <v>1</v>
      </c>
      <c r="BP33" s="282">
        <v>1</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1</v>
      </c>
      <c r="I34" s="280">
        <v>0</v>
      </c>
      <c r="J34" s="280">
        <v>0</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v>
      </c>
      <c r="AE34" s="280">
        <v>1</v>
      </c>
      <c r="AF34" s="280">
        <v>0</v>
      </c>
      <c r="AG34" s="280">
        <v>0</v>
      </c>
      <c r="AH34" s="277">
        <v>2</v>
      </c>
      <c r="AI34" s="282">
        <v>2</v>
      </c>
      <c r="AJ34" s="276">
        <v>0</v>
      </c>
      <c r="AK34" s="280">
        <v>0</v>
      </c>
      <c r="AL34" s="277">
        <v>0</v>
      </c>
      <c r="AM34" s="279">
        <v>0</v>
      </c>
      <c r="AN34" s="280">
        <v>1</v>
      </c>
      <c r="AO34" s="280">
        <v>0</v>
      </c>
      <c r="AP34" s="280">
        <v>0</v>
      </c>
      <c r="AQ34" s="280">
        <v>0</v>
      </c>
      <c r="AR34" s="280">
        <v>0</v>
      </c>
      <c r="AS34" s="277">
        <v>1</v>
      </c>
      <c r="AT34" s="282">
        <v>1</v>
      </c>
      <c r="AU34" s="276">
        <v>0</v>
      </c>
      <c r="AV34" s="280">
        <v>0</v>
      </c>
      <c r="AW34" s="277">
        <v>0</v>
      </c>
      <c r="AX34" s="279">
        <v>0</v>
      </c>
      <c r="AY34" s="280">
        <v>0</v>
      </c>
      <c r="AZ34" s="280">
        <v>1</v>
      </c>
      <c r="BA34" s="280">
        <v>0</v>
      </c>
      <c r="BB34" s="280">
        <v>0</v>
      </c>
      <c r="BC34" s="280">
        <v>0</v>
      </c>
      <c r="BD34" s="277">
        <v>1</v>
      </c>
      <c r="BE34" s="282">
        <v>1</v>
      </c>
      <c r="BF34" s="276">
        <v>0</v>
      </c>
      <c r="BG34" s="280">
        <v>0</v>
      </c>
      <c r="BH34" s="277">
        <v>0</v>
      </c>
      <c r="BI34" s="279">
        <v>0</v>
      </c>
      <c r="BJ34" s="280">
        <v>0</v>
      </c>
      <c r="BK34" s="280">
        <v>0</v>
      </c>
      <c r="BL34" s="280">
        <v>2</v>
      </c>
      <c r="BM34" s="280">
        <v>0</v>
      </c>
      <c r="BN34" s="280">
        <v>2</v>
      </c>
      <c r="BO34" s="281">
        <v>4</v>
      </c>
      <c r="BP34" s="282">
        <v>4</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1</v>
      </c>
      <c r="CH34" s="280">
        <v>0</v>
      </c>
      <c r="CI34" s="280">
        <v>2</v>
      </c>
      <c r="CJ34" s="280">
        <v>0</v>
      </c>
      <c r="CK34" s="277">
        <v>3</v>
      </c>
      <c r="CL34" s="282">
        <v>3</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2</v>
      </c>
      <c r="AF35" s="280">
        <v>0</v>
      </c>
      <c r="AG35" s="280">
        <v>0</v>
      </c>
      <c r="AH35" s="277">
        <v>3</v>
      </c>
      <c r="AI35" s="282">
        <v>3</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1</v>
      </c>
      <c r="CV35" s="277">
        <v>1</v>
      </c>
      <c r="CW35" s="282">
        <v>1</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1</v>
      </c>
      <c r="CV36" s="277">
        <v>2</v>
      </c>
      <c r="CW36" s="282">
        <v>2</v>
      </c>
    </row>
    <row r="37" spans="2:101" ht="21" customHeight="1" x14ac:dyDescent="0.2">
      <c r="B37" s="261" t="s">
        <v>35</v>
      </c>
      <c r="C37" s="276">
        <v>0</v>
      </c>
      <c r="D37" s="277">
        <v>0</v>
      </c>
      <c r="E37" s="278">
        <v>0</v>
      </c>
      <c r="F37" s="279">
        <v>0</v>
      </c>
      <c r="G37" s="280">
        <v>0</v>
      </c>
      <c r="H37" s="280">
        <v>0</v>
      </c>
      <c r="I37" s="280">
        <v>0</v>
      </c>
      <c r="J37" s="280">
        <v>0</v>
      </c>
      <c r="K37" s="280">
        <v>0</v>
      </c>
      <c r="L37" s="281">
        <v>0</v>
      </c>
      <c r="M37" s="282">
        <v>0</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v>
      </c>
      <c r="AD37" s="280">
        <v>0</v>
      </c>
      <c r="AE37" s="280">
        <v>1</v>
      </c>
      <c r="AF37" s="280">
        <v>0</v>
      </c>
      <c r="AG37" s="280">
        <v>0</v>
      </c>
      <c r="AH37" s="277">
        <v>2</v>
      </c>
      <c r="AI37" s="282">
        <v>2</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1</v>
      </c>
      <c r="BC37" s="280">
        <v>0</v>
      </c>
      <c r="BD37" s="277">
        <v>1</v>
      </c>
      <c r="BE37" s="282">
        <v>1</v>
      </c>
      <c r="BF37" s="276">
        <v>0</v>
      </c>
      <c r="BG37" s="280">
        <v>0</v>
      </c>
      <c r="BH37" s="277">
        <v>0</v>
      </c>
      <c r="BI37" s="279">
        <v>0</v>
      </c>
      <c r="BJ37" s="280">
        <v>0</v>
      </c>
      <c r="BK37" s="280">
        <v>0</v>
      </c>
      <c r="BL37" s="280">
        <v>0</v>
      </c>
      <c r="BM37" s="280">
        <v>1</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1</v>
      </c>
      <c r="AD38" s="280">
        <v>1</v>
      </c>
      <c r="AE38" s="280">
        <v>0</v>
      </c>
      <c r="AF38" s="280">
        <v>1</v>
      </c>
      <c r="AG38" s="280">
        <v>0</v>
      </c>
      <c r="AH38" s="277">
        <v>3</v>
      </c>
      <c r="AI38" s="282">
        <v>3</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1</v>
      </c>
      <c r="BK38" s="280">
        <v>1</v>
      </c>
      <c r="BL38" s="280">
        <v>0</v>
      </c>
      <c r="BM38" s="280">
        <v>0</v>
      </c>
      <c r="BN38" s="280">
        <v>1</v>
      </c>
      <c r="BO38" s="281">
        <v>3</v>
      </c>
      <c r="BP38" s="282">
        <v>3</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 ref="B3:B5"/>
    <mergeCell ref="C3:M3"/>
    <mergeCell ref="N3:X3"/>
    <mergeCell ref="Y3:AI3"/>
    <mergeCell ref="C4:E4"/>
    <mergeCell ref="F4:L4"/>
    <mergeCell ref="M4:M5"/>
    <mergeCell ref="N4:P4"/>
    <mergeCell ref="Q4:W4"/>
    <mergeCell ref="X4:X5"/>
    <mergeCell ref="Y4:AA4"/>
    <mergeCell ref="AB4:AH4"/>
    <mergeCell ref="AI4:AI5"/>
    <mergeCell ref="CM4:CO4"/>
    <mergeCell ref="AX4:BD4"/>
    <mergeCell ref="BF4:BH4"/>
    <mergeCell ref="BI4:BO4"/>
    <mergeCell ref="CA4:CA5"/>
    <mergeCell ref="CL4:CL5"/>
    <mergeCell ref="BQ4:BS4"/>
    <mergeCell ref="BT4:BZ4"/>
    <mergeCell ref="CB4:CD4"/>
    <mergeCell ref="CE4:CK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8" style="255" customWidth="1"/>
    <col min="18" max="16384" width="9" style="255"/>
  </cols>
  <sheetData>
    <row r="1" spans="2:24" ht="24" customHeight="1" x14ac:dyDescent="0.2">
      <c r="B1" s="290" t="s">
        <v>125</v>
      </c>
      <c r="H1" s="524">
        <f>第１表!F2</f>
        <v>5</v>
      </c>
      <c r="I1" s="524"/>
      <c r="J1" s="248">
        <f>第１表!G2</f>
        <v>4</v>
      </c>
      <c r="K1" s="529">
        <f>IF(J1&lt;3,J1+12-2,J1-2)</f>
        <v>2</v>
      </c>
      <c r="L1" s="529"/>
    </row>
    <row r="2" spans="2:24" ht="24" customHeight="1" thickBot="1" x14ac:dyDescent="0.25">
      <c r="B2" s="290" t="s">
        <v>133</v>
      </c>
    </row>
    <row r="3" spans="2:24" ht="21" customHeight="1" x14ac:dyDescent="0.2">
      <c r="B3" s="532"/>
      <c r="C3" s="533" t="s">
        <v>143</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0</v>
      </c>
      <c r="E6" s="270">
        <v>0</v>
      </c>
      <c r="F6" s="272">
        <v>0</v>
      </c>
      <c r="G6" s="273">
        <v>94441</v>
      </c>
      <c r="H6" s="273">
        <v>91769</v>
      </c>
      <c r="I6" s="273">
        <v>56451</v>
      </c>
      <c r="J6" s="273">
        <v>30084</v>
      </c>
      <c r="K6" s="273">
        <v>12760</v>
      </c>
      <c r="L6" s="270">
        <v>285505</v>
      </c>
      <c r="M6" s="275">
        <v>285505</v>
      </c>
      <c r="N6" s="273">
        <v>32</v>
      </c>
      <c r="O6" s="273">
        <v>35</v>
      </c>
      <c r="P6" s="270">
        <v>67</v>
      </c>
      <c r="Q6" s="272">
        <v>0</v>
      </c>
      <c r="R6" s="273">
        <v>6214</v>
      </c>
      <c r="S6" s="273">
        <v>8406</v>
      </c>
      <c r="T6" s="273">
        <v>11128</v>
      </c>
      <c r="U6" s="273">
        <v>6339</v>
      </c>
      <c r="V6" s="273">
        <v>4539</v>
      </c>
      <c r="W6" s="270">
        <v>36626</v>
      </c>
      <c r="X6" s="275">
        <v>36693</v>
      </c>
    </row>
    <row r="7" spans="2:24" ht="21" customHeight="1" x14ac:dyDescent="0.2">
      <c r="B7" s="256" t="s">
        <v>5</v>
      </c>
      <c r="C7" s="280">
        <v>0</v>
      </c>
      <c r="D7" s="280">
        <v>0</v>
      </c>
      <c r="E7" s="277">
        <v>0</v>
      </c>
      <c r="F7" s="279">
        <v>0</v>
      </c>
      <c r="G7" s="280">
        <v>32009</v>
      </c>
      <c r="H7" s="280">
        <v>42971</v>
      </c>
      <c r="I7" s="280">
        <v>25525</v>
      </c>
      <c r="J7" s="280">
        <v>13929</v>
      </c>
      <c r="K7" s="280">
        <v>5853</v>
      </c>
      <c r="L7" s="277">
        <v>120287</v>
      </c>
      <c r="M7" s="282">
        <v>120287</v>
      </c>
      <c r="N7" s="280">
        <v>13</v>
      </c>
      <c r="O7" s="280">
        <v>15</v>
      </c>
      <c r="P7" s="277">
        <v>28</v>
      </c>
      <c r="Q7" s="279">
        <v>0</v>
      </c>
      <c r="R7" s="280">
        <v>2932</v>
      </c>
      <c r="S7" s="280">
        <v>4407</v>
      </c>
      <c r="T7" s="280">
        <v>5845</v>
      </c>
      <c r="U7" s="280">
        <v>3499</v>
      </c>
      <c r="V7" s="280">
        <v>2545</v>
      </c>
      <c r="W7" s="277">
        <v>19228</v>
      </c>
      <c r="X7" s="282">
        <v>19256</v>
      </c>
    </row>
    <row r="8" spans="2:24" ht="21" customHeight="1" x14ac:dyDescent="0.2">
      <c r="B8" s="256" t="s">
        <v>6</v>
      </c>
      <c r="C8" s="280">
        <v>0</v>
      </c>
      <c r="D8" s="280">
        <v>0</v>
      </c>
      <c r="E8" s="277">
        <v>0</v>
      </c>
      <c r="F8" s="279">
        <v>0</v>
      </c>
      <c r="G8" s="280">
        <v>13481</v>
      </c>
      <c r="H8" s="280">
        <v>9573</v>
      </c>
      <c r="I8" s="280">
        <v>6599</v>
      </c>
      <c r="J8" s="280">
        <v>3860</v>
      </c>
      <c r="K8" s="280">
        <v>1609</v>
      </c>
      <c r="L8" s="277">
        <v>35122</v>
      </c>
      <c r="M8" s="282">
        <v>35122</v>
      </c>
      <c r="N8" s="280">
        <v>1</v>
      </c>
      <c r="O8" s="280">
        <v>3</v>
      </c>
      <c r="P8" s="277">
        <v>4</v>
      </c>
      <c r="Q8" s="279">
        <v>0</v>
      </c>
      <c r="R8" s="280">
        <v>1561</v>
      </c>
      <c r="S8" s="280">
        <v>1904</v>
      </c>
      <c r="T8" s="280">
        <v>2299</v>
      </c>
      <c r="U8" s="280">
        <v>1385</v>
      </c>
      <c r="V8" s="280">
        <v>938</v>
      </c>
      <c r="W8" s="277">
        <v>8087</v>
      </c>
      <c r="X8" s="282">
        <v>8091</v>
      </c>
    </row>
    <row r="9" spans="2:24" ht="21" customHeight="1" x14ac:dyDescent="0.2">
      <c r="B9" s="256" t="s">
        <v>14</v>
      </c>
      <c r="C9" s="280">
        <v>0</v>
      </c>
      <c r="D9" s="280">
        <v>0</v>
      </c>
      <c r="E9" s="277">
        <v>0</v>
      </c>
      <c r="F9" s="279">
        <v>0</v>
      </c>
      <c r="G9" s="280">
        <v>6899</v>
      </c>
      <c r="H9" s="280">
        <v>8327</v>
      </c>
      <c r="I9" s="280">
        <v>4972</v>
      </c>
      <c r="J9" s="280">
        <v>2454</v>
      </c>
      <c r="K9" s="280">
        <v>1405</v>
      </c>
      <c r="L9" s="277">
        <v>24057</v>
      </c>
      <c r="M9" s="282">
        <v>24057</v>
      </c>
      <c r="N9" s="280">
        <v>8</v>
      </c>
      <c r="O9" s="280">
        <v>0</v>
      </c>
      <c r="P9" s="277">
        <v>8</v>
      </c>
      <c r="Q9" s="279">
        <v>0</v>
      </c>
      <c r="R9" s="280">
        <v>146</v>
      </c>
      <c r="S9" s="280">
        <v>192</v>
      </c>
      <c r="T9" s="280">
        <v>385</v>
      </c>
      <c r="U9" s="280">
        <v>222</v>
      </c>
      <c r="V9" s="280">
        <v>259</v>
      </c>
      <c r="W9" s="277">
        <v>1204</v>
      </c>
      <c r="X9" s="282">
        <v>1212</v>
      </c>
    </row>
    <row r="10" spans="2:24" ht="21" customHeight="1" x14ac:dyDescent="0.2">
      <c r="B10" s="256" t="s">
        <v>7</v>
      </c>
      <c r="C10" s="280">
        <v>0</v>
      </c>
      <c r="D10" s="280">
        <v>0</v>
      </c>
      <c r="E10" s="277">
        <v>0</v>
      </c>
      <c r="F10" s="279">
        <v>0</v>
      </c>
      <c r="G10" s="280">
        <v>7557</v>
      </c>
      <c r="H10" s="280">
        <v>4660</v>
      </c>
      <c r="I10" s="280">
        <v>2674</v>
      </c>
      <c r="J10" s="280">
        <v>1051</v>
      </c>
      <c r="K10" s="280">
        <v>361</v>
      </c>
      <c r="L10" s="277">
        <v>16303</v>
      </c>
      <c r="M10" s="282">
        <v>16303</v>
      </c>
      <c r="N10" s="280">
        <v>0</v>
      </c>
      <c r="O10" s="280">
        <v>0</v>
      </c>
      <c r="P10" s="277">
        <v>0</v>
      </c>
      <c r="Q10" s="279">
        <v>0</v>
      </c>
      <c r="R10" s="280">
        <v>633</v>
      </c>
      <c r="S10" s="280">
        <v>842</v>
      </c>
      <c r="T10" s="280">
        <v>1030</v>
      </c>
      <c r="U10" s="280">
        <v>438</v>
      </c>
      <c r="V10" s="280">
        <v>183</v>
      </c>
      <c r="W10" s="277">
        <v>3126</v>
      </c>
      <c r="X10" s="282">
        <v>3126</v>
      </c>
    </row>
    <row r="11" spans="2:24" ht="21" customHeight="1" x14ac:dyDescent="0.2">
      <c r="B11" s="256" t="s">
        <v>8</v>
      </c>
      <c r="C11" s="280">
        <v>0</v>
      </c>
      <c r="D11" s="280">
        <v>0</v>
      </c>
      <c r="E11" s="277">
        <v>0</v>
      </c>
      <c r="F11" s="279">
        <v>0</v>
      </c>
      <c r="G11" s="280">
        <v>4566</v>
      </c>
      <c r="H11" s="280">
        <v>4333</v>
      </c>
      <c r="I11" s="280">
        <v>2360</v>
      </c>
      <c r="J11" s="280">
        <v>1016</v>
      </c>
      <c r="K11" s="280">
        <v>356</v>
      </c>
      <c r="L11" s="277">
        <v>12631</v>
      </c>
      <c r="M11" s="282">
        <v>12631</v>
      </c>
      <c r="N11" s="280">
        <v>0</v>
      </c>
      <c r="O11" s="280">
        <v>0</v>
      </c>
      <c r="P11" s="277">
        <v>0</v>
      </c>
      <c r="Q11" s="279">
        <v>0</v>
      </c>
      <c r="R11" s="280">
        <v>59</v>
      </c>
      <c r="S11" s="280">
        <v>62</v>
      </c>
      <c r="T11" s="280">
        <v>95</v>
      </c>
      <c r="U11" s="280">
        <v>77</v>
      </c>
      <c r="V11" s="280">
        <v>75</v>
      </c>
      <c r="W11" s="277">
        <v>368</v>
      </c>
      <c r="X11" s="282">
        <v>368</v>
      </c>
    </row>
    <row r="12" spans="2:24" ht="21" customHeight="1" x14ac:dyDescent="0.2">
      <c r="B12" s="256" t="s">
        <v>9</v>
      </c>
      <c r="C12" s="280">
        <v>0</v>
      </c>
      <c r="D12" s="280">
        <v>0</v>
      </c>
      <c r="E12" s="277">
        <v>0</v>
      </c>
      <c r="F12" s="279">
        <v>0</v>
      </c>
      <c r="G12" s="280">
        <v>2946</v>
      </c>
      <c r="H12" s="280">
        <v>1954</v>
      </c>
      <c r="I12" s="280">
        <v>1640</v>
      </c>
      <c r="J12" s="280">
        <v>802</v>
      </c>
      <c r="K12" s="280">
        <v>269</v>
      </c>
      <c r="L12" s="277">
        <v>7611</v>
      </c>
      <c r="M12" s="282">
        <v>7611</v>
      </c>
      <c r="N12" s="280">
        <v>0</v>
      </c>
      <c r="O12" s="280">
        <v>0</v>
      </c>
      <c r="P12" s="277">
        <v>0</v>
      </c>
      <c r="Q12" s="279">
        <v>0</v>
      </c>
      <c r="R12" s="280">
        <v>29</v>
      </c>
      <c r="S12" s="280">
        <v>36</v>
      </c>
      <c r="T12" s="280">
        <v>70</v>
      </c>
      <c r="U12" s="280">
        <v>26</v>
      </c>
      <c r="V12" s="280">
        <v>38</v>
      </c>
      <c r="W12" s="277">
        <v>199</v>
      </c>
      <c r="X12" s="282">
        <v>199</v>
      </c>
    </row>
    <row r="13" spans="2:24" ht="21" customHeight="1" x14ac:dyDescent="0.2">
      <c r="B13" s="256" t="s">
        <v>10</v>
      </c>
      <c r="C13" s="280">
        <v>0</v>
      </c>
      <c r="D13" s="280">
        <v>0</v>
      </c>
      <c r="E13" s="277">
        <v>0</v>
      </c>
      <c r="F13" s="279">
        <v>0</v>
      </c>
      <c r="G13" s="280">
        <v>3886</v>
      </c>
      <c r="H13" s="280">
        <v>1895</v>
      </c>
      <c r="I13" s="280">
        <v>1049</v>
      </c>
      <c r="J13" s="280">
        <v>627</v>
      </c>
      <c r="K13" s="280">
        <v>304</v>
      </c>
      <c r="L13" s="277">
        <v>7761</v>
      </c>
      <c r="M13" s="282">
        <v>7761</v>
      </c>
      <c r="N13" s="280">
        <v>0</v>
      </c>
      <c r="O13" s="280">
        <v>4</v>
      </c>
      <c r="P13" s="277">
        <v>4</v>
      </c>
      <c r="Q13" s="279">
        <v>0</v>
      </c>
      <c r="R13" s="280">
        <v>102</v>
      </c>
      <c r="S13" s="280">
        <v>114</v>
      </c>
      <c r="T13" s="280">
        <v>208</v>
      </c>
      <c r="U13" s="280">
        <v>133</v>
      </c>
      <c r="V13" s="280">
        <v>127</v>
      </c>
      <c r="W13" s="277">
        <v>684</v>
      </c>
      <c r="X13" s="282">
        <v>688</v>
      </c>
    </row>
    <row r="14" spans="2:24" ht="21" customHeight="1" x14ac:dyDescent="0.2">
      <c r="B14" s="256" t="s">
        <v>11</v>
      </c>
      <c r="C14" s="280">
        <v>0</v>
      </c>
      <c r="D14" s="280">
        <v>0</v>
      </c>
      <c r="E14" s="277">
        <v>0</v>
      </c>
      <c r="F14" s="279">
        <v>0</v>
      </c>
      <c r="G14" s="280">
        <v>3976</v>
      </c>
      <c r="H14" s="280">
        <v>2141</v>
      </c>
      <c r="I14" s="280">
        <v>1461</v>
      </c>
      <c r="J14" s="280">
        <v>872</v>
      </c>
      <c r="K14" s="280">
        <v>309</v>
      </c>
      <c r="L14" s="277">
        <v>8759</v>
      </c>
      <c r="M14" s="282">
        <v>8759</v>
      </c>
      <c r="N14" s="280">
        <v>0</v>
      </c>
      <c r="O14" s="280">
        <v>3</v>
      </c>
      <c r="P14" s="277">
        <v>3</v>
      </c>
      <c r="Q14" s="279">
        <v>0</v>
      </c>
      <c r="R14" s="280">
        <v>106</v>
      </c>
      <c r="S14" s="280">
        <v>121</v>
      </c>
      <c r="T14" s="280">
        <v>181</v>
      </c>
      <c r="U14" s="280">
        <v>25</v>
      </c>
      <c r="V14" s="280">
        <v>15</v>
      </c>
      <c r="W14" s="277">
        <v>448</v>
      </c>
      <c r="X14" s="282">
        <v>451</v>
      </c>
    </row>
    <row r="15" spans="2:24" ht="21" customHeight="1" x14ac:dyDescent="0.2">
      <c r="B15" s="256" t="s">
        <v>12</v>
      </c>
      <c r="C15" s="280">
        <v>0</v>
      </c>
      <c r="D15" s="280">
        <v>0</v>
      </c>
      <c r="E15" s="277">
        <v>0</v>
      </c>
      <c r="F15" s="279">
        <v>0</v>
      </c>
      <c r="G15" s="280">
        <v>3487</v>
      </c>
      <c r="H15" s="280">
        <v>2280</v>
      </c>
      <c r="I15" s="280">
        <v>1564</v>
      </c>
      <c r="J15" s="280">
        <v>836</v>
      </c>
      <c r="K15" s="280">
        <v>198</v>
      </c>
      <c r="L15" s="277">
        <v>8365</v>
      </c>
      <c r="M15" s="282">
        <v>8365</v>
      </c>
      <c r="N15" s="280">
        <v>0</v>
      </c>
      <c r="O15" s="280">
        <v>0</v>
      </c>
      <c r="P15" s="277">
        <v>0</v>
      </c>
      <c r="Q15" s="279">
        <v>0</v>
      </c>
      <c r="R15" s="280">
        <v>30</v>
      </c>
      <c r="S15" s="280">
        <v>14</v>
      </c>
      <c r="T15" s="280">
        <v>11</v>
      </c>
      <c r="U15" s="280">
        <v>6</v>
      </c>
      <c r="V15" s="280">
        <v>24</v>
      </c>
      <c r="W15" s="277">
        <v>85</v>
      </c>
      <c r="X15" s="282">
        <v>85</v>
      </c>
    </row>
    <row r="16" spans="2:24" ht="21" customHeight="1" x14ac:dyDescent="0.2">
      <c r="B16" s="256" t="s">
        <v>13</v>
      </c>
      <c r="C16" s="280">
        <v>0</v>
      </c>
      <c r="D16" s="280">
        <v>0</v>
      </c>
      <c r="E16" s="277">
        <v>0</v>
      </c>
      <c r="F16" s="279">
        <v>0</v>
      </c>
      <c r="G16" s="280">
        <v>966</v>
      </c>
      <c r="H16" s="280">
        <v>958</v>
      </c>
      <c r="I16" s="280">
        <v>625</v>
      </c>
      <c r="J16" s="280">
        <v>284</v>
      </c>
      <c r="K16" s="280">
        <v>155</v>
      </c>
      <c r="L16" s="277">
        <v>2988</v>
      </c>
      <c r="M16" s="282">
        <v>2988</v>
      </c>
      <c r="N16" s="280">
        <v>0</v>
      </c>
      <c r="O16" s="280">
        <v>0</v>
      </c>
      <c r="P16" s="277">
        <v>0</v>
      </c>
      <c r="Q16" s="279">
        <v>0</v>
      </c>
      <c r="R16" s="280">
        <v>12</v>
      </c>
      <c r="S16" s="280">
        <v>40</v>
      </c>
      <c r="T16" s="280">
        <v>76</v>
      </c>
      <c r="U16" s="280">
        <v>25</v>
      </c>
      <c r="V16" s="280">
        <v>21</v>
      </c>
      <c r="W16" s="277">
        <v>174</v>
      </c>
      <c r="X16" s="282">
        <v>174</v>
      </c>
    </row>
    <row r="17" spans="2:24" ht="21" customHeight="1" x14ac:dyDescent="0.2">
      <c r="B17" s="256" t="s">
        <v>15</v>
      </c>
      <c r="C17" s="280">
        <v>0</v>
      </c>
      <c r="D17" s="280">
        <v>0</v>
      </c>
      <c r="E17" s="277">
        <v>0</v>
      </c>
      <c r="F17" s="279">
        <v>0</v>
      </c>
      <c r="G17" s="280">
        <v>1001</v>
      </c>
      <c r="H17" s="280">
        <v>1123</v>
      </c>
      <c r="I17" s="280">
        <v>684</v>
      </c>
      <c r="J17" s="280">
        <v>337</v>
      </c>
      <c r="K17" s="280">
        <v>72</v>
      </c>
      <c r="L17" s="277">
        <v>3217</v>
      </c>
      <c r="M17" s="282">
        <v>3217</v>
      </c>
      <c r="N17" s="280">
        <v>0</v>
      </c>
      <c r="O17" s="280">
        <v>0</v>
      </c>
      <c r="P17" s="277">
        <v>0</v>
      </c>
      <c r="Q17" s="279">
        <v>0</v>
      </c>
      <c r="R17" s="280">
        <v>15</v>
      </c>
      <c r="S17" s="280">
        <v>38</v>
      </c>
      <c r="T17" s="280">
        <v>25</v>
      </c>
      <c r="U17" s="280">
        <v>8</v>
      </c>
      <c r="V17" s="280">
        <v>12</v>
      </c>
      <c r="W17" s="277">
        <v>98</v>
      </c>
      <c r="X17" s="282">
        <v>98</v>
      </c>
    </row>
    <row r="18" spans="2:24" ht="21" customHeight="1" x14ac:dyDescent="0.2">
      <c r="B18" s="256" t="s">
        <v>16</v>
      </c>
      <c r="C18" s="280">
        <v>0</v>
      </c>
      <c r="D18" s="280">
        <v>0</v>
      </c>
      <c r="E18" s="277">
        <v>0</v>
      </c>
      <c r="F18" s="279">
        <v>0</v>
      </c>
      <c r="G18" s="280">
        <v>1170</v>
      </c>
      <c r="H18" s="280">
        <v>1277</v>
      </c>
      <c r="I18" s="280">
        <v>989</v>
      </c>
      <c r="J18" s="280">
        <v>371</v>
      </c>
      <c r="K18" s="280">
        <v>236</v>
      </c>
      <c r="L18" s="277">
        <v>4043</v>
      </c>
      <c r="M18" s="282">
        <v>4043</v>
      </c>
      <c r="N18" s="280">
        <v>0</v>
      </c>
      <c r="O18" s="280">
        <v>0</v>
      </c>
      <c r="P18" s="277">
        <v>0</v>
      </c>
      <c r="Q18" s="279">
        <v>0</v>
      </c>
      <c r="R18" s="280">
        <v>39</v>
      </c>
      <c r="S18" s="280">
        <v>87</v>
      </c>
      <c r="T18" s="280">
        <v>52</v>
      </c>
      <c r="U18" s="280">
        <v>27</v>
      </c>
      <c r="V18" s="280">
        <v>48</v>
      </c>
      <c r="W18" s="277">
        <v>253</v>
      </c>
      <c r="X18" s="282">
        <v>253</v>
      </c>
    </row>
    <row r="19" spans="2:24" ht="21" customHeight="1" x14ac:dyDescent="0.2">
      <c r="B19" s="256" t="s">
        <v>17</v>
      </c>
      <c r="C19" s="280">
        <v>0</v>
      </c>
      <c r="D19" s="280">
        <v>0</v>
      </c>
      <c r="E19" s="277">
        <v>0</v>
      </c>
      <c r="F19" s="279">
        <v>0</v>
      </c>
      <c r="G19" s="280">
        <v>1803</v>
      </c>
      <c r="H19" s="280">
        <v>2306</v>
      </c>
      <c r="I19" s="280">
        <v>1492</v>
      </c>
      <c r="J19" s="280">
        <v>1345</v>
      </c>
      <c r="K19" s="280">
        <v>679</v>
      </c>
      <c r="L19" s="277">
        <v>7625</v>
      </c>
      <c r="M19" s="282">
        <v>7625</v>
      </c>
      <c r="N19" s="280">
        <v>4</v>
      </c>
      <c r="O19" s="280">
        <v>10</v>
      </c>
      <c r="P19" s="277">
        <v>14</v>
      </c>
      <c r="Q19" s="279">
        <v>0</v>
      </c>
      <c r="R19" s="280">
        <v>149</v>
      </c>
      <c r="S19" s="280">
        <v>177</v>
      </c>
      <c r="T19" s="280">
        <v>164</v>
      </c>
      <c r="U19" s="280">
        <v>172</v>
      </c>
      <c r="V19" s="280">
        <v>15</v>
      </c>
      <c r="W19" s="277">
        <v>677</v>
      </c>
      <c r="X19" s="282">
        <v>691</v>
      </c>
    </row>
    <row r="20" spans="2:24" ht="21" customHeight="1" x14ac:dyDescent="0.2">
      <c r="B20" s="256" t="s">
        <v>18</v>
      </c>
      <c r="C20" s="280">
        <v>0</v>
      </c>
      <c r="D20" s="280">
        <v>0</v>
      </c>
      <c r="E20" s="277">
        <v>0</v>
      </c>
      <c r="F20" s="279">
        <v>0</v>
      </c>
      <c r="G20" s="280">
        <v>2166</v>
      </c>
      <c r="H20" s="280">
        <v>1717</v>
      </c>
      <c r="I20" s="280">
        <v>1209</v>
      </c>
      <c r="J20" s="280">
        <v>488</v>
      </c>
      <c r="K20" s="280">
        <v>131</v>
      </c>
      <c r="L20" s="277">
        <v>5711</v>
      </c>
      <c r="M20" s="282">
        <v>5711</v>
      </c>
      <c r="N20" s="280">
        <v>0</v>
      </c>
      <c r="O20" s="280">
        <v>0</v>
      </c>
      <c r="P20" s="277">
        <v>0</v>
      </c>
      <c r="Q20" s="279">
        <v>0</v>
      </c>
      <c r="R20" s="280">
        <v>76</v>
      </c>
      <c r="S20" s="280">
        <v>44</v>
      </c>
      <c r="T20" s="280">
        <v>220</v>
      </c>
      <c r="U20" s="280">
        <v>90</v>
      </c>
      <c r="V20" s="280">
        <v>95</v>
      </c>
      <c r="W20" s="277">
        <v>525</v>
      </c>
      <c r="X20" s="282">
        <v>525</v>
      </c>
    </row>
    <row r="21" spans="2:24" ht="21" customHeight="1" x14ac:dyDescent="0.2">
      <c r="B21" s="256" t="s">
        <v>19</v>
      </c>
      <c r="C21" s="280">
        <v>0</v>
      </c>
      <c r="D21" s="280">
        <v>0</v>
      </c>
      <c r="E21" s="277">
        <v>0</v>
      </c>
      <c r="F21" s="279">
        <v>0</v>
      </c>
      <c r="G21" s="280">
        <v>930</v>
      </c>
      <c r="H21" s="280">
        <v>793</v>
      </c>
      <c r="I21" s="280">
        <v>423</v>
      </c>
      <c r="J21" s="280">
        <v>291</v>
      </c>
      <c r="K21" s="280">
        <v>133</v>
      </c>
      <c r="L21" s="277">
        <v>2570</v>
      </c>
      <c r="M21" s="282">
        <v>2570</v>
      </c>
      <c r="N21" s="280">
        <v>0</v>
      </c>
      <c r="O21" s="280">
        <v>0</v>
      </c>
      <c r="P21" s="277">
        <v>0</v>
      </c>
      <c r="Q21" s="279">
        <v>0</v>
      </c>
      <c r="R21" s="280">
        <v>114</v>
      </c>
      <c r="S21" s="280">
        <v>165</v>
      </c>
      <c r="T21" s="280">
        <v>157</v>
      </c>
      <c r="U21" s="280">
        <v>23</v>
      </c>
      <c r="V21" s="280">
        <v>10</v>
      </c>
      <c r="W21" s="277">
        <v>469</v>
      </c>
      <c r="X21" s="282">
        <v>469</v>
      </c>
    </row>
    <row r="22" spans="2:24" ht="21" customHeight="1" x14ac:dyDescent="0.2">
      <c r="B22" s="256" t="s">
        <v>20</v>
      </c>
      <c r="C22" s="280">
        <v>0</v>
      </c>
      <c r="D22" s="280">
        <v>0</v>
      </c>
      <c r="E22" s="277">
        <v>0</v>
      </c>
      <c r="F22" s="279">
        <v>0</v>
      </c>
      <c r="G22" s="280">
        <v>1281</v>
      </c>
      <c r="H22" s="280">
        <v>662</v>
      </c>
      <c r="I22" s="280">
        <v>498</v>
      </c>
      <c r="J22" s="280">
        <v>222</v>
      </c>
      <c r="K22" s="280">
        <v>16</v>
      </c>
      <c r="L22" s="277">
        <v>2679</v>
      </c>
      <c r="M22" s="282">
        <v>2679</v>
      </c>
      <c r="N22" s="280">
        <v>0</v>
      </c>
      <c r="O22" s="280">
        <v>0</v>
      </c>
      <c r="P22" s="277">
        <v>0</v>
      </c>
      <c r="Q22" s="279">
        <v>0</v>
      </c>
      <c r="R22" s="280">
        <v>2</v>
      </c>
      <c r="S22" s="280">
        <v>28</v>
      </c>
      <c r="T22" s="280">
        <v>36</v>
      </c>
      <c r="U22" s="280">
        <v>0</v>
      </c>
      <c r="V22" s="280">
        <v>28</v>
      </c>
      <c r="W22" s="277">
        <v>94</v>
      </c>
      <c r="X22" s="282">
        <v>94</v>
      </c>
    </row>
    <row r="23" spans="2:24" ht="21" customHeight="1" x14ac:dyDescent="0.2">
      <c r="B23" s="256" t="s">
        <v>21</v>
      </c>
      <c r="C23" s="280">
        <v>0</v>
      </c>
      <c r="D23" s="280">
        <v>0</v>
      </c>
      <c r="E23" s="277">
        <v>0</v>
      </c>
      <c r="F23" s="279">
        <v>0</v>
      </c>
      <c r="G23" s="280">
        <v>1345</v>
      </c>
      <c r="H23" s="280">
        <v>1348</v>
      </c>
      <c r="I23" s="280">
        <v>704</v>
      </c>
      <c r="J23" s="280">
        <v>263</v>
      </c>
      <c r="K23" s="280">
        <v>112</v>
      </c>
      <c r="L23" s="277">
        <v>3772</v>
      </c>
      <c r="M23" s="282">
        <v>3772</v>
      </c>
      <c r="N23" s="280">
        <v>0</v>
      </c>
      <c r="O23" s="280">
        <v>0</v>
      </c>
      <c r="P23" s="277">
        <v>0</v>
      </c>
      <c r="Q23" s="279">
        <v>0</v>
      </c>
      <c r="R23" s="280">
        <v>0</v>
      </c>
      <c r="S23" s="280">
        <v>0</v>
      </c>
      <c r="T23" s="280">
        <v>14</v>
      </c>
      <c r="U23" s="280">
        <v>1</v>
      </c>
      <c r="V23" s="280">
        <v>8</v>
      </c>
      <c r="W23" s="277">
        <v>23</v>
      </c>
      <c r="X23" s="282">
        <v>23</v>
      </c>
    </row>
    <row r="24" spans="2:24" ht="21" customHeight="1" x14ac:dyDescent="0.2">
      <c r="B24" s="256" t="s">
        <v>22</v>
      </c>
      <c r="C24" s="280">
        <v>0</v>
      </c>
      <c r="D24" s="280">
        <v>0</v>
      </c>
      <c r="E24" s="277">
        <v>0</v>
      </c>
      <c r="F24" s="279">
        <v>0</v>
      </c>
      <c r="G24" s="280">
        <v>1018</v>
      </c>
      <c r="H24" s="280">
        <v>852</v>
      </c>
      <c r="I24" s="280">
        <v>301</v>
      </c>
      <c r="J24" s="280">
        <v>210</v>
      </c>
      <c r="K24" s="280">
        <v>67</v>
      </c>
      <c r="L24" s="277">
        <v>2448</v>
      </c>
      <c r="M24" s="282">
        <v>2448</v>
      </c>
      <c r="N24" s="280">
        <v>2</v>
      </c>
      <c r="O24" s="280">
        <v>0</v>
      </c>
      <c r="P24" s="277">
        <v>2</v>
      </c>
      <c r="Q24" s="279">
        <v>0</v>
      </c>
      <c r="R24" s="280">
        <v>40</v>
      </c>
      <c r="S24" s="280">
        <v>61</v>
      </c>
      <c r="T24" s="280">
        <v>26</v>
      </c>
      <c r="U24" s="280">
        <v>44</v>
      </c>
      <c r="V24" s="280">
        <v>10</v>
      </c>
      <c r="W24" s="277">
        <v>181</v>
      </c>
      <c r="X24" s="282">
        <v>183</v>
      </c>
    </row>
    <row r="25" spans="2:24" ht="21" customHeight="1" x14ac:dyDescent="0.2">
      <c r="B25" s="256" t="s">
        <v>23</v>
      </c>
      <c r="C25" s="280">
        <v>0</v>
      </c>
      <c r="D25" s="280">
        <v>0</v>
      </c>
      <c r="E25" s="277">
        <v>0</v>
      </c>
      <c r="F25" s="279">
        <v>0</v>
      </c>
      <c r="G25" s="280">
        <v>568</v>
      </c>
      <c r="H25" s="280">
        <v>262</v>
      </c>
      <c r="I25" s="280">
        <v>188</v>
      </c>
      <c r="J25" s="280">
        <v>136</v>
      </c>
      <c r="K25" s="280">
        <v>97</v>
      </c>
      <c r="L25" s="277">
        <v>1251</v>
      </c>
      <c r="M25" s="282">
        <v>1251</v>
      </c>
      <c r="N25" s="280">
        <v>0</v>
      </c>
      <c r="O25" s="280">
        <v>0</v>
      </c>
      <c r="P25" s="277">
        <v>0</v>
      </c>
      <c r="Q25" s="279">
        <v>0</v>
      </c>
      <c r="R25" s="280">
        <v>0</v>
      </c>
      <c r="S25" s="280">
        <v>0</v>
      </c>
      <c r="T25" s="280">
        <v>27</v>
      </c>
      <c r="U25" s="280">
        <v>20</v>
      </c>
      <c r="V25" s="280">
        <v>0</v>
      </c>
      <c r="W25" s="277">
        <v>47</v>
      </c>
      <c r="X25" s="282">
        <v>47</v>
      </c>
    </row>
    <row r="26" spans="2:24" ht="21" customHeight="1" x14ac:dyDescent="0.2">
      <c r="B26" s="256" t="s">
        <v>24</v>
      </c>
      <c r="C26" s="280">
        <v>0</v>
      </c>
      <c r="D26" s="280">
        <v>0</v>
      </c>
      <c r="E26" s="277">
        <v>0</v>
      </c>
      <c r="F26" s="279">
        <v>0</v>
      </c>
      <c r="G26" s="280">
        <v>183</v>
      </c>
      <c r="H26" s="280">
        <v>156</v>
      </c>
      <c r="I26" s="280">
        <v>127</v>
      </c>
      <c r="J26" s="280">
        <v>35</v>
      </c>
      <c r="K26" s="280">
        <v>10</v>
      </c>
      <c r="L26" s="277">
        <v>511</v>
      </c>
      <c r="M26" s="282">
        <v>511</v>
      </c>
      <c r="N26" s="280">
        <v>0</v>
      </c>
      <c r="O26" s="280">
        <v>0</v>
      </c>
      <c r="P26" s="277">
        <v>0</v>
      </c>
      <c r="Q26" s="279">
        <v>0</v>
      </c>
      <c r="R26" s="280">
        <v>66</v>
      </c>
      <c r="S26" s="280">
        <v>18</v>
      </c>
      <c r="T26" s="280">
        <v>42</v>
      </c>
      <c r="U26" s="280">
        <v>17</v>
      </c>
      <c r="V26" s="280">
        <v>10</v>
      </c>
      <c r="W26" s="277">
        <v>153</v>
      </c>
      <c r="X26" s="282">
        <v>153</v>
      </c>
    </row>
    <row r="27" spans="2:24" ht="21" customHeight="1" x14ac:dyDescent="0.2">
      <c r="B27" s="256" t="s">
        <v>25</v>
      </c>
      <c r="C27" s="280">
        <v>0</v>
      </c>
      <c r="D27" s="280">
        <v>0</v>
      </c>
      <c r="E27" s="277">
        <v>0</v>
      </c>
      <c r="F27" s="279">
        <v>0</v>
      </c>
      <c r="G27" s="280">
        <v>615</v>
      </c>
      <c r="H27" s="280">
        <v>248</v>
      </c>
      <c r="I27" s="280">
        <v>139</v>
      </c>
      <c r="J27" s="280">
        <v>38</v>
      </c>
      <c r="K27" s="280">
        <v>5</v>
      </c>
      <c r="L27" s="277">
        <v>1045</v>
      </c>
      <c r="M27" s="282">
        <v>1045</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334</v>
      </c>
      <c r="H28" s="280">
        <v>347</v>
      </c>
      <c r="I28" s="280">
        <v>220</v>
      </c>
      <c r="J28" s="280">
        <v>51</v>
      </c>
      <c r="K28" s="280">
        <v>79</v>
      </c>
      <c r="L28" s="277">
        <v>1031</v>
      </c>
      <c r="M28" s="282">
        <v>1031</v>
      </c>
      <c r="N28" s="280">
        <v>0</v>
      </c>
      <c r="O28" s="280">
        <v>0</v>
      </c>
      <c r="P28" s="277">
        <v>0</v>
      </c>
      <c r="Q28" s="279">
        <v>0</v>
      </c>
      <c r="R28" s="280">
        <v>15</v>
      </c>
      <c r="S28" s="280">
        <v>20</v>
      </c>
      <c r="T28" s="280">
        <v>76</v>
      </c>
      <c r="U28" s="280">
        <v>42</v>
      </c>
      <c r="V28" s="280">
        <v>7</v>
      </c>
      <c r="W28" s="277">
        <v>160</v>
      </c>
      <c r="X28" s="282">
        <v>160</v>
      </c>
    </row>
    <row r="29" spans="2:24" ht="21" customHeight="1" x14ac:dyDescent="0.2">
      <c r="B29" s="256" t="s">
        <v>27</v>
      </c>
      <c r="C29" s="280">
        <v>0</v>
      </c>
      <c r="D29" s="280">
        <v>0</v>
      </c>
      <c r="E29" s="277">
        <v>0</v>
      </c>
      <c r="F29" s="279">
        <v>0</v>
      </c>
      <c r="G29" s="280">
        <v>241</v>
      </c>
      <c r="H29" s="280">
        <v>97</v>
      </c>
      <c r="I29" s="280">
        <v>65</v>
      </c>
      <c r="J29" s="280">
        <v>22</v>
      </c>
      <c r="K29" s="280">
        <v>0</v>
      </c>
      <c r="L29" s="277">
        <v>425</v>
      </c>
      <c r="M29" s="282">
        <v>425</v>
      </c>
      <c r="N29" s="280">
        <v>0</v>
      </c>
      <c r="O29" s="280">
        <v>0</v>
      </c>
      <c r="P29" s="277">
        <v>0</v>
      </c>
      <c r="Q29" s="279">
        <v>0</v>
      </c>
      <c r="R29" s="280">
        <v>20</v>
      </c>
      <c r="S29" s="280">
        <v>5</v>
      </c>
      <c r="T29" s="280">
        <v>12</v>
      </c>
      <c r="U29" s="280">
        <v>24</v>
      </c>
      <c r="V29" s="280">
        <v>22</v>
      </c>
      <c r="W29" s="277">
        <v>83</v>
      </c>
      <c r="X29" s="282">
        <v>83</v>
      </c>
    </row>
    <row r="30" spans="2:24" ht="21" customHeight="1" x14ac:dyDescent="0.2">
      <c r="B30" s="256" t="s">
        <v>28</v>
      </c>
      <c r="C30" s="280">
        <v>0</v>
      </c>
      <c r="D30" s="280">
        <v>0</v>
      </c>
      <c r="E30" s="277">
        <v>0</v>
      </c>
      <c r="F30" s="279">
        <v>0</v>
      </c>
      <c r="G30" s="280">
        <v>155</v>
      </c>
      <c r="H30" s="280">
        <v>111</v>
      </c>
      <c r="I30" s="280">
        <v>9</v>
      </c>
      <c r="J30" s="280">
        <v>16</v>
      </c>
      <c r="K30" s="280">
        <v>7</v>
      </c>
      <c r="L30" s="277">
        <v>298</v>
      </c>
      <c r="M30" s="282">
        <v>298</v>
      </c>
      <c r="N30" s="280">
        <v>0</v>
      </c>
      <c r="O30" s="280">
        <v>0</v>
      </c>
      <c r="P30" s="277">
        <v>0</v>
      </c>
      <c r="Q30" s="279">
        <v>0</v>
      </c>
      <c r="R30" s="280">
        <v>11</v>
      </c>
      <c r="S30" s="280">
        <v>8</v>
      </c>
      <c r="T30" s="280">
        <v>18</v>
      </c>
      <c r="U30" s="280">
        <v>0</v>
      </c>
      <c r="V30" s="280">
        <v>0</v>
      </c>
      <c r="W30" s="277">
        <v>37</v>
      </c>
      <c r="X30" s="282">
        <v>37</v>
      </c>
    </row>
    <row r="31" spans="2:24" ht="21" customHeight="1" x14ac:dyDescent="0.2">
      <c r="B31" s="256" t="s">
        <v>29</v>
      </c>
      <c r="C31" s="280">
        <v>0</v>
      </c>
      <c r="D31" s="280">
        <v>0</v>
      </c>
      <c r="E31" s="277">
        <v>0</v>
      </c>
      <c r="F31" s="279">
        <v>0</v>
      </c>
      <c r="G31" s="280">
        <v>154</v>
      </c>
      <c r="H31" s="280">
        <v>130</v>
      </c>
      <c r="I31" s="280">
        <v>18</v>
      </c>
      <c r="J31" s="280">
        <v>34</v>
      </c>
      <c r="K31" s="280">
        <v>0</v>
      </c>
      <c r="L31" s="277">
        <v>336</v>
      </c>
      <c r="M31" s="282">
        <v>336</v>
      </c>
      <c r="N31" s="280">
        <v>0</v>
      </c>
      <c r="O31" s="280">
        <v>0</v>
      </c>
      <c r="P31" s="277">
        <v>0</v>
      </c>
      <c r="Q31" s="279">
        <v>0</v>
      </c>
      <c r="R31" s="280">
        <v>7</v>
      </c>
      <c r="S31" s="280">
        <v>0</v>
      </c>
      <c r="T31" s="280">
        <v>8</v>
      </c>
      <c r="U31" s="280">
        <v>4</v>
      </c>
      <c r="V31" s="280">
        <v>0</v>
      </c>
      <c r="W31" s="277">
        <v>19</v>
      </c>
      <c r="X31" s="282">
        <v>19</v>
      </c>
    </row>
    <row r="32" spans="2:24" ht="21" customHeight="1" x14ac:dyDescent="0.2">
      <c r="B32" s="256" t="s">
        <v>30</v>
      </c>
      <c r="C32" s="280">
        <v>0</v>
      </c>
      <c r="D32" s="280">
        <v>0</v>
      </c>
      <c r="E32" s="277">
        <v>0</v>
      </c>
      <c r="F32" s="279">
        <v>0</v>
      </c>
      <c r="G32" s="280">
        <v>165</v>
      </c>
      <c r="H32" s="280">
        <v>83</v>
      </c>
      <c r="I32" s="280">
        <v>78</v>
      </c>
      <c r="J32" s="280">
        <v>44</v>
      </c>
      <c r="K32" s="280">
        <v>0</v>
      </c>
      <c r="L32" s="277">
        <v>370</v>
      </c>
      <c r="M32" s="282">
        <v>370</v>
      </c>
      <c r="N32" s="280">
        <v>4</v>
      </c>
      <c r="O32" s="280">
        <v>0</v>
      </c>
      <c r="P32" s="277">
        <v>4</v>
      </c>
      <c r="Q32" s="279">
        <v>0</v>
      </c>
      <c r="R32" s="280">
        <v>16</v>
      </c>
      <c r="S32" s="280">
        <v>16</v>
      </c>
      <c r="T32" s="280">
        <v>12</v>
      </c>
      <c r="U32" s="280">
        <v>0</v>
      </c>
      <c r="V32" s="280">
        <v>0</v>
      </c>
      <c r="W32" s="277">
        <v>44</v>
      </c>
      <c r="X32" s="282">
        <v>48</v>
      </c>
    </row>
    <row r="33" spans="2:24" ht="21" customHeight="1" x14ac:dyDescent="0.2">
      <c r="B33" s="256" t="s">
        <v>31</v>
      </c>
      <c r="C33" s="280">
        <v>0</v>
      </c>
      <c r="D33" s="280">
        <v>0</v>
      </c>
      <c r="E33" s="277">
        <v>0</v>
      </c>
      <c r="F33" s="279">
        <v>0</v>
      </c>
      <c r="G33" s="280">
        <v>221</v>
      </c>
      <c r="H33" s="280">
        <v>86</v>
      </c>
      <c r="I33" s="280">
        <v>58</v>
      </c>
      <c r="J33" s="280">
        <v>16</v>
      </c>
      <c r="K33" s="280">
        <v>0</v>
      </c>
      <c r="L33" s="277">
        <v>381</v>
      </c>
      <c r="M33" s="282">
        <v>381</v>
      </c>
      <c r="N33" s="280">
        <v>0</v>
      </c>
      <c r="O33" s="280">
        <v>0</v>
      </c>
      <c r="P33" s="277">
        <v>0</v>
      </c>
      <c r="Q33" s="279">
        <v>0</v>
      </c>
      <c r="R33" s="280">
        <v>0</v>
      </c>
      <c r="S33" s="280">
        <v>0</v>
      </c>
      <c r="T33" s="280">
        <v>0</v>
      </c>
      <c r="U33" s="280">
        <v>15</v>
      </c>
      <c r="V33" s="280">
        <v>16</v>
      </c>
      <c r="W33" s="277">
        <v>31</v>
      </c>
      <c r="X33" s="282">
        <v>31</v>
      </c>
    </row>
    <row r="34" spans="2:24" ht="21" customHeight="1" x14ac:dyDescent="0.2">
      <c r="B34" s="256" t="s">
        <v>32</v>
      </c>
      <c r="C34" s="280">
        <v>0</v>
      </c>
      <c r="D34" s="280">
        <v>0</v>
      </c>
      <c r="E34" s="277">
        <v>0</v>
      </c>
      <c r="F34" s="279">
        <v>0</v>
      </c>
      <c r="G34" s="280">
        <v>286</v>
      </c>
      <c r="H34" s="280">
        <v>247</v>
      </c>
      <c r="I34" s="280">
        <v>118</v>
      </c>
      <c r="J34" s="280">
        <v>8</v>
      </c>
      <c r="K34" s="280">
        <v>15</v>
      </c>
      <c r="L34" s="277">
        <v>674</v>
      </c>
      <c r="M34" s="282">
        <v>674</v>
      </c>
      <c r="N34" s="280">
        <v>0</v>
      </c>
      <c r="O34" s="280">
        <v>0</v>
      </c>
      <c r="P34" s="277">
        <v>0</v>
      </c>
      <c r="Q34" s="279">
        <v>0</v>
      </c>
      <c r="R34" s="280">
        <v>30</v>
      </c>
      <c r="S34" s="280">
        <v>7</v>
      </c>
      <c r="T34" s="280">
        <v>25</v>
      </c>
      <c r="U34" s="280">
        <v>0</v>
      </c>
      <c r="V34" s="280">
        <v>12</v>
      </c>
      <c r="W34" s="277">
        <v>74</v>
      </c>
      <c r="X34" s="282">
        <v>74</v>
      </c>
    </row>
    <row r="35" spans="2:24" ht="21" customHeight="1" x14ac:dyDescent="0.2">
      <c r="B35" s="256" t="s">
        <v>33</v>
      </c>
      <c r="C35" s="280">
        <v>0</v>
      </c>
      <c r="D35" s="280">
        <v>0</v>
      </c>
      <c r="E35" s="277">
        <v>0</v>
      </c>
      <c r="F35" s="279">
        <v>0</v>
      </c>
      <c r="G35" s="280">
        <v>179</v>
      </c>
      <c r="H35" s="280">
        <v>72</v>
      </c>
      <c r="I35" s="280">
        <v>63</v>
      </c>
      <c r="J35" s="280">
        <v>0</v>
      </c>
      <c r="K35" s="280">
        <v>9</v>
      </c>
      <c r="L35" s="277">
        <v>323</v>
      </c>
      <c r="M35" s="282">
        <v>323</v>
      </c>
      <c r="N35" s="280">
        <v>0</v>
      </c>
      <c r="O35" s="280">
        <v>0</v>
      </c>
      <c r="P35" s="277">
        <v>0</v>
      </c>
      <c r="Q35" s="279">
        <v>0</v>
      </c>
      <c r="R35" s="280">
        <v>0</v>
      </c>
      <c r="S35" s="280">
        <v>0</v>
      </c>
      <c r="T35" s="280">
        <v>14</v>
      </c>
      <c r="U35" s="280">
        <v>0</v>
      </c>
      <c r="V35" s="280">
        <v>0</v>
      </c>
      <c r="W35" s="277">
        <v>14</v>
      </c>
      <c r="X35" s="282">
        <v>14</v>
      </c>
    </row>
    <row r="36" spans="2:24" ht="21" customHeight="1" x14ac:dyDescent="0.2">
      <c r="B36" s="256" t="s">
        <v>34</v>
      </c>
      <c r="C36" s="280">
        <v>0</v>
      </c>
      <c r="D36" s="280">
        <v>0</v>
      </c>
      <c r="E36" s="277">
        <v>0</v>
      </c>
      <c r="F36" s="279">
        <v>0</v>
      </c>
      <c r="G36" s="280">
        <v>120</v>
      </c>
      <c r="H36" s="280">
        <v>50</v>
      </c>
      <c r="I36" s="280">
        <v>27</v>
      </c>
      <c r="J36" s="280">
        <v>11</v>
      </c>
      <c r="K36" s="280">
        <v>4</v>
      </c>
      <c r="L36" s="277">
        <v>212</v>
      </c>
      <c r="M36" s="282">
        <v>212</v>
      </c>
      <c r="N36" s="280">
        <v>0</v>
      </c>
      <c r="O36" s="280">
        <v>0</v>
      </c>
      <c r="P36" s="277">
        <v>0</v>
      </c>
      <c r="Q36" s="279">
        <v>0</v>
      </c>
      <c r="R36" s="280">
        <v>0</v>
      </c>
      <c r="S36" s="280">
        <v>0</v>
      </c>
      <c r="T36" s="280">
        <v>0</v>
      </c>
      <c r="U36" s="280">
        <v>0</v>
      </c>
      <c r="V36" s="280">
        <v>6</v>
      </c>
      <c r="W36" s="277">
        <v>6</v>
      </c>
      <c r="X36" s="282">
        <v>6</v>
      </c>
    </row>
    <row r="37" spans="2:24" ht="21" customHeight="1" x14ac:dyDescent="0.2">
      <c r="B37" s="256" t="s">
        <v>35</v>
      </c>
      <c r="C37" s="280">
        <v>0</v>
      </c>
      <c r="D37" s="280">
        <v>0</v>
      </c>
      <c r="E37" s="277">
        <v>0</v>
      </c>
      <c r="F37" s="279">
        <v>0</v>
      </c>
      <c r="G37" s="280">
        <v>163</v>
      </c>
      <c r="H37" s="280">
        <v>227</v>
      </c>
      <c r="I37" s="280">
        <v>120</v>
      </c>
      <c r="J37" s="280">
        <v>170</v>
      </c>
      <c r="K37" s="280">
        <v>46</v>
      </c>
      <c r="L37" s="277">
        <v>726</v>
      </c>
      <c r="M37" s="282">
        <v>726</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456</v>
      </c>
      <c r="H38" s="280">
        <v>416</v>
      </c>
      <c r="I38" s="280">
        <v>365</v>
      </c>
      <c r="J38" s="280">
        <v>245</v>
      </c>
      <c r="K38" s="280">
        <v>202</v>
      </c>
      <c r="L38" s="277">
        <v>1684</v>
      </c>
      <c r="M38" s="282">
        <v>1684</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114</v>
      </c>
      <c r="H39" s="287">
        <v>67</v>
      </c>
      <c r="I39" s="287">
        <v>87</v>
      </c>
      <c r="J39" s="287">
        <v>0</v>
      </c>
      <c r="K39" s="287">
        <v>21</v>
      </c>
      <c r="L39" s="284">
        <v>289</v>
      </c>
      <c r="M39" s="289">
        <v>289</v>
      </c>
      <c r="N39" s="287">
        <v>0</v>
      </c>
      <c r="O39" s="287">
        <v>0</v>
      </c>
      <c r="P39" s="284">
        <v>0</v>
      </c>
      <c r="Q39" s="286">
        <v>0</v>
      </c>
      <c r="R39" s="287">
        <v>4</v>
      </c>
      <c r="S39" s="287">
        <v>0</v>
      </c>
      <c r="T39" s="287">
        <v>0</v>
      </c>
      <c r="U39" s="287">
        <v>16</v>
      </c>
      <c r="V39" s="287">
        <v>15</v>
      </c>
      <c r="W39" s="284">
        <v>35</v>
      </c>
      <c r="X39" s="289">
        <v>35</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4">
        <f>第１表!F2</f>
        <v>5</v>
      </c>
      <c r="I1" s="524"/>
      <c r="J1" s="248">
        <f>第１表!G2</f>
        <v>4</v>
      </c>
      <c r="K1" s="529">
        <f>IF(J1&lt;3,J1+12-2,J1-2)</f>
        <v>2</v>
      </c>
      <c r="L1" s="529"/>
    </row>
    <row r="2" spans="2:24" ht="24" customHeight="1" thickBot="1" x14ac:dyDescent="0.25">
      <c r="B2" s="290" t="s">
        <v>135</v>
      </c>
    </row>
    <row r="3" spans="2:24" ht="21" customHeight="1" x14ac:dyDescent="0.2">
      <c r="B3" s="532"/>
      <c r="C3" s="533" t="s">
        <v>143</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0</v>
      </c>
      <c r="E6" s="270">
        <v>0</v>
      </c>
      <c r="F6" s="272">
        <v>0</v>
      </c>
      <c r="G6" s="273">
        <v>6588</v>
      </c>
      <c r="H6" s="273">
        <v>5367</v>
      </c>
      <c r="I6" s="273">
        <v>3145</v>
      </c>
      <c r="J6" s="273">
        <v>1356</v>
      </c>
      <c r="K6" s="273">
        <v>511</v>
      </c>
      <c r="L6" s="270">
        <v>16967</v>
      </c>
      <c r="M6" s="275">
        <v>16967</v>
      </c>
      <c r="N6" s="273">
        <v>4</v>
      </c>
      <c r="O6" s="273">
        <v>0</v>
      </c>
      <c r="P6" s="270">
        <v>4</v>
      </c>
      <c r="Q6" s="272">
        <v>0</v>
      </c>
      <c r="R6" s="273">
        <v>658</v>
      </c>
      <c r="S6" s="273">
        <v>693</v>
      </c>
      <c r="T6" s="273">
        <v>832</v>
      </c>
      <c r="U6" s="273">
        <v>384</v>
      </c>
      <c r="V6" s="273">
        <v>212</v>
      </c>
      <c r="W6" s="270">
        <v>2779</v>
      </c>
      <c r="X6" s="275">
        <v>2783</v>
      </c>
    </row>
    <row r="7" spans="2:24" ht="21" customHeight="1" x14ac:dyDescent="0.2">
      <c r="B7" s="256" t="s">
        <v>5</v>
      </c>
      <c r="C7" s="280">
        <v>0</v>
      </c>
      <c r="D7" s="280">
        <v>0</v>
      </c>
      <c r="E7" s="277">
        <v>0</v>
      </c>
      <c r="F7" s="279">
        <v>0</v>
      </c>
      <c r="G7" s="280">
        <v>2543</v>
      </c>
      <c r="H7" s="280">
        <v>2634</v>
      </c>
      <c r="I7" s="280">
        <v>1494</v>
      </c>
      <c r="J7" s="280">
        <v>795</v>
      </c>
      <c r="K7" s="280">
        <v>241</v>
      </c>
      <c r="L7" s="277">
        <v>7707</v>
      </c>
      <c r="M7" s="282">
        <v>7707</v>
      </c>
      <c r="N7" s="280">
        <v>0</v>
      </c>
      <c r="O7" s="280">
        <v>0</v>
      </c>
      <c r="P7" s="277">
        <v>0</v>
      </c>
      <c r="Q7" s="279">
        <v>0</v>
      </c>
      <c r="R7" s="280">
        <v>333</v>
      </c>
      <c r="S7" s="280">
        <v>333</v>
      </c>
      <c r="T7" s="280">
        <v>592</v>
      </c>
      <c r="U7" s="280">
        <v>182</v>
      </c>
      <c r="V7" s="280">
        <v>121</v>
      </c>
      <c r="W7" s="277">
        <v>1561</v>
      </c>
      <c r="X7" s="282">
        <v>1561</v>
      </c>
    </row>
    <row r="8" spans="2:24" ht="21" customHeight="1" x14ac:dyDescent="0.2">
      <c r="B8" s="256" t="s">
        <v>6</v>
      </c>
      <c r="C8" s="280">
        <v>0</v>
      </c>
      <c r="D8" s="280">
        <v>0</v>
      </c>
      <c r="E8" s="277">
        <v>0</v>
      </c>
      <c r="F8" s="279">
        <v>0</v>
      </c>
      <c r="G8" s="280">
        <v>655</v>
      </c>
      <c r="H8" s="280">
        <v>437</v>
      </c>
      <c r="I8" s="280">
        <v>292</v>
      </c>
      <c r="J8" s="280">
        <v>171</v>
      </c>
      <c r="K8" s="280">
        <v>36</v>
      </c>
      <c r="L8" s="277">
        <v>1591</v>
      </c>
      <c r="M8" s="282">
        <v>1591</v>
      </c>
      <c r="N8" s="280">
        <v>0</v>
      </c>
      <c r="O8" s="280">
        <v>0</v>
      </c>
      <c r="P8" s="277">
        <v>0</v>
      </c>
      <c r="Q8" s="279">
        <v>0</v>
      </c>
      <c r="R8" s="280">
        <v>152</v>
      </c>
      <c r="S8" s="280">
        <v>131</v>
      </c>
      <c r="T8" s="280">
        <v>75</v>
      </c>
      <c r="U8" s="280">
        <v>56</v>
      </c>
      <c r="V8" s="280">
        <v>55</v>
      </c>
      <c r="W8" s="277">
        <v>469</v>
      </c>
      <c r="X8" s="282">
        <v>469</v>
      </c>
    </row>
    <row r="9" spans="2:24" ht="21" customHeight="1" x14ac:dyDescent="0.2">
      <c r="B9" s="256" t="s">
        <v>14</v>
      </c>
      <c r="C9" s="280">
        <v>0</v>
      </c>
      <c r="D9" s="280">
        <v>0</v>
      </c>
      <c r="E9" s="277">
        <v>0</v>
      </c>
      <c r="F9" s="279">
        <v>0</v>
      </c>
      <c r="G9" s="280">
        <v>568</v>
      </c>
      <c r="H9" s="280">
        <v>501</v>
      </c>
      <c r="I9" s="280">
        <v>313</v>
      </c>
      <c r="J9" s="280">
        <v>61</v>
      </c>
      <c r="K9" s="280">
        <v>61</v>
      </c>
      <c r="L9" s="277">
        <v>1504</v>
      </c>
      <c r="M9" s="282">
        <v>1504</v>
      </c>
      <c r="N9" s="280">
        <v>0</v>
      </c>
      <c r="O9" s="280">
        <v>0</v>
      </c>
      <c r="P9" s="277">
        <v>0</v>
      </c>
      <c r="Q9" s="279">
        <v>0</v>
      </c>
      <c r="R9" s="280">
        <v>15</v>
      </c>
      <c r="S9" s="280">
        <v>26</v>
      </c>
      <c r="T9" s="280">
        <v>8</v>
      </c>
      <c r="U9" s="280">
        <v>16</v>
      </c>
      <c r="V9" s="280">
        <v>0</v>
      </c>
      <c r="W9" s="277">
        <v>65</v>
      </c>
      <c r="X9" s="282">
        <v>65</v>
      </c>
    </row>
    <row r="10" spans="2:24" ht="21" customHeight="1" x14ac:dyDescent="0.2">
      <c r="B10" s="256" t="s">
        <v>7</v>
      </c>
      <c r="C10" s="280">
        <v>0</v>
      </c>
      <c r="D10" s="280">
        <v>0</v>
      </c>
      <c r="E10" s="277">
        <v>0</v>
      </c>
      <c r="F10" s="279">
        <v>0</v>
      </c>
      <c r="G10" s="280">
        <v>643</v>
      </c>
      <c r="H10" s="280">
        <v>300</v>
      </c>
      <c r="I10" s="280">
        <v>205</v>
      </c>
      <c r="J10" s="280">
        <v>26</v>
      </c>
      <c r="K10" s="280">
        <v>10</v>
      </c>
      <c r="L10" s="277">
        <v>1184</v>
      </c>
      <c r="M10" s="282">
        <v>1184</v>
      </c>
      <c r="N10" s="280">
        <v>0</v>
      </c>
      <c r="O10" s="280">
        <v>0</v>
      </c>
      <c r="P10" s="277">
        <v>0</v>
      </c>
      <c r="Q10" s="279">
        <v>0</v>
      </c>
      <c r="R10" s="280">
        <v>65</v>
      </c>
      <c r="S10" s="280">
        <v>102</v>
      </c>
      <c r="T10" s="280">
        <v>56</v>
      </c>
      <c r="U10" s="280">
        <v>28</v>
      </c>
      <c r="V10" s="280">
        <v>13</v>
      </c>
      <c r="W10" s="277">
        <v>264</v>
      </c>
      <c r="X10" s="282">
        <v>264</v>
      </c>
    </row>
    <row r="11" spans="2:24" ht="21" customHeight="1" x14ac:dyDescent="0.2">
      <c r="B11" s="256" t="s">
        <v>8</v>
      </c>
      <c r="C11" s="280">
        <v>0</v>
      </c>
      <c r="D11" s="280">
        <v>0</v>
      </c>
      <c r="E11" s="277">
        <v>0</v>
      </c>
      <c r="F11" s="279">
        <v>0</v>
      </c>
      <c r="G11" s="280">
        <v>279</v>
      </c>
      <c r="H11" s="280">
        <v>214</v>
      </c>
      <c r="I11" s="280">
        <v>114</v>
      </c>
      <c r="J11" s="280">
        <v>21</v>
      </c>
      <c r="K11" s="280">
        <v>16</v>
      </c>
      <c r="L11" s="277">
        <v>644</v>
      </c>
      <c r="M11" s="282">
        <v>644</v>
      </c>
      <c r="N11" s="280">
        <v>0</v>
      </c>
      <c r="O11" s="280">
        <v>0</v>
      </c>
      <c r="P11" s="277">
        <v>0</v>
      </c>
      <c r="Q11" s="279">
        <v>0</v>
      </c>
      <c r="R11" s="280">
        <v>8</v>
      </c>
      <c r="S11" s="280">
        <v>0</v>
      </c>
      <c r="T11" s="280">
        <v>0</v>
      </c>
      <c r="U11" s="280">
        <v>0</v>
      </c>
      <c r="V11" s="280">
        <v>5</v>
      </c>
      <c r="W11" s="277">
        <v>13</v>
      </c>
      <c r="X11" s="282">
        <v>13</v>
      </c>
    </row>
    <row r="12" spans="2:24" ht="21" customHeight="1" x14ac:dyDescent="0.2">
      <c r="B12" s="256" t="s">
        <v>9</v>
      </c>
      <c r="C12" s="280">
        <v>0</v>
      </c>
      <c r="D12" s="280">
        <v>0</v>
      </c>
      <c r="E12" s="277">
        <v>0</v>
      </c>
      <c r="F12" s="279">
        <v>0</v>
      </c>
      <c r="G12" s="280">
        <v>362</v>
      </c>
      <c r="H12" s="280">
        <v>144</v>
      </c>
      <c r="I12" s="280">
        <v>144</v>
      </c>
      <c r="J12" s="280">
        <v>53</v>
      </c>
      <c r="K12" s="280">
        <v>24</v>
      </c>
      <c r="L12" s="277">
        <v>727</v>
      </c>
      <c r="M12" s="282">
        <v>727</v>
      </c>
      <c r="N12" s="280">
        <v>0</v>
      </c>
      <c r="O12" s="280">
        <v>0</v>
      </c>
      <c r="P12" s="277">
        <v>0</v>
      </c>
      <c r="Q12" s="279">
        <v>0</v>
      </c>
      <c r="R12" s="280">
        <v>0</v>
      </c>
      <c r="S12" s="280">
        <v>0</v>
      </c>
      <c r="T12" s="280">
        <v>3</v>
      </c>
      <c r="U12" s="280">
        <v>0</v>
      </c>
      <c r="V12" s="280">
        <v>0</v>
      </c>
      <c r="W12" s="277">
        <v>3</v>
      </c>
      <c r="X12" s="282">
        <v>3</v>
      </c>
    </row>
    <row r="13" spans="2:24" ht="21" customHeight="1" x14ac:dyDescent="0.2">
      <c r="B13" s="256" t="s">
        <v>10</v>
      </c>
      <c r="C13" s="280">
        <v>0</v>
      </c>
      <c r="D13" s="280">
        <v>0</v>
      </c>
      <c r="E13" s="277">
        <v>0</v>
      </c>
      <c r="F13" s="279">
        <v>0</v>
      </c>
      <c r="G13" s="280">
        <v>313</v>
      </c>
      <c r="H13" s="280">
        <v>183</v>
      </c>
      <c r="I13" s="280">
        <v>59</v>
      </c>
      <c r="J13" s="280">
        <v>42</v>
      </c>
      <c r="K13" s="280">
        <v>0</v>
      </c>
      <c r="L13" s="277">
        <v>597</v>
      </c>
      <c r="M13" s="282">
        <v>597</v>
      </c>
      <c r="N13" s="280">
        <v>0</v>
      </c>
      <c r="O13" s="280">
        <v>0</v>
      </c>
      <c r="P13" s="277">
        <v>0</v>
      </c>
      <c r="Q13" s="279">
        <v>0</v>
      </c>
      <c r="R13" s="280">
        <v>26</v>
      </c>
      <c r="S13" s="280">
        <v>0</v>
      </c>
      <c r="T13" s="280">
        <v>16</v>
      </c>
      <c r="U13" s="280">
        <v>41</v>
      </c>
      <c r="V13" s="280">
        <v>13</v>
      </c>
      <c r="W13" s="277">
        <v>96</v>
      </c>
      <c r="X13" s="282">
        <v>96</v>
      </c>
    </row>
    <row r="14" spans="2:24" ht="21" customHeight="1" x14ac:dyDescent="0.2">
      <c r="B14" s="256" t="s">
        <v>11</v>
      </c>
      <c r="C14" s="280">
        <v>0</v>
      </c>
      <c r="D14" s="280">
        <v>0</v>
      </c>
      <c r="E14" s="277">
        <v>0</v>
      </c>
      <c r="F14" s="279">
        <v>0</v>
      </c>
      <c r="G14" s="280">
        <v>135</v>
      </c>
      <c r="H14" s="280">
        <v>65</v>
      </c>
      <c r="I14" s="280">
        <v>40</v>
      </c>
      <c r="J14" s="280">
        <v>10</v>
      </c>
      <c r="K14" s="280">
        <v>56</v>
      </c>
      <c r="L14" s="277">
        <v>306</v>
      </c>
      <c r="M14" s="282">
        <v>306</v>
      </c>
      <c r="N14" s="280">
        <v>0</v>
      </c>
      <c r="O14" s="280">
        <v>0</v>
      </c>
      <c r="P14" s="277">
        <v>0</v>
      </c>
      <c r="Q14" s="279">
        <v>0</v>
      </c>
      <c r="R14" s="280">
        <v>0</v>
      </c>
      <c r="S14" s="280">
        <v>26</v>
      </c>
      <c r="T14" s="280">
        <v>26</v>
      </c>
      <c r="U14" s="280">
        <v>0</v>
      </c>
      <c r="V14" s="280">
        <v>0</v>
      </c>
      <c r="W14" s="277">
        <v>52</v>
      </c>
      <c r="X14" s="282">
        <v>52</v>
      </c>
    </row>
    <row r="15" spans="2:24" ht="21" customHeight="1" x14ac:dyDescent="0.2">
      <c r="B15" s="256" t="s">
        <v>12</v>
      </c>
      <c r="C15" s="280">
        <v>0</v>
      </c>
      <c r="D15" s="280">
        <v>0</v>
      </c>
      <c r="E15" s="277">
        <v>0</v>
      </c>
      <c r="F15" s="279">
        <v>0</v>
      </c>
      <c r="G15" s="280">
        <v>281</v>
      </c>
      <c r="H15" s="280">
        <v>166</v>
      </c>
      <c r="I15" s="280">
        <v>121</v>
      </c>
      <c r="J15" s="280">
        <v>72</v>
      </c>
      <c r="K15" s="280">
        <v>8</v>
      </c>
      <c r="L15" s="277">
        <v>648</v>
      </c>
      <c r="M15" s="282">
        <v>648</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68</v>
      </c>
      <c r="H16" s="280">
        <v>80</v>
      </c>
      <c r="I16" s="280">
        <v>58</v>
      </c>
      <c r="J16" s="280">
        <v>0</v>
      </c>
      <c r="K16" s="280">
        <v>15</v>
      </c>
      <c r="L16" s="277">
        <v>221</v>
      </c>
      <c r="M16" s="282">
        <v>221</v>
      </c>
      <c r="N16" s="280">
        <v>0</v>
      </c>
      <c r="O16" s="280">
        <v>0</v>
      </c>
      <c r="P16" s="277">
        <v>0</v>
      </c>
      <c r="Q16" s="279">
        <v>0</v>
      </c>
      <c r="R16" s="280">
        <v>0</v>
      </c>
      <c r="S16" s="280">
        <v>19</v>
      </c>
      <c r="T16" s="280">
        <v>9</v>
      </c>
      <c r="U16" s="280">
        <v>4</v>
      </c>
      <c r="V16" s="280">
        <v>4</v>
      </c>
      <c r="W16" s="277">
        <v>36</v>
      </c>
      <c r="X16" s="282">
        <v>36</v>
      </c>
    </row>
    <row r="17" spans="2:24" ht="21" customHeight="1" x14ac:dyDescent="0.2">
      <c r="B17" s="256" t="s">
        <v>15</v>
      </c>
      <c r="C17" s="280">
        <v>0</v>
      </c>
      <c r="D17" s="280">
        <v>0</v>
      </c>
      <c r="E17" s="277">
        <v>0</v>
      </c>
      <c r="F17" s="279">
        <v>0</v>
      </c>
      <c r="G17" s="280">
        <v>39</v>
      </c>
      <c r="H17" s="280">
        <v>79</v>
      </c>
      <c r="I17" s="280">
        <v>11</v>
      </c>
      <c r="J17" s="280">
        <v>12</v>
      </c>
      <c r="K17" s="280">
        <v>0</v>
      </c>
      <c r="L17" s="277">
        <v>141</v>
      </c>
      <c r="M17" s="282">
        <v>141</v>
      </c>
      <c r="N17" s="280">
        <v>0</v>
      </c>
      <c r="O17" s="280">
        <v>0</v>
      </c>
      <c r="P17" s="277">
        <v>0</v>
      </c>
      <c r="Q17" s="279">
        <v>0</v>
      </c>
      <c r="R17" s="280">
        <v>0</v>
      </c>
      <c r="S17" s="280">
        <v>0</v>
      </c>
      <c r="T17" s="280">
        <v>0</v>
      </c>
      <c r="U17" s="280">
        <v>8</v>
      </c>
      <c r="V17" s="280">
        <v>0</v>
      </c>
      <c r="W17" s="277">
        <v>8</v>
      </c>
      <c r="X17" s="282">
        <v>8</v>
      </c>
    </row>
    <row r="18" spans="2:24" ht="21" customHeight="1" x14ac:dyDescent="0.2">
      <c r="B18" s="256" t="s">
        <v>16</v>
      </c>
      <c r="C18" s="280">
        <v>0</v>
      </c>
      <c r="D18" s="280">
        <v>0</v>
      </c>
      <c r="E18" s="277">
        <v>0</v>
      </c>
      <c r="F18" s="279">
        <v>0</v>
      </c>
      <c r="G18" s="280">
        <v>68</v>
      </c>
      <c r="H18" s="280">
        <v>83</v>
      </c>
      <c r="I18" s="280">
        <v>39</v>
      </c>
      <c r="J18" s="280">
        <v>5</v>
      </c>
      <c r="K18" s="280">
        <v>0</v>
      </c>
      <c r="L18" s="277">
        <v>195</v>
      </c>
      <c r="M18" s="282">
        <v>195</v>
      </c>
      <c r="N18" s="280">
        <v>0</v>
      </c>
      <c r="O18" s="280">
        <v>0</v>
      </c>
      <c r="P18" s="277">
        <v>0</v>
      </c>
      <c r="Q18" s="279">
        <v>0</v>
      </c>
      <c r="R18" s="280">
        <v>0</v>
      </c>
      <c r="S18" s="280">
        <v>0</v>
      </c>
      <c r="T18" s="280">
        <v>8</v>
      </c>
      <c r="U18" s="280">
        <v>0</v>
      </c>
      <c r="V18" s="280">
        <v>0</v>
      </c>
      <c r="W18" s="277">
        <v>8</v>
      </c>
      <c r="X18" s="282">
        <v>8</v>
      </c>
    </row>
    <row r="19" spans="2:24" ht="21" customHeight="1" x14ac:dyDescent="0.2">
      <c r="B19" s="256" t="s">
        <v>17</v>
      </c>
      <c r="C19" s="280">
        <v>0</v>
      </c>
      <c r="D19" s="280">
        <v>0</v>
      </c>
      <c r="E19" s="277">
        <v>0</v>
      </c>
      <c r="F19" s="279">
        <v>0</v>
      </c>
      <c r="G19" s="280">
        <v>99</v>
      </c>
      <c r="H19" s="280">
        <v>110</v>
      </c>
      <c r="I19" s="280">
        <v>70</v>
      </c>
      <c r="J19" s="280">
        <v>12</v>
      </c>
      <c r="K19" s="280">
        <v>36</v>
      </c>
      <c r="L19" s="277">
        <v>327</v>
      </c>
      <c r="M19" s="282">
        <v>327</v>
      </c>
      <c r="N19" s="280">
        <v>0</v>
      </c>
      <c r="O19" s="280">
        <v>0</v>
      </c>
      <c r="P19" s="277">
        <v>0</v>
      </c>
      <c r="Q19" s="279">
        <v>0</v>
      </c>
      <c r="R19" s="280">
        <v>19</v>
      </c>
      <c r="S19" s="280">
        <v>6</v>
      </c>
      <c r="T19" s="280">
        <v>8</v>
      </c>
      <c r="U19" s="280">
        <v>0</v>
      </c>
      <c r="V19" s="280">
        <v>0</v>
      </c>
      <c r="W19" s="277">
        <v>33</v>
      </c>
      <c r="X19" s="282">
        <v>33</v>
      </c>
    </row>
    <row r="20" spans="2:24" ht="21" customHeight="1" x14ac:dyDescent="0.2">
      <c r="B20" s="256" t="s">
        <v>18</v>
      </c>
      <c r="C20" s="280">
        <v>0</v>
      </c>
      <c r="D20" s="280">
        <v>0</v>
      </c>
      <c r="E20" s="277">
        <v>0</v>
      </c>
      <c r="F20" s="279">
        <v>0</v>
      </c>
      <c r="G20" s="280">
        <v>115</v>
      </c>
      <c r="H20" s="280">
        <v>84</v>
      </c>
      <c r="I20" s="280">
        <v>66</v>
      </c>
      <c r="J20" s="280">
        <v>15</v>
      </c>
      <c r="K20" s="280">
        <v>0</v>
      </c>
      <c r="L20" s="277">
        <v>280</v>
      </c>
      <c r="M20" s="282">
        <v>280</v>
      </c>
      <c r="N20" s="280">
        <v>0</v>
      </c>
      <c r="O20" s="280">
        <v>0</v>
      </c>
      <c r="P20" s="277">
        <v>0</v>
      </c>
      <c r="Q20" s="279">
        <v>0</v>
      </c>
      <c r="R20" s="280">
        <v>16</v>
      </c>
      <c r="S20" s="280">
        <v>2</v>
      </c>
      <c r="T20" s="280">
        <v>26</v>
      </c>
      <c r="U20" s="280">
        <v>4</v>
      </c>
      <c r="V20" s="280">
        <v>1</v>
      </c>
      <c r="W20" s="277">
        <v>49</v>
      </c>
      <c r="X20" s="282">
        <v>49</v>
      </c>
    </row>
    <row r="21" spans="2:24" ht="21" customHeight="1" x14ac:dyDescent="0.2">
      <c r="B21" s="256" t="s">
        <v>19</v>
      </c>
      <c r="C21" s="280">
        <v>0</v>
      </c>
      <c r="D21" s="280">
        <v>0</v>
      </c>
      <c r="E21" s="277">
        <v>0</v>
      </c>
      <c r="F21" s="279">
        <v>0</v>
      </c>
      <c r="G21" s="280">
        <v>11</v>
      </c>
      <c r="H21" s="280">
        <v>39</v>
      </c>
      <c r="I21" s="280">
        <v>0</v>
      </c>
      <c r="J21" s="280">
        <v>8</v>
      </c>
      <c r="K21" s="280">
        <v>4</v>
      </c>
      <c r="L21" s="277">
        <v>62</v>
      </c>
      <c r="M21" s="282">
        <v>62</v>
      </c>
      <c r="N21" s="280">
        <v>0</v>
      </c>
      <c r="O21" s="280">
        <v>0</v>
      </c>
      <c r="P21" s="277">
        <v>0</v>
      </c>
      <c r="Q21" s="279">
        <v>0</v>
      </c>
      <c r="R21" s="280">
        <v>7</v>
      </c>
      <c r="S21" s="280">
        <v>31</v>
      </c>
      <c r="T21" s="280">
        <v>0</v>
      </c>
      <c r="U21" s="280">
        <v>0</v>
      </c>
      <c r="V21" s="280">
        <v>0</v>
      </c>
      <c r="W21" s="277">
        <v>38</v>
      </c>
      <c r="X21" s="282">
        <v>38</v>
      </c>
    </row>
    <row r="22" spans="2:24" ht="21" customHeight="1" x14ac:dyDescent="0.2">
      <c r="B22" s="256" t="s">
        <v>20</v>
      </c>
      <c r="C22" s="280">
        <v>0</v>
      </c>
      <c r="D22" s="280">
        <v>0</v>
      </c>
      <c r="E22" s="277">
        <v>0</v>
      </c>
      <c r="F22" s="279">
        <v>0</v>
      </c>
      <c r="G22" s="280">
        <v>88</v>
      </c>
      <c r="H22" s="280">
        <v>39</v>
      </c>
      <c r="I22" s="280">
        <v>49</v>
      </c>
      <c r="J22" s="280">
        <v>23</v>
      </c>
      <c r="K22" s="280">
        <v>0</v>
      </c>
      <c r="L22" s="277">
        <v>199</v>
      </c>
      <c r="M22" s="282">
        <v>199</v>
      </c>
      <c r="N22" s="280">
        <v>0</v>
      </c>
      <c r="O22" s="280">
        <v>0</v>
      </c>
      <c r="P22" s="277">
        <v>0</v>
      </c>
      <c r="Q22" s="279">
        <v>0</v>
      </c>
      <c r="R22" s="280">
        <v>0</v>
      </c>
      <c r="S22" s="280">
        <v>0</v>
      </c>
      <c r="T22" s="280">
        <v>0</v>
      </c>
      <c r="U22" s="280">
        <v>0</v>
      </c>
      <c r="V22" s="280">
        <v>0</v>
      </c>
      <c r="W22" s="277">
        <v>0</v>
      </c>
      <c r="X22" s="282">
        <v>0</v>
      </c>
    </row>
    <row r="23" spans="2:24" ht="21" customHeight="1" x14ac:dyDescent="0.2">
      <c r="B23" s="256" t="s">
        <v>21</v>
      </c>
      <c r="C23" s="280">
        <v>0</v>
      </c>
      <c r="D23" s="280">
        <v>0</v>
      </c>
      <c r="E23" s="277">
        <v>0</v>
      </c>
      <c r="F23" s="279">
        <v>0</v>
      </c>
      <c r="G23" s="280">
        <v>70</v>
      </c>
      <c r="H23" s="280">
        <v>72</v>
      </c>
      <c r="I23" s="280">
        <v>13</v>
      </c>
      <c r="J23" s="280">
        <v>19</v>
      </c>
      <c r="K23" s="280">
        <v>0</v>
      </c>
      <c r="L23" s="277">
        <v>174</v>
      </c>
      <c r="M23" s="282">
        <v>174</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24</v>
      </c>
      <c r="H24" s="280">
        <v>22</v>
      </c>
      <c r="I24" s="280">
        <v>2</v>
      </c>
      <c r="J24" s="280">
        <v>11</v>
      </c>
      <c r="K24" s="280">
        <v>0</v>
      </c>
      <c r="L24" s="277">
        <v>59</v>
      </c>
      <c r="M24" s="282">
        <v>59</v>
      </c>
      <c r="N24" s="280">
        <v>0</v>
      </c>
      <c r="O24" s="280">
        <v>0</v>
      </c>
      <c r="P24" s="277">
        <v>0</v>
      </c>
      <c r="Q24" s="279">
        <v>0</v>
      </c>
      <c r="R24" s="280">
        <v>0</v>
      </c>
      <c r="S24" s="280">
        <v>0</v>
      </c>
      <c r="T24" s="280">
        <v>0</v>
      </c>
      <c r="U24" s="280">
        <v>11</v>
      </c>
      <c r="V24" s="280">
        <v>0</v>
      </c>
      <c r="W24" s="277">
        <v>11</v>
      </c>
      <c r="X24" s="282">
        <v>11</v>
      </c>
    </row>
    <row r="25" spans="2:24" ht="21" customHeight="1" x14ac:dyDescent="0.2">
      <c r="B25" s="256" t="s">
        <v>23</v>
      </c>
      <c r="C25" s="280">
        <v>0</v>
      </c>
      <c r="D25" s="280">
        <v>0</v>
      </c>
      <c r="E25" s="277">
        <v>0</v>
      </c>
      <c r="F25" s="279">
        <v>0</v>
      </c>
      <c r="G25" s="280">
        <v>56</v>
      </c>
      <c r="H25" s="280">
        <v>7</v>
      </c>
      <c r="I25" s="280">
        <v>5</v>
      </c>
      <c r="J25" s="280">
        <v>0</v>
      </c>
      <c r="K25" s="280">
        <v>0</v>
      </c>
      <c r="L25" s="277">
        <v>68</v>
      </c>
      <c r="M25" s="282">
        <v>68</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8</v>
      </c>
      <c r="H26" s="280">
        <v>18</v>
      </c>
      <c r="I26" s="280">
        <v>26</v>
      </c>
      <c r="J26" s="280">
        <v>0</v>
      </c>
      <c r="K26" s="280">
        <v>0</v>
      </c>
      <c r="L26" s="277">
        <v>52</v>
      </c>
      <c r="M26" s="282">
        <v>52</v>
      </c>
      <c r="N26" s="280">
        <v>0</v>
      </c>
      <c r="O26" s="280">
        <v>0</v>
      </c>
      <c r="P26" s="277">
        <v>0</v>
      </c>
      <c r="Q26" s="279">
        <v>0</v>
      </c>
      <c r="R26" s="280">
        <v>6</v>
      </c>
      <c r="S26" s="280">
        <v>0</v>
      </c>
      <c r="T26" s="280">
        <v>5</v>
      </c>
      <c r="U26" s="280">
        <v>0</v>
      </c>
      <c r="V26" s="280">
        <v>0</v>
      </c>
      <c r="W26" s="277">
        <v>11</v>
      </c>
      <c r="X26" s="282">
        <v>11</v>
      </c>
    </row>
    <row r="27" spans="2:24" ht="21" customHeight="1" x14ac:dyDescent="0.2">
      <c r="B27" s="256" t="s">
        <v>25</v>
      </c>
      <c r="C27" s="280">
        <v>0</v>
      </c>
      <c r="D27" s="280">
        <v>0</v>
      </c>
      <c r="E27" s="277">
        <v>0</v>
      </c>
      <c r="F27" s="279">
        <v>0</v>
      </c>
      <c r="G27" s="280">
        <v>28</v>
      </c>
      <c r="H27" s="280">
        <v>3</v>
      </c>
      <c r="I27" s="280">
        <v>0</v>
      </c>
      <c r="J27" s="280">
        <v>0</v>
      </c>
      <c r="K27" s="280">
        <v>0</v>
      </c>
      <c r="L27" s="277">
        <v>31</v>
      </c>
      <c r="M27" s="282">
        <v>31</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21</v>
      </c>
      <c r="H28" s="280">
        <v>25</v>
      </c>
      <c r="I28" s="280">
        <v>8</v>
      </c>
      <c r="J28" s="280">
        <v>0</v>
      </c>
      <c r="K28" s="280">
        <v>0</v>
      </c>
      <c r="L28" s="277">
        <v>54</v>
      </c>
      <c r="M28" s="282">
        <v>54</v>
      </c>
      <c r="N28" s="280">
        <v>0</v>
      </c>
      <c r="O28" s="280">
        <v>0</v>
      </c>
      <c r="P28" s="277">
        <v>0</v>
      </c>
      <c r="Q28" s="279">
        <v>0</v>
      </c>
      <c r="R28" s="280">
        <v>0</v>
      </c>
      <c r="S28" s="280">
        <v>12</v>
      </c>
      <c r="T28" s="280">
        <v>0</v>
      </c>
      <c r="U28" s="280">
        <v>0</v>
      </c>
      <c r="V28" s="280">
        <v>0</v>
      </c>
      <c r="W28" s="277">
        <v>12</v>
      </c>
      <c r="X28" s="282">
        <v>12</v>
      </c>
    </row>
    <row r="29" spans="2:24" ht="21" customHeight="1" x14ac:dyDescent="0.2">
      <c r="B29" s="256" t="s">
        <v>27</v>
      </c>
      <c r="C29" s="280">
        <v>0</v>
      </c>
      <c r="D29" s="280">
        <v>0</v>
      </c>
      <c r="E29" s="277">
        <v>0</v>
      </c>
      <c r="F29" s="279">
        <v>0</v>
      </c>
      <c r="G29" s="280">
        <v>2</v>
      </c>
      <c r="H29" s="280">
        <v>4</v>
      </c>
      <c r="I29" s="280">
        <v>0</v>
      </c>
      <c r="J29" s="280">
        <v>0</v>
      </c>
      <c r="K29" s="280">
        <v>0</v>
      </c>
      <c r="L29" s="277">
        <v>6</v>
      </c>
      <c r="M29" s="282">
        <v>6</v>
      </c>
      <c r="N29" s="280">
        <v>0</v>
      </c>
      <c r="O29" s="280">
        <v>0</v>
      </c>
      <c r="P29" s="277">
        <v>0</v>
      </c>
      <c r="Q29" s="279">
        <v>0</v>
      </c>
      <c r="R29" s="280">
        <v>11</v>
      </c>
      <c r="S29" s="280">
        <v>5</v>
      </c>
      <c r="T29" s="280">
        <v>0</v>
      </c>
      <c r="U29" s="280">
        <v>19</v>
      </c>
      <c r="V29" s="280">
        <v>0</v>
      </c>
      <c r="W29" s="277">
        <v>35</v>
      </c>
      <c r="X29" s="282">
        <v>35</v>
      </c>
    </row>
    <row r="30" spans="2:24" ht="21" customHeight="1" x14ac:dyDescent="0.2">
      <c r="B30" s="256" t="s">
        <v>28</v>
      </c>
      <c r="C30" s="280">
        <v>0</v>
      </c>
      <c r="D30" s="280">
        <v>0</v>
      </c>
      <c r="E30" s="277">
        <v>0</v>
      </c>
      <c r="F30" s="279">
        <v>0</v>
      </c>
      <c r="G30" s="280">
        <v>30</v>
      </c>
      <c r="H30" s="280">
        <v>9</v>
      </c>
      <c r="I30" s="280">
        <v>1</v>
      </c>
      <c r="J30" s="280">
        <v>0</v>
      </c>
      <c r="K30" s="280">
        <v>0</v>
      </c>
      <c r="L30" s="277">
        <v>40</v>
      </c>
      <c r="M30" s="282">
        <v>40</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17</v>
      </c>
      <c r="H31" s="280">
        <v>8</v>
      </c>
      <c r="I31" s="280">
        <v>0</v>
      </c>
      <c r="J31" s="280">
        <v>0</v>
      </c>
      <c r="K31" s="280">
        <v>0</v>
      </c>
      <c r="L31" s="277">
        <v>25</v>
      </c>
      <c r="M31" s="282">
        <v>25</v>
      </c>
      <c r="N31" s="280">
        <v>0</v>
      </c>
      <c r="O31" s="280">
        <v>0</v>
      </c>
      <c r="P31" s="277">
        <v>0</v>
      </c>
      <c r="Q31" s="279">
        <v>0</v>
      </c>
      <c r="R31" s="280">
        <v>0</v>
      </c>
      <c r="S31" s="280">
        <v>0</v>
      </c>
      <c r="T31" s="280">
        <v>0</v>
      </c>
      <c r="U31" s="280">
        <v>0</v>
      </c>
      <c r="V31" s="280">
        <v>0</v>
      </c>
      <c r="W31" s="277">
        <v>0</v>
      </c>
      <c r="X31" s="282">
        <v>0</v>
      </c>
    </row>
    <row r="32" spans="2:24" ht="21" customHeight="1" x14ac:dyDescent="0.2">
      <c r="B32" s="256" t="s">
        <v>30</v>
      </c>
      <c r="C32" s="280">
        <v>0</v>
      </c>
      <c r="D32" s="280">
        <v>0</v>
      </c>
      <c r="E32" s="277">
        <v>0</v>
      </c>
      <c r="F32" s="279">
        <v>0</v>
      </c>
      <c r="G32" s="280">
        <v>6</v>
      </c>
      <c r="H32" s="280">
        <v>0</v>
      </c>
      <c r="I32" s="280">
        <v>15</v>
      </c>
      <c r="J32" s="280">
        <v>0</v>
      </c>
      <c r="K32" s="280">
        <v>0</v>
      </c>
      <c r="L32" s="277">
        <v>21</v>
      </c>
      <c r="M32" s="282">
        <v>21</v>
      </c>
      <c r="N32" s="280">
        <v>4</v>
      </c>
      <c r="O32" s="280">
        <v>0</v>
      </c>
      <c r="P32" s="277">
        <v>4</v>
      </c>
      <c r="Q32" s="279">
        <v>0</v>
      </c>
      <c r="R32" s="280">
        <v>0</v>
      </c>
      <c r="S32" s="280">
        <v>0</v>
      </c>
      <c r="T32" s="280">
        <v>0</v>
      </c>
      <c r="U32" s="280">
        <v>0</v>
      </c>
      <c r="V32" s="280">
        <v>0</v>
      </c>
      <c r="W32" s="277">
        <v>0</v>
      </c>
      <c r="X32" s="282">
        <v>4</v>
      </c>
    </row>
    <row r="33" spans="2:24" ht="21" customHeight="1" x14ac:dyDescent="0.2">
      <c r="B33" s="256" t="s">
        <v>31</v>
      </c>
      <c r="C33" s="280">
        <v>0</v>
      </c>
      <c r="D33" s="280">
        <v>0</v>
      </c>
      <c r="E33" s="277">
        <v>0</v>
      </c>
      <c r="F33" s="279">
        <v>0</v>
      </c>
      <c r="G33" s="280">
        <v>3</v>
      </c>
      <c r="H33" s="280">
        <v>8</v>
      </c>
      <c r="I33" s="280">
        <v>0</v>
      </c>
      <c r="J33" s="280">
        <v>0</v>
      </c>
      <c r="K33" s="280">
        <v>0</v>
      </c>
      <c r="L33" s="277">
        <v>11</v>
      </c>
      <c r="M33" s="282">
        <v>11</v>
      </c>
      <c r="N33" s="280">
        <v>0</v>
      </c>
      <c r="O33" s="280">
        <v>0</v>
      </c>
      <c r="P33" s="277">
        <v>0</v>
      </c>
      <c r="Q33" s="279">
        <v>0</v>
      </c>
      <c r="R33" s="280">
        <v>0</v>
      </c>
      <c r="S33" s="280">
        <v>0</v>
      </c>
      <c r="T33" s="280">
        <v>0</v>
      </c>
      <c r="U33" s="280">
        <v>15</v>
      </c>
      <c r="V33" s="280">
        <v>0</v>
      </c>
      <c r="W33" s="277">
        <v>15</v>
      </c>
      <c r="X33" s="282">
        <v>15</v>
      </c>
    </row>
    <row r="34" spans="2:24" ht="21" customHeight="1" x14ac:dyDescent="0.2">
      <c r="B34" s="256" t="s">
        <v>32</v>
      </c>
      <c r="C34" s="280">
        <v>0</v>
      </c>
      <c r="D34" s="280">
        <v>0</v>
      </c>
      <c r="E34" s="277">
        <v>0</v>
      </c>
      <c r="F34" s="279">
        <v>0</v>
      </c>
      <c r="G34" s="280">
        <v>14</v>
      </c>
      <c r="H34" s="280">
        <v>16</v>
      </c>
      <c r="I34" s="280">
        <v>0</v>
      </c>
      <c r="J34" s="280">
        <v>0</v>
      </c>
      <c r="K34" s="280">
        <v>4</v>
      </c>
      <c r="L34" s="277">
        <v>34</v>
      </c>
      <c r="M34" s="282">
        <v>34</v>
      </c>
      <c r="N34" s="280">
        <v>0</v>
      </c>
      <c r="O34" s="280">
        <v>0</v>
      </c>
      <c r="P34" s="277">
        <v>0</v>
      </c>
      <c r="Q34" s="279">
        <v>0</v>
      </c>
      <c r="R34" s="280">
        <v>0</v>
      </c>
      <c r="S34" s="280">
        <v>0</v>
      </c>
      <c r="T34" s="280">
        <v>0</v>
      </c>
      <c r="U34" s="280">
        <v>0</v>
      </c>
      <c r="V34" s="280">
        <v>0</v>
      </c>
      <c r="W34" s="277">
        <v>0</v>
      </c>
      <c r="X34" s="282">
        <v>0</v>
      </c>
    </row>
    <row r="35" spans="2:24" ht="21" customHeight="1" x14ac:dyDescent="0.2">
      <c r="B35" s="256" t="s">
        <v>33</v>
      </c>
      <c r="C35" s="280">
        <v>0</v>
      </c>
      <c r="D35" s="280">
        <v>0</v>
      </c>
      <c r="E35" s="277">
        <v>0</v>
      </c>
      <c r="F35" s="279">
        <v>0</v>
      </c>
      <c r="G35" s="280">
        <v>7</v>
      </c>
      <c r="H35" s="280">
        <v>0</v>
      </c>
      <c r="I35" s="280">
        <v>0</v>
      </c>
      <c r="J35" s="280">
        <v>0</v>
      </c>
      <c r="K35" s="280">
        <v>0</v>
      </c>
      <c r="L35" s="277">
        <v>7</v>
      </c>
      <c r="M35" s="282">
        <v>7</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12</v>
      </c>
      <c r="H36" s="280">
        <v>11</v>
      </c>
      <c r="I36" s="280">
        <v>0</v>
      </c>
      <c r="J36" s="280">
        <v>0</v>
      </c>
      <c r="K36" s="280">
        <v>0</v>
      </c>
      <c r="L36" s="277">
        <v>23</v>
      </c>
      <c r="M36" s="282">
        <v>23</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0</v>
      </c>
      <c r="H37" s="280">
        <v>0</v>
      </c>
      <c r="I37" s="280">
        <v>0</v>
      </c>
      <c r="J37" s="280">
        <v>0</v>
      </c>
      <c r="K37" s="280">
        <v>0</v>
      </c>
      <c r="L37" s="277">
        <v>0</v>
      </c>
      <c r="M37" s="282">
        <v>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23</v>
      </c>
      <c r="H38" s="280">
        <v>6</v>
      </c>
      <c r="I38" s="280">
        <v>0</v>
      </c>
      <c r="J38" s="280">
        <v>0</v>
      </c>
      <c r="K38" s="280">
        <v>0</v>
      </c>
      <c r="L38" s="277">
        <v>29</v>
      </c>
      <c r="M38" s="282">
        <v>29</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0</v>
      </c>
      <c r="L39" s="284">
        <v>0</v>
      </c>
      <c r="M39" s="289">
        <v>0</v>
      </c>
      <c r="N39" s="287">
        <v>0</v>
      </c>
      <c r="O39" s="287">
        <v>0</v>
      </c>
      <c r="P39" s="284">
        <v>0</v>
      </c>
      <c r="Q39" s="286">
        <v>0</v>
      </c>
      <c r="R39" s="287">
        <v>0</v>
      </c>
      <c r="S39" s="287">
        <v>0</v>
      </c>
      <c r="T39" s="287">
        <v>0</v>
      </c>
      <c r="U39" s="287">
        <v>0</v>
      </c>
      <c r="V39" s="287">
        <v>0</v>
      </c>
      <c r="W39" s="284">
        <v>0</v>
      </c>
      <c r="X39" s="289">
        <v>0</v>
      </c>
    </row>
  </sheetData>
  <mergeCells count="11">
    <mergeCell ref="B3:B5"/>
    <mergeCell ref="C3:M3"/>
    <mergeCell ref="C4:E4"/>
    <mergeCell ref="F4:L4"/>
    <mergeCell ref="M4:M5"/>
    <mergeCell ref="N3:X3"/>
    <mergeCell ref="N4:P4"/>
    <mergeCell ref="Q4:W4"/>
    <mergeCell ref="X4:X5"/>
    <mergeCell ref="H1:I1"/>
    <mergeCell ref="K1:L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4">
        <f>第１表!F2</f>
        <v>5</v>
      </c>
      <c r="I1" s="524"/>
      <c r="J1" s="248">
        <f>第１表!G2</f>
        <v>4</v>
      </c>
      <c r="K1" s="529">
        <f>IF(J1&lt;3,J1+12-2,J1-2)</f>
        <v>2</v>
      </c>
      <c r="L1" s="529"/>
    </row>
    <row r="2" spans="2:24" ht="24" customHeight="1" thickBot="1" x14ac:dyDescent="0.25">
      <c r="B2" s="290" t="s">
        <v>155</v>
      </c>
    </row>
    <row r="3" spans="2:24" ht="21" customHeight="1" x14ac:dyDescent="0.2">
      <c r="B3" s="532"/>
      <c r="C3" s="533" t="s">
        <v>142</v>
      </c>
      <c r="D3" s="533"/>
      <c r="E3" s="533"/>
      <c r="F3" s="533"/>
      <c r="G3" s="533"/>
      <c r="H3" s="533"/>
      <c r="I3" s="533"/>
      <c r="J3" s="533"/>
      <c r="K3" s="533"/>
      <c r="L3" s="533"/>
      <c r="M3" s="565"/>
      <c r="N3" s="533" t="s">
        <v>113</v>
      </c>
      <c r="O3" s="533"/>
      <c r="P3" s="533"/>
      <c r="Q3" s="533"/>
      <c r="R3" s="533"/>
      <c r="S3" s="533"/>
      <c r="T3" s="533"/>
      <c r="U3" s="533"/>
      <c r="V3" s="533"/>
      <c r="W3" s="533"/>
      <c r="X3" s="565"/>
    </row>
    <row r="4" spans="2:24" ht="21" customHeight="1" x14ac:dyDescent="0.2">
      <c r="B4" s="571"/>
      <c r="C4" s="566" t="s">
        <v>61</v>
      </c>
      <c r="D4" s="566"/>
      <c r="E4" s="567"/>
      <c r="F4" s="568" t="s">
        <v>62</v>
      </c>
      <c r="G4" s="566"/>
      <c r="H4" s="566"/>
      <c r="I4" s="566"/>
      <c r="J4" s="566"/>
      <c r="K4" s="566"/>
      <c r="L4" s="569"/>
      <c r="M4" s="570" t="s">
        <v>52</v>
      </c>
      <c r="N4" s="566" t="s">
        <v>61</v>
      </c>
      <c r="O4" s="566"/>
      <c r="P4" s="567"/>
      <c r="Q4" s="568" t="s">
        <v>62</v>
      </c>
      <c r="R4" s="566"/>
      <c r="S4" s="566"/>
      <c r="T4" s="566"/>
      <c r="U4" s="566"/>
      <c r="V4" s="566"/>
      <c r="W4" s="569"/>
      <c r="X4" s="570" t="s">
        <v>52</v>
      </c>
    </row>
    <row r="5" spans="2:24" ht="30" customHeight="1" thickBot="1" x14ac:dyDescent="0.25">
      <c r="B5" s="572"/>
      <c r="C5" s="259" t="s">
        <v>43</v>
      </c>
      <c r="D5" s="259" t="s">
        <v>44</v>
      </c>
      <c r="E5" s="265" t="s">
        <v>45</v>
      </c>
      <c r="F5" s="267" t="s">
        <v>83</v>
      </c>
      <c r="G5" s="259" t="s">
        <v>47</v>
      </c>
      <c r="H5" s="259" t="s">
        <v>48</v>
      </c>
      <c r="I5" s="259" t="s">
        <v>49</v>
      </c>
      <c r="J5" s="259" t="s">
        <v>50</v>
      </c>
      <c r="K5" s="259" t="s">
        <v>51</v>
      </c>
      <c r="L5" s="265" t="s">
        <v>45</v>
      </c>
      <c r="M5" s="531"/>
      <c r="N5" s="259" t="s">
        <v>43</v>
      </c>
      <c r="O5" s="259" t="s">
        <v>44</v>
      </c>
      <c r="P5" s="265" t="s">
        <v>45</v>
      </c>
      <c r="Q5" s="267" t="s">
        <v>83</v>
      </c>
      <c r="R5" s="259" t="s">
        <v>47</v>
      </c>
      <c r="S5" s="259" t="s">
        <v>48</v>
      </c>
      <c r="T5" s="259" t="s">
        <v>49</v>
      </c>
      <c r="U5" s="259" t="s">
        <v>50</v>
      </c>
      <c r="V5" s="259" t="s">
        <v>51</v>
      </c>
      <c r="W5" s="265" t="s">
        <v>45</v>
      </c>
      <c r="X5" s="531"/>
    </row>
    <row r="6" spans="2:24" ht="21" customHeight="1" x14ac:dyDescent="0.2">
      <c r="B6" s="258" t="s">
        <v>4</v>
      </c>
      <c r="C6" s="273">
        <v>0</v>
      </c>
      <c r="D6" s="273">
        <v>0</v>
      </c>
      <c r="E6" s="270">
        <v>0</v>
      </c>
      <c r="F6" s="272">
        <v>0</v>
      </c>
      <c r="G6" s="273">
        <v>4921</v>
      </c>
      <c r="H6" s="273">
        <v>4341</v>
      </c>
      <c r="I6" s="273">
        <v>2622</v>
      </c>
      <c r="J6" s="273">
        <v>1296</v>
      </c>
      <c r="K6" s="273">
        <v>374</v>
      </c>
      <c r="L6" s="270">
        <v>13554</v>
      </c>
      <c r="M6" s="275">
        <v>13554</v>
      </c>
      <c r="N6" s="273">
        <v>2</v>
      </c>
      <c r="O6" s="273">
        <v>0</v>
      </c>
      <c r="P6" s="270">
        <v>2</v>
      </c>
      <c r="Q6" s="272">
        <v>0</v>
      </c>
      <c r="R6" s="273">
        <v>347</v>
      </c>
      <c r="S6" s="273">
        <v>627</v>
      </c>
      <c r="T6" s="273">
        <v>663</v>
      </c>
      <c r="U6" s="273">
        <v>358</v>
      </c>
      <c r="V6" s="273">
        <v>223</v>
      </c>
      <c r="W6" s="270">
        <v>2218</v>
      </c>
      <c r="X6" s="275">
        <v>2220</v>
      </c>
    </row>
    <row r="7" spans="2:24" ht="21" customHeight="1" x14ac:dyDescent="0.2">
      <c r="B7" s="256" t="s">
        <v>5</v>
      </c>
      <c r="C7" s="280">
        <v>0</v>
      </c>
      <c r="D7" s="280">
        <v>0</v>
      </c>
      <c r="E7" s="277">
        <v>0</v>
      </c>
      <c r="F7" s="279">
        <v>0</v>
      </c>
      <c r="G7" s="280">
        <v>1827</v>
      </c>
      <c r="H7" s="280">
        <v>2238</v>
      </c>
      <c r="I7" s="280">
        <v>1238</v>
      </c>
      <c r="J7" s="280">
        <v>675</v>
      </c>
      <c r="K7" s="280">
        <v>183</v>
      </c>
      <c r="L7" s="277">
        <v>6161</v>
      </c>
      <c r="M7" s="282">
        <v>6161</v>
      </c>
      <c r="N7" s="280">
        <v>2</v>
      </c>
      <c r="O7" s="280">
        <v>0</v>
      </c>
      <c r="P7" s="277">
        <v>2</v>
      </c>
      <c r="Q7" s="279">
        <v>0</v>
      </c>
      <c r="R7" s="280">
        <v>193</v>
      </c>
      <c r="S7" s="280">
        <v>339</v>
      </c>
      <c r="T7" s="280">
        <v>273</v>
      </c>
      <c r="U7" s="280">
        <v>264</v>
      </c>
      <c r="V7" s="280">
        <v>121</v>
      </c>
      <c r="W7" s="277">
        <v>1190</v>
      </c>
      <c r="X7" s="282">
        <v>1192</v>
      </c>
    </row>
    <row r="8" spans="2:24" ht="21" customHeight="1" x14ac:dyDescent="0.2">
      <c r="B8" s="256" t="s">
        <v>6</v>
      </c>
      <c r="C8" s="280">
        <v>0</v>
      </c>
      <c r="D8" s="280">
        <v>0</v>
      </c>
      <c r="E8" s="277">
        <v>0</v>
      </c>
      <c r="F8" s="279">
        <v>0</v>
      </c>
      <c r="G8" s="280">
        <v>856</v>
      </c>
      <c r="H8" s="280">
        <v>483</v>
      </c>
      <c r="I8" s="280">
        <v>304</v>
      </c>
      <c r="J8" s="280">
        <v>154</v>
      </c>
      <c r="K8" s="280">
        <v>72</v>
      </c>
      <c r="L8" s="277">
        <v>1869</v>
      </c>
      <c r="M8" s="282">
        <v>1869</v>
      </c>
      <c r="N8" s="280">
        <v>0</v>
      </c>
      <c r="O8" s="280">
        <v>0</v>
      </c>
      <c r="P8" s="277">
        <v>0</v>
      </c>
      <c r="Q8" s="279">
        <v>0</v>
      </c>
      <c r="R8" s="280">
        <v>94</v>
      </c>
      <c r="S8" s="280">
        <v>165</v>
      </c>
      <c r="T8" s="280">
        <v>199</v>
      </c>
      <c r="U8" s="280">
        <v>42</v>
      </c>
      <c r="V8" s="280">
        <v>50</v>
      </c>
      <c r="W8" s="277">
        <v>550</v>
      </c>
      <c r="X8" s="282">
        <v>550</v>
      </c>
    </row>
    <row r="9" spans="2:24" ht="21" customHeight="1" x14ac:dyDescent="0.2">
      <c r="B9" s="256" t="s">
        <v>14</v>
      </c>
      <c r="C9" s="280">
        <v>0</v>
      </c>
      <c r="D9" s="280">
        <v>0</v>
      </c>
      <c r="E9" s="277">
        <v>0</v>
      </c>
      <c r="F9" s="279">
        <v>0</v>
      </c>
      <c r="G9" s="280">
        <v>288</v>
      </c>
      <c r="H9" s="280">
        <v>358</v>
      </c>
      <c r="I9" s="280">
        <v>214</v>
      </c>
      <c r="J9" s="280">
        <v>28</v>
      </c>
      <c r="K9" s="280">
        <v>23</v>
      </c>
      <c r="L9" s="277">
        <v>911</v>
      </c>
      <c r="M9" s="282">
        <v>911</v>
      </c>
      <c r="N9" s="280">
        <v>0</v>
      </c>
      <c r="O9" s="280">
        <v>0</v>
      </c>
      <c r="P9" s="277">
        <v>0</v>
      </c>
      <c r="Q9" s="279">
        <v>0</v>
      </c>
      <c r="R9" s="280">
        <v>4</v>
      </c>
      <c r="S9" s="280">
        <v>12</v>
      </c>
      <c r="T9" s="280">
        <v>0</v>
      </c>
      <c r="U9" s="280">
        <v>0</v>
      </c>
      <c r="V9" s="280">
        <v>13</v>
      </c>
      <c r="W9" s="277">
        <v>29</v>
      </c>
      <c r="X9" s="282">
        <v>29</v>
      </c>
    </row>
    <row r="10" spans="2:24" ht="21" customHeight="1" x14ac:dyDescent="0.2">
      <c r="B10" s="256" t="s">
        <v>7</v>
      </c>
      <c r="C10" s="280">
        <v>0</v>
      </c>
      <c r="D10" s="280">
        <v>0</v>
      </c>
      <c r="E10" s="277">
        <v>0</v>
      </c>
      <c r="F10" s="279">
        <v>0</v>
      </c>
      <c r="G10" s="280">
        <v>197</v>
      </c>
      <c r="H10" s="280">
        <v>176</v>
      </c>
      <c r="I10" s="280">
        <v>93</v>
      </c>
      <c r="J10" s="280">
        <v>40</v>
      </c>
      <c r="K10" s="280">
        <v>7</v>
      </c>
      <c r="L10" s="277">
        <v>513</v>
      </c>
      <c r="M10" s="282">
        <v>513</v>
      </c>
      <c r="N10" s="280">
        <v>0</v>
      </c>
      <c r="O10" s="280">
        <v>0</v>
      </c>
      <c r="P10" s="277">
        <v>0</v>
      </c>
      <c r="Q10" s="279">
        <v>0</v>
      </c>
      <c r="R10" s="280">
        <v>24</v>
      </c>
      <c r="S10" s="280">
        <v>20</v>
      </c>
      <c r="T10" s="280">
        <v>57</v>
      </c>
      <c r="U10" s="280">
        <v>23</v>
      </c>
      <c r="V10" s="280">
        <v>8</v>
      </c>
      <c r="W10" s="277">
        <v>132</v>
      </c>
      <c r="X10" s="282">
        <v>132</v>
      </c>
    </row>
    <row r="11" spans="2:24" ht="21" customHeight="1" x14ac:dyDescent="0.2">
      <c r="B11" s="256" t="s">
        <v>8</v>
      </c>
      <c r="C11" s="280">
        <v>0</v>
      </c>
      <c r="D11" s="280">
        <v>0</v>
      </c>
      <c r="E11" s="277">
        <v>0</v>
      </c>
      <c r="F11" s="279">
        <v>0</v>
      </c>
      <c r="G11" s="280">
        <v>225</v>
      </c>
      <c r="H11" s="280">
        <v>124</v>
      </c>
      <c r="I11" s="280">
        <v>59</v>
      </c>
      <c r="J11" s="280">
        <v>45</v>
      </c>
      <c r="K11" s="280">
        <v>0</v>
      </c>
      <c r="L11" s="277">
        <v>453</v>
      </c>
      <c r="M11" s="282">
        <v>453</v>
      </c>
      <c r="N11" s="280">
        <v>0</v>
      </c>
      <c r="O11" s="280">
        <v>0</v>
      </c>
      <c r="P11" s="277">
        <v>0</v>
      </c>
      <c r="Q11" s="279">
        <v>0</v>
      </c>
      <c r="R11" s="280">
        <v>0</v>
      </c>
      <c r="S11" s="280">
        <v>0</v>
      </c>
      <c r="T11" s="280">
        <v>0</v>
      </c>
      <c r="U11" s="280">
        <v>0</v>
      </c>
      <c r="V11" s="280">
        <v>0</v>
      </c>
      <c r="W11" s="277">
        <v>0</v>
      </c>
      <c r="X11" s="282">
        <v>0</v>
      </c>
    </row>
    <row r="12" spans="2:24" ht="21" customHeight="1" x14ac:dyDescent="0.2">
      <c r="B12" s="256" t="s">
        <v>9</v>
      </c>
      <c r="C12" s="280">
        <v>0</v>
      </c>
      <c r="D12" s="280">
        <v>0</v>
      </c>
      <c r="E12" s="277">
        <v>0</v>
      </c>
      <c r="F12" s="279">
        <v>0</v>
      </c>
      <c r="G12" s="280">
        <v>293</v>
      </c>
      <c r="H12" s="280">
        <v>163</v>
      </c>
      <c r="I12" s="280">
        <v>161</v>
      </c>
      <c r="J12" s="280">
        <v>58</v>
      </c>
      <c r="K12" s="280">
        <v>27</v>
      </c>
      <c r="L12" s="277">
        <v>702</v>
      </c>
      <c r="M12" s="282">
        <v>702</v>
      </c>
      <c r="N12" s="280">
        <v>0</v>
      </c>
      <c r="O12" s="280">
        <v>0</v>
      </c>
      <c r="P12" s="277">
        <v>0</v>
      </c>
      <c r="Q12" s="279">
        <v>0</v>
      </c>
      <c r="R12" s="280">
        <v>0</v>
      </c>
      <c r="S12" s="280">
        <v>0</v>
      </c>
      <c r="T12" s="280">
        <v>22</v>
      </c>
      <c r="U12" s="280">
        <v>15</v>
      </c>
      <c r="V12" s="280">
        <v>8</v>
      </c>
      <c r="W12" s="277">
        <v>45</v>
      </c>
      <c r="X12" s="282">
        <v>45</v>
      </c>
    </row>
    <row r="13" spans="2:24" ht="21" customHeight="1" x14ac:dyDescent="0.2">
      <c r="B13" s="256" t="s">
        <v>10</v>
      </c>
      <c r="C13" s="280">
        <v>0</v>
      </c>
      <c r="D13" s="280">
        <v>0</v>
      </c>
      <c r="E13" s="277">
        <v>0</v>
      </c>
      <c r="F13" s="279">
        <v>0</v>
      </c>
      <c r="G13" s="280">
        <v>281</v>
      </c>
      <c r="H13" s="280">
        <v>150</v>
      </c>
      <c r="I13" s="280">
        <v>22</v>
      </c>
      <c r="J13" s="280">
        <v>40</v>
      </c>
      <c r="K13" s="280">
        <v>0</v>
      </c>
      <c r="L13" s="277">
        <v>493</v>
      </c>
      <c r="M13" s="282">
        <v>493</v>
      </c>
      <c r="N13" s="280">
        <v>0</v>
      </c>
      <c r="O13" s="280">
        <v>0</v>
      </c>
      <c r="P13" s="277">
        <v>0</v>
      </c>
      <c r="Q13" s="279">
        <v>0</v>
      </c>
      <c r="R13" s="280">
        <v>0</v>
      </c>
      <c r="S13" s="280">
        <v>36</v>
      </c>
      <c r="T13" s="280">
        <v>39</v>
      </c>
      <c r="U13" s="280">
        <v>0</v>
      </c>
      <c r="V13" s="280">
        <v>1</v>
      </c>
      <c r="W13" s="277">
        <v>76</v>
      </c>
      <c r="X13" s="282">
        <v>76</v>
      </c>
    </row>
    <row r="14" spans="2:24" ht="21" customHeight="1" x14ac:dyDescent="0.2">
      <c r="B14" s="256" t="s">
        <v>11</v>
      </c>
      <c r="C14" s="280">
        <v>0</v>
      </c>
      <c r="D14" s="280">
        <v>0</v>
      </c>
      <c r="E14" s="277">
        <v>0</v>
      </c>
      <c r="F14" s="279">
        <v>0</v>
      </c>
      <c r="G14" s="280">
        <v>151</v>
      </c>
      <c r="H14" s="280">
        <v>79</v>
      </c>
      <c r="I14" s="280">
        <v>56</v>
      </c>
      <c r="J14" s="280">
        <v>18</v>
      </c>
      <c r="K14" s="280">
        <v>8</v>
      </c>
      <c r="L14" s="277">
        <v>312</v>
      </c>
      <c r="M14" s="282">
        <v>312</v>
      </c>
      <c r="N14" s="280">
        <v>0</v>
      </c>
      <c r="O14" s="280">
        <v>0</v>
      </c>
      <c r="P14" s="277">
        <v>0</v>
      </c>
      <c r="Q14" s="279">
        <v>0</v>
      </c>
      <c r="R14" s="280">
        <v>3</v>
      </c>
      <c r="S14" s="280">
        <v>0</v>
      </c>
      <c r="T14" s="280">
        <v>0</v>
      </c>
      <c r="U14" s="280">
        <v>0</v>
      </c>
      <c r="V14" s="280">
        <v>0</v>
      </c>
      <c r="W14" s="277">
        <v>3</v>
      </c>
      <c r="X14" s="282">
        <v>3</v>
      </c>
    </row>
    <row r="15" spans="2:24" ht="21" customHeight="1" x14ac:dyDescent="0.2">
      <c r="B15" s="256" t="s">
        <v>12</v>
      </c>
      <c r="C15" s="280">
        <v>0</v>
      </c>
      <c r="D15" s="280">
        <v>0</v>
      </c>
      <c r="E15" s="277">
        <v>0</v>
      </c>
      <c r="F15" s="279">
        <v>0</v>
      </c>
      <c r="G15" s="280">
        <v>102</v>
      </c>
      <c r="H15" s="280">
        <v>80</v>
      </c>
      <c r="I15" s="280">
        <v>81</v>
      </c>
      <c r="J15" s="280">
        <v>68</v>
      </c>
      <c r="K15" s="280">
        <v>0</v>
      </c>
      <c r="L15" s="277">
        <v>331</v>
      </c>
      <c r="M15" s="282">
        <v>331</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59</v>
      </c>
      <c r="H16" s="280">
        <v>71</v>
      </c>
      <c r="I16" s="280">
        <v>74</v>
      </c>
      <c r="J16" s="280">
        <v>18</v>
      </c>
      <c r="K16" s="280">
        <v>0</v>
      </c>
      <c r="L16" s="277">
        <v>222</v>
      </c>
      <c r="M16" s="282">
        <v>222</v>
      </c>
      <c r="N16" s="280">
        <v>0</v>
      </c>
      <c r="O16" s="280">
        <v>0</v>
      </c>
      <c r="P16" s="277">
        <v>0</v>
      </c>
      <c r="Q16" s="279">
        <v>0</v>
      </c>
      <c r="R16" s="280">
        <v>0</v>
      </c>
      <c r="S16" s="280">
        <v>3</v>
      </c>
      <c r="T16" s="280">
        <v>0</v>
      </c>
      <c r="U16" s="280">
        <v>0</v>
      </c>
      <c r="V16" s="280">
        <v>0</v>
      </c>
      <c r="W16" s="277">
        <v>3</v>
      </c>
      <c r="X16" s="282">
        <v>3</v>
      </c>
    </row>
    <row r="17" spans="2:24" ht="21" customHeight="1" x14ac:dyDescent="0.2">
      <c r="B17" s="256" t="s">
        <v>15</v>
      </c>
      <c r="C17" s="280">
        <v>0</v>
      </c>
      <c r="D17" s="280">
        <v>0</v>
      </c>
      <c r="E17" s="277">
        <v>0</v>
      </c>
      <c r="F17" s="279">
        <v>0</v>
      </c>
      <c r="G17" s="280">
        <v>36</v>
      </c>
      <c r="H17" s="280">
        <v>31</v>
      </c>
      <c r="I17" s="280">
        <v>23</v>
      </c>
      <c r="J17" s="280">
        <v>7</v>
      </c>
      <c r="K17" s="280">
        <v>2</v>
      </c>
      <c r="L17" s="277">
        <v>99</v>
      </c>
      <c r="M17" s="282">
        <v>99</v>
      </c>
      <c r="N17" s="280">
        <v>0</v>
      </c>
      <c r="O17" s="280">
        <v>0</v>
      </c>
      <c r="P17" s="277">
        <v>0</v>
      </c>
      <c r="Q17" s="279">
        <v>0</v>
      </c>
      <c r="R17" s="280">
        <v>0</v>
      </c>
      <c r="S17" s="280">
        <v>0</v>
      </c>
      <c r="T17" s="280">
        <v>0</v>
      </c>
      <c r="U17" s="280">
        <v>0</v>
      </c>
      <c r="V17" s="280">
        <v>0</v>
      </c>
      <c r="W17" s="277">
        <v>0</v>
      </c>
      <c r="X17" s="282">
        <v>0</v>
      </c>
    </row>
    <row r="18" spans="2:24" ht="21" customHeight="1" x14ac:dyDescent="0.2">
      <c r="B18" s="256" t="s">
        <v>16</v>
      </c>
      <c r="C18" s="280">
        <v>0</v>
      </c>
      <c r="D18" s="280">
        <v>0</v>
      </c>
      <c r="E18" s="277">
        <v>0</v>
      </c>
      <c r="F18" s="279">
        <v>0</v>
      </c>
      <c r="G18" s="280">
        <v>46</v>
      </c>
      <c r="H18" s="280">
        <v>36</v>
      </c>
      <c r="I18" s="280">
        <v>65</v>
      </c>
      <c r="J18" s="280">
        <v>15</v>
      </c>
      <c r="K18" s="280">
        <v>16</v>
      </c>
      <c r="L18" s="277">
        <v>178</v>
      </c>
      <c r="M18" s="282">
        <v>178</v>
      </c>
      <c r="N18" s="280">
        <v>0</v>
      </c>
      <c r="O18" s="280">
        <v>0</v>
      </c>
      <c r="P18" s="277">
        <v>0</v>
      </c>
      <c r="Q18" s="279">
        <v>0</v>
      </c>
      <c r="R18" s="280">
        <v>0</v>
      </c>
      <c r="S18" s="280">
        <v>22</v>
      </c>
      <c r="T18" s="280">
        <v>0</v>
      </c>
      <c r="U18" s="280">
        <v>0</v>
      </c>
      <c r="V18" s="280">
        <v>0</v>
      </c>
      <c r="W18" s="277">
        <v>22</v>
      </c>
      <c r="X18" s="282">
        <v>22</v>
      </c>
    </row>
    <row r="19" spans="2:24" ht="21" customHeight="1" x14ac:dyDescent="0.2">
      <c r="B19" s="256" t="s">
        <v>17</v>
      </c>
      <c r="C19" s="280">
        <v>0</v>
      </c>
      <c r="D19" s="280">
        <v>0</v>
      </c>
      <c r="E19" s="277">
        <v>0</v>
      </c>
      <c r="F19" s="279">
        <v>0</v>
      </c>
      <c r="G19" s="280">
        <v>53</v>
      </c>
      <c r="H19" s="280">
        <v>100</v>
      </c>
      <c r="I19" s="280">
        <v>50</v>
      </c>
      <c r="J19" s="280">
        <v>24</v>
      </c>
      <c r="K19" s="280">
        <v>7</v>
      </c>
      <c r="L19" s="277">
        <v>234</v>
      </c>
      <c r="M19" s="282">
        <v>234</v>
      </c>
      <c r="N19" s="280">
        <v>0</v>
      </c>
      <c r="O19" s="280">
        <v>0</v>
      </c>
      <c r="P19" s="277">
        <v>0</v>
      </c>
      <c r="Q19" s="279">
        <v>0</v>
      </c>
      <c r="R19" s="280">
        <v>0</v>
      </c>
      <c r="S19" s="280">
        <v>0</v>
      </c>
      <c r="T19" s="280">
        <v>12</v>
      </c>
      <c r="U19" s="280">
        <v>0</v>
      </c>
      <c r="V19" s="280">
        <v>0</v>
      </c>
      <c r="W19" s="277">
        <v>12</v>
      </c>
      <c r="X19" s="282">
        <v>12</v>
      </c>
    </row>
    <row r="20" spans="2:24" ht="21" customHeight="1" x14ac:dyDescent="0.2">
      <c r="B20" s="256" t="s">
        <v>18</v>
      </c>
      <c r="C20" s="280">
        <v>0</v>
      </c>
      <c r="D20" s="280">
        <v>0</v>
      </c>
      <c r="E20" s="277">
        <v>0</v>
      </c>
      <c r="F20" s="279">
        <v>0</v>
      </c>
      <c r="G20" s="280">
        <v>162</v>
      </c>
      <c r="H20" s="280">
        <v>84</v>
      </c>
      <c r="I20" s="280">
        <v>79</v>
      </c>
      <c r="J20" s="280">
        <v>54</v>
      </c>
      <c r="K20" s="280">
        <v>0</v>
      </c>
      <c r="L20" s="277">
        <v>379</v>
      </c>
      <c r="M20" s="282">
        <v>379</v>
      </c>
      <c r="N20" s="280">
        <v>0</v>
      </c>
      <c r="O20" s="280">
        <v>0</v>
      </c>
      <c r="P20" s="277">
        <v>0</v>
      </c>
      <c r="Q20" s="279">
        <v>0</v>
      </c>
      <c r="R20" s="280">
        <v>9</v>
      </c>
      <c r="S20" s="280">
        <v>5</v>
      </c>
      <c r="T20" s="280">
        <v>25</v>
      </c>
      <c r="U20" s="280">
        <v>14</v>
      </c>
      <c r="V20" s="280">
        <v>0</v>
      </c>
      <c r="W20" s="277">
        <v>53</v>
      </c>
      <c r="X20" s="282">
        <v>53</v>
      </c>
    </row>
    <row r="21" spans="2:24" ht="21" customHeight="1" x14ac:dyDescent="0.2">
      <c r="B21" s="256" t="s">
        <v>19</v>
      </c>
      <c r="C21" s="280">
        <v>0</v>
      </c>
      <c r="D21" s="280">
        <v>0</v>
      </c>
      <c r="E21" s="277">
        <v>0</v>
      </c>
      <c r="F21" s="279">
        <v>0</v>
      </c>
      <c r="G21" s="280">
        <v>71</v>
      </c>
      <c r="H21" s="280">
        <v>32</v>
      </c>
      <c r="I21" s="280">
        <v>16</v>
      </c>
      <c r="J21" s="280">
        <v>24</v>
      </c>
      <c r="K21" s="280">
        <v>0</v>
      </c>
      <c r="L21" s="277">
        <v>143</v>
      </c>
      <c r="M21" s="282">
        <v>143</v>
      </c>
      <c r="N21" s="280">
        <v>0</v>
      </c>
      <c r="O21" s="280">
        <v>0</v>
      </c>
      <c r="P21" s="277">
        <v>0</v>
      </c>
      <c r="Q21" s="279">
        <v>0</v>
      </c>
      <c r="R21" s="280">
        <v>4</v>
      </c>
      <c r="S21" s="280">
        <v>21</v>
      </c>
      <c r="T21" s="280">
        <v>0</v>
      </c>
      <c r="U21" s="280">
        <v>0</v>
      </c>
      <c r="V21" s="280">
        <v>0</v>
      </c>
      <c r="W21" s="277">
        <v>25</v>
      </c>
      <c r="X21" s="282">
        <v>25</v>
      </c>
    </row>
    <row r="22" spans="2:24" ht="21" customHeight="1" x14ac:dyDescent="0.2">
      <c r="B22" s="256" t="s">
        <v>20</v>
      </c>
      <c r="C22" s="280">
        <v>0</v>
      </c>
      <c r="D22" s="280">
        <v>0</v>
      </c>
      <c r="E22" s="277">
        <v>0</v>
      </c>
      <c r="F22" s="279">
        <v>0</v>
      </c>
      <c r="G22" s="280">
        <v>26</v>
      </c>
      <c r="H22" s="280">
        <v>39</v>
      </c>
      <c r="I22" s="280">
        <v>0</v>
      </c>
      <c r="J22" s="280">
        <v>0</v>
      </c>
      <c r="K22" s="280">
        <v>0</v>
      </c>
      <c r="L22" s="277">
        <v>65</v>
      </c>
      <c r="M22" s="282">
        <v>65</v>
      </c>
      <c r="N22" s="280">
        <v>0</v>
      </c>
      <c r="O22" s="280">
        <v>0</v>
      </c>
      <c r="P22" s="277">
        <v>0</v>
      </c>
      <c r="Q22" s="279">
        <v>0</v>
      </c>
      <c r="R22" s="280">
        <v>2</v>
      </c>
      <c r="S22" s="280">
        <v>0</v>
      </c>
      <c r="T22" s="280">
        <v>0</v>
      </c>
      <c r="U22" s="280">
        <v>0</v>
      </c>
      <c r="V22" s="280">
        <v>12</v>
      </c>
      <c r="W22" s="277">
        <v>14</v>
      </c>
      <c r="X22" s="282">
        <v>14</v>
      </c>
    </row>
    <row r="23" spans="2:24" ht="21" customHeight="1" x14ac:dyDescent="0.2">
      <c r="B23" s="256" t="s">
        <v>21</v>
      </c>
      <c r="C23" s="280">
        <v>0</v>
      </c>
      <c r="D23" s="280">
        <v>0</v>
      </c>
      <c r="E23" s="277">
        <v>0</v>
      </c>
      <c r="F23" s="279">
        <v>0</v>
      </c>
      <c r="G23" s="280">
        <v>74</v>
      </c>
      <c r="H23" s="280">
        <v>33</v>
      </c>
      <c r="I23" s="280">
        <v>23</v>
      </c>
      <c r="J23" s="280">
        <v>16</v>
      </c>
      <c r="K23" s="280">
        <v>0</v>
      </c>
      <c r="L23" s="277">
        <v>146</v>
      </c>
      <c r="M23" s="282">
        <v>146</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51</v>
      </c>
      <c r="H24" s="280">
        <v>10</v>
      </c>
      <c r="I24" s="280">
        <v>0</v>
      </c>
      <c r="J24" s="280">
        <v>0</v>
      </c>
      <c r="K24" s="280">
        <v>0</v>
      </c>
      <c r="L24" s="277">
        <v>61</v>
      </c>
      <c r="M24" s="282">
        <v>61</v>
      </c>
      <c r="N24" s="280">
        <v>0</v>
      </c>
      <c r="O24" s="280">
        <v>0</v>
      </c>
      <c r="P24" s="277">
        <v>0</v>
      </c>
      <c r="Q24" s="279">
        <v>0</v>
      </c>
      <c r="R24" s="280">
        <v>0</v>
      </c>
      <c r="S24" s="280">
        <v>0</v>
      </c>
      <c r="T24" s="280">
        <v>8</v>
      </c>
      <c r="U24" s="280">
        <v>0</v>
      </c>
      <c r="V24" s="280">
        <v>0</v>
      </c>
      <c r="W24" s="277">
        <v>8</v>
      </c>
      <c r="X24" s="282">
        <v>8</v>
      </c>
    </row>
    <row r="25" spans="2:24" ht="21" customHeight="1" x14ac:dyDescent="0.2">
      <c r="B25" s="256" t="s">
        <v>23</v>
      </c>
      <c r="C25" s="280">
        <v>0</v>
      </c>
      <c r="D25" s="280">
        <v>0</v>
      </c>
      <c r="E25" s="277">
        <v>0</v>
      </c>
      <c r="F25" s="279">
        <v>0</v>
      </c>
      <c r="G25" s="280">
        <v>4</v>
      </c>
      <c r="H25" s="280">
        <v>14</v>
      </c>
      <c r="I25" s="280">
        <v>17</v>
      </c>
      <c r="J25" s="280">
        <v>0</v>
      </c>
      <c r="K25" s="280">
        <v>18</v>
      </c>
      <c r="L25" s="277">
        <v>53</v>
      </c>
      <c r="M25" s="282">
        <v>53</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3</v>
      </c>
      <c r="H26" s="280">
        <v>0</v>
      </c>
      <c r="I26" s="280">
        <v>0</v>
      </c>
      <c r="J26" s="280">
        <v>0</v>
      </c>
      <c r="K26" s="280">
        <v>0</v>
      </c>
      <c r="L26" s="277">
        <v>3</v>
      </c>
      <c r="M26" s="282">
        <v>3</v>
      </c>
      <c r="N26" s="280">
        <v>0</v>
      </c>
      <c r="O26" s="280">
        <v>0</v>
      </c>
      <c r="P26" s="277">
        <v>0</v>
      </c>
      <c r="Q26" s="279">
        <v>0</v>
      </c>
      <c r="R26" s="280">
        <v>0</v>
      </c>
      <c r="S26" s="280">
        <v>0</v>
      </c>
      <c r="T26" s="280">
        <v>8</v>
      </c>
      <c r="U26" s="280">
        <v>0</v>
      </c>
      <c r="V26" s="280">
        <v>10</v>
      </c>
      <c r="W26" s="277">
        <v>18</v>
      </c>
      <c r="X26" s="282">
        <v>18</v>
      </c>
    </row>
    <row r="27" spans="2:24" ht="21" customHeight="1" x14ac:dyDescent="0.2">
      <c r="B27" s="256" t="s">
        <v>25</v>
      </c>
      <c r="C27" s="280">
        <v>0</v>
      </c>
      <c r="D27" s="280">
        <v>0</v>
      </c>
      <c r="E27" s="277">
        <v>0</v>
      </c>
      <c r="F27" s="279">
        <v>0</v>
      </c>
      <c r="G27" s="280">
        <v>24</v>
      </c>
      <c r="H27" s="280">
        <v>4</v>
      </c>
      <c r="I27" s="280">
        <v>4</v>
      </c>
      <c r="J27" s="280">
        <v>0</v>
      </c>
      <c r="K27" s="280">
        <v>0</v>
      </c>
      <c r="L27" s="277">
        <v>32</v>
      </c>
      <c r="M27" s="282">
        <v>32</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12</v>
      </c>
      <c r="H28" s="280">
        <v>12</v>
      </c>
      <c r="I28" s="280">
        <v>3</v>
      </c>
      <c r="J28" s="280">
        <v>0</v>
      </c>
      <c r="K28" s="280">
        <v>0</v>
      </c>
      <c r="L28" s="277">
        <v>27</v>
      </c>
      <c r="M28" s="282">
        <v>27</v>
      </c>
      <c r="N28" s="280">
        <v>0</v>
      </c>
      <c r="O28" s="280">
        <v>0</v>
      </c>
      <c r="P28" s="277">
        <v>0</v>
      </c>
      <c r="Q28" s="279">
        <v>0</v>
      </c>
      <c r="R28" s="280">
        <v>0</v>
      </c>
      <c r="S28" s="280">
        <v>0</v>
      </c>
      <c r="T28" s="280">
        <v>0</v>
      </c>
      <c r="U28" s="280">
        <v>0</v>
      </c>
      <c r="V28" s="280">
        <v>0</v>
      </c>
      <c r="W28" s="277">
        <v>0</v>
      </c>
      <c r="X28" s="282">
        <v>0</v>
      </c>
    </row>
    <row r="29" spans="2:24" ht="21" customHeight="1" x14ac:dyDescent="0.2">
      <c r="B29" s="256" t="s">
        <v>27</v>
      </c>
      <c r="C29" s="280">
        <v>0</v>
      </c>
      <c r="D29" s="280">
        <v>0</v>
      </c>
      <c r="E29" s="277">
        <v>0</v>
      </c>
      <c r="F29" s="279">
        <v>0</v>
      </c>
      <c r="G29" s="280">
        <v>8</v>
      </c>
      <c r="H29" s="280">
        <v>7</v>
      </c>
      <c r="I29" s="280">
        <v>0</v>
      </c>
      <c r="J29" s="280">
        <v>0</v>
      </c>
      <c r="K29" s="280">
        <v>0</v>
      </c>
      <c r="L29" s="277">
        <v>15</v>
      </c>
      <c r="M29" s="282">
        <v>15</v>
      </c>
      <c r="N29" s="280">
        <v>0</v>
      </c>
      <c r="O29" s="280">
        <v>0</v>
      </c>
      <c r="P29" s="277">
        <v>0</v>
      </c>
      <c r="Q29" s="279">
        <v>0</v>
      </c>
      <c r="R29" s="280">
        <v>2</v>
      </c>
      <c r="S29" s="280">
        <v>0</v>
      </c>
      <c r="T29" s="280">
        <v>12</v>
      </c>
      <c r="U29" s="280">
        <v>0</v>
      </c>
      <c r="V29" s="280">
        <v>0</v>
      </c>
      <c r="W29" s="277">
        <v>14</v>
      </c>
      <c r="X29" s="282">
        <v>14</v>
      </c>
    </row>
    <row r="30" spans="2:24" ht="21" customHeight="1" x14ac:dyDescent="0.2">
      <c r="B30" s="256" t="s">
        <v>28</v>
      </c>
      <c r="C30" s="280">
        <v>0</v>
      </c>
      <c r="D30" s="280">
        <v>0</v>
      </c>
      <c r="E30" s="277">
        <v>0</v>
      </c>
      <c r="F30" s="279">
        <v>0</v>
      </c>
      <c r="G30" s="280">
        <v>33</v>
      </c>
      <c r="H30" s="280">
        <v>3</v>
      </c>
      <c r="I30" s="280">
        <v>0</v>
      </c>
      <c r="J30" s="280">
        <v>0</v>
      </c>
      <c r="K30" s="280">
        <v>0</v>
      </c>
      <c r="L30" s="277">
        <v>36</v>
      </c>
      <c r="M30" s="282">
        <v>36</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3</v>
      </c>
      <c r="H31" s="280">
        <v>0</v>
      </c>
      <c r="I31" s="280">
        <v>0</v>
      </c>
      <c r="J31" s="280">
        <v>0</v>
      </c>
      <c r="K31" s="280">
        <v>0</v>
      </c>
      <c r="L31" s="277">
        <v>3</v>
      </c>
      <c r="M31" s="282">
        <v>3</v>
      </c>
      <c r="N31" s="280">
        <v>0</v>
      </c>
      <c r="O31" s="280">
        <v>0</v>
      </c>
      <c r="P31" s="277">
        <v>0</v>
      </c>
      <c r="Q31" s="279">
        <v>0</v>
      </c>
      <c r="R31" s="280">
        <v>0</v>
      </c>
      <c r="S31" s="280">
        <v>0</v>
      </c>
      <c r="T31" s="280">
        <v>8</v>
      </c>
      <c r="U31" s="280">
        <v>0</v>
      </c>
      <c r="V31" s="280">
        <v>0</v>
      </c>
      <c r="W31" s="277">
        <v>8</v>
      </c>
      <c r="X31" s="282">
        <v>8</v>
      </c>
    </row>
    <row r="32" spans="2:24" ht="21" customHeight="1" x14ac:dyDescent="0.2">
      <c r="B32" s="256" t="s">
        <v>30</v>
      </c>
      <c r="C32" s="280">
        <v>0</v>
      </c>
      <c r="D32" s="280">
        <v>0</v>
      </c>
      <c r="E32" s="277">
        <v>0</v>
      </c>
      <c r="F32" s="279">
        <v>0</v>
      </c>
      <c r="G32" s="280">
        <v>11</v>
      </c>
      <c r="H32" s="280">
        <v>4</v>
      </c>
      <c r="I32" s="280">
        <v>0</v>
      </c>
      <c r="J32" s="280">
        <v>0</v>
      </c>
      <c r="K32" s="280">
        <v>0</v>
      </c>
      <c r="L32" s="277">
        <v>15</v>
      </c>
      <c r="M32" s="282">
        <v>15</v>
      </c>
      <c r="N32" s="280">
        <v>0</v>
      </c>
      <c r="O32" s="280">
        <v>0</v>
      </c>
      <c r="P32" s="277">
        <v>0</v>
      </c>
      <c r="Q32" s="279">
        <v>0</v>
      </c>
      <c r="R32" s="280">
        <v>0</v>
      </c>
      <c r="S32" s="280">
        <v>4</v>
      </c>
      <c r="T32" s="280">
        <v>0</v>
      </c>
      <c r="U32" s="280">
        <v>0</v>
      </c>
      <c r="V32" s="280">
        <v>0</v>
      </c>
      <c r="W32" s="277">
        <v>4</v>
      </c>
      <c r="X32" s="282">
        <v>4</v>
      </c>
    </row>
    <row r="33" spans="2:24" ht="21" customHeight="1" x14ac:dyDescent="0.2">
      <c r="B33" s="256" t="s">
        <v>31</v>
      </c>
      <c r="C33" s="280">
        <v>0</v>
      </c>
      <c r="D33" s="280">
        <v>0</v>
      </c>
      <c r="E33" s="277">
        <v>0</v>
      </c>
      <c r="F33" s="279">
        <v>0</v>
      </c>
      <c r="G33" s="280">
        <v>8</v>
      </c>
      <c r="H33" s="280">
        <v>4</v>
      </c>
      <c r="I33" s="280">
        <v>8</v>
      </c>
      <c r="J33" s="280">
        <v>0</v>
      </c>
      <c r="K33" s="280">
        <v>0</v>
      </c>
      <c r="L33" s="277">
        <v>20</v>
      </c>
      <c r="M33" s="282">
        <v>20</v>
      </c>
      <c r="N33" s="280">
        <v>0</v>
      </c>
      <c r="O33" s="280">
        <v>0</v>
      </c>
      <c r="P33" s="277">
        <v>0</v>
      </c>
      <c r="Q33" s="279">
        <v>0</v>
      </c>
      <c r="R33" s="280">
        <v>0</v>
      </c>
      <c r="S33" s="280">
        <v>0</v>
      </c>
      <c r="T33" s="280">
        <v>0</v>
      </c>
      <c r="U33" s="280">
        <v>0</v>
      </c>
      <c r="V33" s="280">
        <v>0</v>
      </c>
      <c r="W33" s="277">
        <v>0</v>
      </c>
      <c r="X33" s="282">
        <v>0</v>
      </c>
    </row>
    <row r="34" spans="2:24" ht="21" customHeight="1" x14ac:dyDescent="0.2">
      <c r="B34" s="256" t="s">
        <v>32</v>
      </c>
      <c r="C34" s="280">
        <v>0</v>
      </c>
      <c r="D34" s="280">
        <v>0</v>
      </c>
      <c r="E34" s="277">
        <v>0</v>
      </c>
      <c r="F34" s="279">
        <v>0</v>
      </c>
      <c r="G34" s="280">
        <v>0</v>
      </c>
      <c r="H34" s="280">
        <v>4</v>
      </c>
      <c r="I34" s="280">
        <v>3</v>
      </c>
      <c r="J34" s="280">
        <v>0</v>
      </c>
      <c r="K34" s="280">
        <v>0</v>
      </c>
      <c r="L34" s="277">
        <v>7</v>
      </c>
      <c r="M34" s="282">
        <v>7</v>
      </c>
      <c r="N34" s="280">
        <v>0</v>
      </c>
      <c r="O34" s="280">
        <v>0</v>
      </c>
      <c r="P34" s="277">
        <v>0</v>
      </c>
      <c r="Q34" s="279">
        <v>0</v>
      </c>
      <c r="R34" s="280">
        <v>12</v>
      </c>
      <c r="S34" s="280">
        <v>0</v>
      </c>
      <c r="T34" s="280">
        <v>0</v>
      </c>
      <c r="U34" s="280">
        <v>0</v>
      </c>
      <c r="V34" s="280">
        <v>0</v>
      </c>
      <c r="W34" s="277">
        <v>12</v>
      </c>
      <c r="X34" s="282">
        <v>12</v>
      </c>
    </row>
    <row r="35" spans="2:24" ht="21" customHeight="1" x14ac:dyDescent="0.2">
      <c r="B35" s="256" t="s">
        <v>33</v>
      </c>
      <c r="C35" s="280">
        <v>0</v>
      </c>
      <c r="D35" s="280">
        <v>0</v>
      </c>
      <c r="E35" s="277">
        <v>0</v>
      </c>
      <c r="F35" s="279">
        <v>0</v>
      </c>
      <c r="G35" s="280">
        <v>7</v>
      </c>
      <c r="H35" s="280">
        <v>0</v>
      </c>
      <c r="I35" s="280">
        <v>13</v>
      </c>
      <c r="J35" s="280">
        <v>0</v>
      </c>
      <c r="K35" s="280">
        <v>0</v>
      </c>
      <c r="L35" s="277">
        <v>20</v>
      </c>
      <c r="M35" s="282">
        <v>20</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0</v>
      </c>
      <c r="H36" s="280">
        <v>0</v>
      </c>
      <c r="I36" s="280">
        <v>0</v>
      </c>
      <c r="J36" s="280">
        <v>0</v>
      </c>
      <c r="K36" s="280">
        <v>0</v>
      </c>
      <c r="L36" s="277">
        <v>0</v>
      </c>
      <c r="M36" s="282">
        <v>0</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2</v>
      </c>
      <c r="H37" s="280">
        <v>0</v>
      </c>
      <c r="I37" s="280">
        <v>16</v>
      </c>
      <c r="J37" s="280">
        <v>0</v>
      </c>
      <c r="K37" s="280">
        <v>0</v>
      </c>
      <c r="L37" s="277">
        <v>18</v>
      </c>
      <c r="M37" s="282">
        <v>18</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8</v>
      </c>
      <c r="H38" s="280">
        <v>2</v>
      </c>
      <c r="I38" s="280">
        <v>0</v>
      </c>
      <c r="J38" s="280">
        <v>12</v>
      </c>
      <c r="K38" s="280">
        <v>0</v>
      </c>
      <c r="L38" s="277">
        <v>22</v>
      </c>
      <c r="M38" s="282">
        <v>22</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11</v>
      </c>
      <c r="L39" s="284">
        <v>11</v>
      </c>
      <c r="M39" s="289">
        <v>11</v>
      </c>
      <c r="N39" s="287">
        <v>0</v>
      </c>
      <c r="O39" s="287">
        <v>0</v>
      </c>
      <c r="P39" s="284">
        <v>0</v>
      </c>
      <c r="Q39" s="286">
        <v>0</v>
      </c>
      <c r="R39" s="287">
        <v>0</v>
      </c>
      <c r="S39" s="287">
        <v>0</v>
      </c>
      <c r="T39" s="287">
        <v>0</v>
      </c>
      <c r="U39" s="287">
        <v>0</v>
      </c>
      <c r="V39" s="287">
        <v>0</v>
      </c>
      <c r="W39" s="284">
        <v>0</v>
      </c>
      <c r="X39" s="289">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H1" s="524">
        <f>第１表!F2</f>
        <v>5</v>
      </c>
      <c r="I1" s="524"/>
      <c r="J1" s="248">
        <f>第１表!G2</f>
        <v>4</v>
      </c>
      <c r="K1" s="555">
        <f>IF(J1&lt;3,J1-2+12,J1-2)</f>
        <v>2</v>
      </c>
      <c r="L1" s="555"/>
    </row>
    <row r="2" spans="2:133" ht="24" customHeight="1" thickBot="1" x14ac:dyDescent="0.25"/>
    <row r="3" spans="2:133" ht="21" customHeight="1" thickBot="1" x14ac:dyDescent="0.25">
      <c r="B3" s="573"/>
      <c r="C3" s="576" t="s">
        <v>57</v>
      </c>
      <c r="D3" s="577"/>
      <c r="E3" s="577"/>
      <c r="F3" s="577"/>
      <c r="G3" s="577"/>
      <c r="H3" s="577"/>
      <c r="I3" s="577"/>
      <c r="J3" s="577"/>
      <c r="K3" s="577"/>
      <c r="L3" s="577"/>
      <c r="M3" s="577"/>
      <c r="N3" s="577"/>
      <c r="O3" s="577"/>
      <c r="P3" s="577"/>
      <c r="Q3" s="577"/>
      <c r="R3" s="577"/>
      <c r="S3" s="577"/>
      <c r="T3" s="577"/>
      <c r="U3" s="577"/>
      <c r="V3" s="577"/>
      <c r="W3" s="577"/>
      <c r="X3" s="577"/>
      <c r="Y3" s="577"/>
      <c r="Z3" s="577"/>
      <c r="AA3" s="577"/>
      <c r="AB3" s="577"/>
      <c r="AC3" s="577"/>
      <c r="AD3" s="577"/>
      <c r="AE3" s="577"/>
      <c r="AF3" s="578"/>
      <c r="AG3" s="576" t="s">
        <v>58</v>
      </c>
      <c r="AH3" s="579"/>
      <c r="AI3" s="579"/>
      <c r="AJ3" s="579"/>
      <c r="AK3" s="579"/>
      <c r="AL3" s="579"/>
      <c r="AM3" s="579"/>
      <c r="AN3" s="579"/>
      <c r="AO3" s="579"/>
      <c r="AP3" s="579"/>
      <c r="AQ3" s="579"/>
      <c r="AR3" s="579"/>
      <c r="AS3" s="579"/>
      <c r="AT3" s="579"/>
      <c r="AU3" s="579"/>
      <c r="AV3" s="579"/>
      <c r="AW3" s="579"/>
      <c r="AX3" s="579"/>
      <c r="AY3" s="579"/>
      <c r="AZ3" s="579"/>
      <c r="BA3" s="579"/>
      <c r="BB3" s="579"/>
      <c r="BC3" s="579"/>
      <c r="BD3" s="579"/>
      <c r="BE3" s="579"/>
      <c r="BF3" s="579"/>
      <c r="BG3" s="579"/>
      <c r="BH3" s="579"/>
      <c r="BI3" s="579"/>
      <c r="BJ3" s="580"/>
      <c r="BK3" s="576" t="s">
        <v>59</v>
      </c>
      <c r="BL3" s="577"/>
      <c r="BM3" s="577"/>
      <c r="BN3" s="577"/>
      <c r="BO3" s="577"/>
      <c r="BP3" s="577"/>
      <c r="BQ3" s="577"/>
      <c r="BR3" s="577"/>
      <c r="BS3" s="577"/>
      <c r="BT3" s="577"/>
      <c r="BU3" s="577"/>
      <c r="BV3" s="577"/>
      <c r="BW3" s="577"/>
      <c r="BX3" s="577"/>
      <c r="BY3" s="577"/>
      <c r="BZ3" s="577"/>
      <c r="CA3" s="577"/>
      <c r="CB3" s="577"/>
      <c r="CC3" s="577"/>
      <c r="CD3" s="577"/>
      <c r="CE3" s="577"/>
      <c r="CF3" s="577"/>
      <c r="CG3" s="577"/>
      <c r="CH3" s="577"/>
      <c r="CI3" s="577"/>
      <c r="CJ3" s="577"/>
      <c r="CK3" s="577"/>
      <c r="CL3" s="577"/>
      <c r="CM3" s="577"/>
      <c r="CN3" s="578"/>
      <c r="CO3" s="605" t="s">
        <v>151</v>
      </c>
      <c r="CP3" s="577"/>
      <c r="CQ3" s="577"/>
      <c r="CR3" s="577"/>
      <c r="CS3" s="577"/>
      <c r="CT3" s="577"/>
      <c r="CU3" s="577"/>
      <c r="CV3" s="577"/>
      <c r="CW3" s="577"/>
      <c r="CX3" s="577"/>
      <c r="CY3" s="577"/>
      <c r="CZ3" s="577"/>
      <c r="DA3" s="577"/>
      <c r="DB3" s="577"/>
      <c r="DC3" s="577"/>
      <c r="DD3" s="577"/>
      <c r="DE3" s="577"/>
      <c r="DF3" s="577"/>
      <c r="DG3" s="577"/>
      <c r="DH3" s="577"/>
      <c r="DI3" s="577"/>
      <c r="DJ3" s="577"/>
      <c r="DK3" s="577"/>
      <c r="DL3" s="577"/>
      <c r="DM3" s="577"/>
      <c r="DN3" s="577"/>
      <c r="DO3" s="577"/>
      <c r="DP3" s="577"/>
      <c r="DQ3" s="577"/>
      <c r="DR3" s="578"/>
      <c r="DS3" s="599" t="s">
        <v>60</v>
      </c>
      <c r="DT3" s="504"/>
      <c r="DU3" s="504"/>
      <c r="DV3" s="504"/>
      <c r="DW3" s="504"/>
      <c r="DX3" s="504"/>
      <c r="DY3" s="504"/>
      <c r="DZ3" s="504"/>
      <c r="EA3" s="504"/>
      <c r="EB3" s="505"/>
    </row>
    <row r="4" spans="2:133" ht="21" customHeight="1" thickBot="1" x14ac:dyDescent="0.25">
      <c r="B4" s="574"/>
      <c r="C4" s="600"/>
      <c r="D4" s="593"/>
      <c r="E4" s="593"/>
      <c r="F4" s="593"/>
      <c r="G4" s="593"/>
      <c r="H4" s="593"/>
      <c r="I4" s="593"/>
      <c r="J4" s="593"/>
      <c r="K4" s="593"/>
      <c r="L4" s="593"/>
      <c r="M4" s="602" t="s">
        <v>39</v>
      </c>
      <c r="N4" s="603"/>
      <c r="O4" s="603"/>
      <c r="P4" s="603"/>
      <c r="Q4" s="603"/>
      <c r="R4" s="603"/>
      <c r="S4" s="603"/>
      <c r="T4" s="603"/>
      <c r="U4" s="603"/>
      <c r="V4" s="604"/>
      <c r="W4" s="602" t="s">
        <v>40</v>
      </c>
      <c r="X4" s="603"/>
      <c r="Y4" s="603"/>
      <c r="Z4" s="603"/>
      <c r="AA4" s="603"/>
      <c r="AB4" s="603"/>
      <c r="AC4" s="603"/>
      <c r="AD4" s="603"/>
      <c r="AE4" s="603"/>
      <c r="AF4" s="604"/>
      <c r="AG4" s="600"/>
      <c r="AH4" s="593"/>
      <c r="AI4" s="593"/>
      <c r="AJ4" s="593"/>
      <c r="AK4" s="593"/>
      <c r="AL4" s="593"/>
      <c r="AM4" s="593"/>
      <c r="AN4" s="593"/>
      <c r="AO4" s="593"/>
      <c r="AP4" s="593"/>
      <c r="AQ4" s="602" t="s">
        <v>39</v>
      </c>
      <c r="AR4" s="603"/>
      <c r="AS4" s="603"/>
      <c r="AT4" s="603"/>
      <c r="AU4" s="603"/>
      <c r="AV4" s="603"/>
      <c r="AW4" s="603"/>
      <c r="AX4" s="603"/>
      <c r="AY4" s="603"/>
      <c r="AZ4" s="604"/>
      <c r="BA4" s="602" t="s">
        <v>40</v>
      </c>
      <c r="BB4" s="603"/>
      <c r="BC4" s="603"/>
      <c r="BD4" s="603"/>
      <c r="BE4" s="603"/>
      <c r="BF4" s="603"/>
      <c r="BG4" s="603"/>
      <c r="BH4" s="603"/>
      <c r="BI4" s="603"/>
      <c r="BJ4" s="604"/>
      <c r="BK4" s="600"/>
      <c r="BL4" s="593"/>
      <c r="BM4" s="593"/>
      <c r="BN4" s="593"/>
      <c r="BO4" s="593"/>
      <c r="BP4" s="593"/>
      <c r="BQ4" s="593"/>
      <c r="BR4" s="593"/>
      <c r="BS4" s="593"/>
      <c r="BT4" s="593"/>
      <c r="BU4" s="602" t="s">
        <v>39</v>
      </c>
      <c r="BV4" s="603"/>
      <c r="BW4" s="603"/>
      <c r="BX4" s="603"/>
      <c r="BY4" s="603"/>
      <c r="BZ4" s="603"/>
      <c r="CA4" s="603"/>
      <c r="CB4" s="603"/>
      <c r="CC4" s="603"/>
      <c r="CD4" s="604"/>
      <c r="CE4" s="602" t="s">
        <v>40</v>
      </c>
      <c r="CF4" s="603"/>
      <c r="CG4" s="603"/>
      <c r="CH4" s="603"/>
      <c r="CI4" s="603"/>
      <c r="CJ4" s="603"/>
      <c r="CK4" s="603"/>
      <c r="CL4" s="603"/>
      <c r="CM4" s="603"/>
      <c r="CN4" s="604"/>
      <c r="CO4" s="600"/>
      <c r="CP4" s="593"/>
      <c r="CQ4" s="593"/>
      <c r="CR4" s="593"/>
      <c r="CS4" s="593"/>
      <c r="CT4" s="593"/>
      <c r="CU4" s="593"/>
      <c r="CV4" s="593"/>
      <c r="CW4" s="593"/>
      <c r="CX4" s="593"/>
      <c r="CY4" s="602" t="s">
        <v>39</v>
      </c>
      <c r="CZ4" s="603"/>
      <c r="DA4" s="603"/>
      <c r="DB4" s="603"/>
      <c r="DC4" s="603"/>
      <c r="DD4" s="603"/>
      <c r="DE4" s="603"/>
      <c r="DF4" s="603"/>
      <c r="DG4" s="603"/>
      <c r="DH4" s="604"/>
      <c r="DI4" s="602" t="s">
        <v>40</v>
      </c>
      <c r="DJ4" s="603"/>
      <c r="DK4" s="603"/>
      <c r="DL4" s="603"/>
      <c r="DM4" s="603"/>
      <c r="DN4" s="603"/>
      <c r="DO4" s="603"/>
      <c r="DP4" s="603"/>
      <c r="DQ4" s="603"/>
      <c r="DR4" s="604"/>
      <c r="DS4" s="600"/>
      <c r="DT4" s="593"/>
      <c r="DU4" s="593"/>
      <c r="DV4" s="593"/>
      <c r="DW4" s="593"/>
      <c r="DX4" s="593"/>
      <c r="DY4" s="593"/>
      <c r="DZ4" s="593"/>
      <c r="EA4" s="593"/>
      <c r="EB4" s="601"/>
    </row>
    <row r="5" spans="2:133" ht="21" customHeight="1" x14ac:dyDescent="0.2">
      <c r="B5" s="575"/>
      <c r="C5" s="581" t="s">
        <v>61</v>
      </c>
      <c r="D5" s="582"/>
      <c r="E5" s="583"/>
      <c r="F5" s="584" t="s">
        <v>62</v>
      </c>
      <c r="G5" s="585"/>
      <c r="H5" s="585"/>
      <c r="I5" s="585"/>
      <c r="J5" s="585"/>
      <c r="K5" s="586"/>
      <c r="L5" s="597" t="s">
        <v>52</v>
      </c>
      <c r="M5" s="589" t="s">
        <v>61</v>
      </c>
      <c r="N5" s="590"/>
      <c r="O5" s="591"/>
      <c r="P5" s="592" t="s">
        <v>62</v>
      </c>
      <c r="Q5" s="593"/>
      <c r="R5" s="593"/>
      <c r="S5" s="593"/>
      <c r="T5" s="593"/>
      <c r="U5" s="594"/>
      <c r="V5" s="598" t="s">
        <v>52</v>
      </c>
      <c r="W5" s="606" t="s">
        <v>61</v>
      </c>
      <c r="X5" s="590"/>
      <c r="Y5" s="591"/>
      <c r="Z5" s="592" t="s">
        <v>62</v>
      </c>
      <c r="AA5" s="593"/>
      <c r="AB5" s="593"/>
      <c r="AC5" s="593"/>
      <c r="AD5" s="593"/>
      <c r="AE5" s="594"/>
      <c r="AF5" s="598" t="s">
        <v>52</v>
      </c>
      <c r="AG5" s="581" t="s">
        <v>61</v>
      </c>
      <c r="AH5" s="582"/>
      <c r="AI5" s="583"/>
      <c r="AJ5" s="584" t="s">
        <v>62</v>
      </c>
      <c r="AK5" s="585"/>
      <c r="AL5" s="585"/>
      <c r="AM5" s="585"/>
      <c r="AN5" s="585"/>
      <c r="AO5" s="586"/>
      <c r="AP5" s="587" t="s">
        <v>52</v>
      </c>
      <c r="AQ5" s="589" t="s">
        <v>61</v>
      </c>
      <c r="AR5" s="590"/>
      <c r="AS5" s="591"/>
      <c r="AT5" s="592" t="s">
        <v>62</v>
      </c>
      <c r="AU5" s="593"/>
      <c r="AV5" s="593"/>
      <c r="AW5" s="593"/>
      <c r="AX5" s="593"/>
      <c r="AY5" s="594"/>
      <c r="AZ5" s="595" t="s">
        <v>52</v>
      </c>
      <c r="BA5" s="589" t="s">
        <v>61</v>
      </c>
      <c r="BB5" s="590"/>
      <c r="BC5" s="591"/>
      <c r="BD5" s="592" t="s">
        <v>62</v>
      </c>
      <c r="BE5" s="593"/>
      <c r="BF5" s="593"/>
      <c r="BG5" s="593"/>
      <c r="BH5" s="593"/>
      <c r="BI5" s="594"/>
      <c r="BJ5" s="598" t="s">
        <v>52</v>
      </c>
      <c r="BK5" s="581" t="s">
        <v>61</v>
      </c>
      <c r="BL5" s="582"/>
      <c r="BM5" s="583"/>
      <c r="BN5" s="584" t="s">
        <v>62</v>
      </c>
      <c r="BO5" s="585"/>
      <c r="BP5" s="585"/>
      <c r="BQ5" s="585"/>
      <c r="BR5" s="585"/>
      <c r="BS5" s="586"/>
      <c r="BT5" s="597" t="s">
        <v>52</v>
      </c>
      <c r="BU5" s="589" t="s">
        <v>61</v>
      </c>
      <c r="BV5" s="590"/>
      <c r="BW5" s="591"/>
      <c r="BX5" s="592" t="s">
        <v>62</v>
      </c>
      <c r="BY5" s="593"/>
      <c r="BZ5" s="593"/>
      <c r="CA5" s="593"/>
      <c r="CB5" s="593"/>
      <c r="CC5" s="594"/>
      <c r="CD5" s="598" t="s">
        <v>52</v>
      </c>
      <c r="CE5" s="606" t="s">
        <v>61</v>
      </c>
      <c r="CF5" s="590"/>
      <c r="CG5" s="591"/>
      <c r="CH5" s="592" t="s">
        <v>62</v>
      </c>
      <c r="CI5" s="593"/>
      <c r="CJ5" s="593"/>
      <c r="CK5" s="593"/>
      <c r="CL5" s="593"/>
      <c r="CM5" s="594"/>
      <c r="CN5" s="598" t="s">
        <v>52</v>
      </c>
      <c r="CO5" s="581" t="s">
        <v>61</v>
      </c>
      <c r="CP5" s="582"/>
      <c r="CQ5" s="583"/>
      <c r="CR5" s="584" t="s">
        <v>62</v>
      </c>
      <c r="CS5" s="585"/>
      <c r="CT5" s="585"/>
      <c r="CU5" s="585"/>
      <c r="CV5" s="585"/>
      <c r="CW5" s="586"/>
      <c r="CX5" s="597" t="s">
        <v>52</v>
      </c>
      <c r="CY5" s="589" t="s">
        <v>61</v>
      </c>
      <c r="CZ5" s="590"/>
      <c r="DA5" s="591"/>
      <c r="DB5" s="592" t="s">
        <v>62</v>
      </c>
      <c r="DC5" s="593"/>
      <c r="DD5" s="593"/>
      <c r="DE5" s="593"/>
      <c r="DF5" s="593"/>
      <c r="DG5" s="594"/>
      <c r="DH5" s="598" t="s">
        <v>52</v>
      </c>
      <c r="DI5" s="606" t="s">
        <v>61</v>
      </c>
      <c r="DJ5" s="590"/>
      <c r="DK5" s="591"/>
      <c r="DL5" s="592" t="s">
        <v>62</v>
      </c>
      <c r="DM5" s="593"/>
      <c r="DN5" s="593"/>
      <c r="DO5" s="593"/>
      <c r="DP5" s="593"/>
      <c r="DQ5" s="594"/>
      <c r="DR5" s="598" t="s">
        <v>52</v>
      </c>
      <c r="DS5" s="581" t="s">
        <v>61</v>
      </c>
      <c r="DT5" s="582"/>
      <c r="DU5" s="583"/>
      <c r="DV5" s="584" t="s">
        <v>62</v>
      </c>
      <c r="DW5" s="585"/>
      <c r="DX5" s="585"/>
      <c r="DY5" s="585"/>
      <c r="DZ5" s="585"/>
      <c r="EA5" s="586"/>
      <c r="EB5" s="587" t="s">
        <v>52</v>
      </c>
    </row>
    <row r="6" spans="2:133" ht="30" customHeight="1" thickBot="1" x14ac:dyDescent="0.25">
      <c r="B6" s="313" t="s">
        <v>42</v>
      </c>
      <c r="C6" s="31" t="s">
        <v>43</v>
      </c>
      <c r="D6" s="32" t="s">
        <v>44</v>
      </c>
      <c r="E6" s="32" t="s">
        <v>45</v>
      </c>
      <c r="F6" s="33" t="s">
        <v>47</v>
      </c>
      <c r="G6" s="34" t="s">
        <v>48</v>
      </c>
      <c r="H6" s="34" t="s">
        <v>49</v>
      </c>
      <c r="I6" s="35" t="s">
        <v>50</v>
      </c>
      <c r="J6" s="32" t="s">
        <v>51</v>
      </c>
      <c r="K6" s="36" t="s">
        <v>95</v>
      </c>
      <c r="L6" s="596"/>
      <c r="M6" s="31" t="s">
        <v>43</v>
      </c>
      <c r="N6" s="32" t="s">
        <v>44</v>
      </c>
      <c r="O6" s="36" t="s">
        <v>45</v>
      </c>
      <c r="P6" s="33" t="s">
        <v>47</v>
      </c>
      <c r="Q6" s="34" t="s">
        <v>48</v>
      </c>
      <c r="R6" s="34" t="s">
        <v>49</v>
      </c>
      <c r="S6" s="35" t="s">
        <v>50</v>
      </c>
      <c r="T6" s="32" t="s">
        <v>51</v>
      </c>
      <c r="U6" s="36" t="s">
        <v>45</v>
      </c>
      <c r="V6" s="588"/>
      <c r="W6" s="15" t="s">
        <v>43</v>
      </c>
      <c r="X6" s="32" t="s">
        <v>44</v>
      </c>
      <c r="Y6" s="36" t="s">
        <v>45</v>
      </c>
      <c r="Z6" s="15" t="s">
        <v>47</v>
      </c>
      <c r="AA6" s="34" t="s">
        <v>48</v>
      </c>
      <c r="AB6" s="34" t="s">
        <v>49</v>
      </c>
      <c r="AC6" s="35" t="s">
        <v>50</v>
      </c>
      <c r="AD6" s="32" t="s">
        <v>51</v>
      </c>
      <c r="AE6" s="36" t="s">
        <v>45</v>
      </c>
      <c r="AF6" s="588"/>
      <c r="AG6" s="31" t="s">
        <v>43</v>
      </c>
      <c r="AH6" s="32" t="s">
        <v>44</v>
      </c>
      <c r="AI6" s="36" t="s">
        <v>45</v>
      </c>
      <c r="AJ6" s="15" t="s">
        <v>47</v>
      </c>
      <c r="AK6" s="34" t="s">
        <v>48</v>
      </c>
      <c r="AL6" s="34" t="s">
        <v>49</v>
      </c>
      <c r="AM6" s="35" t="s">
        <v>50</v>
      </c>
      <c r="AN6" s="32" t="s">
        <v>51</v>
      </c>
      <c r="AO6" s="36" t="s">
        <v>45</v>
      </c>
      <c r="AP6" s="588"/>
      <c r="AQ6" s="31" t="s">
        <v>43</v>
      </c>
      <c r="AR6" s="32" t="s">
        <v>44</v>
      </c>
      <c r="AS6" s="36" t="s">
        <v>45</v>
      </c>
      <c r="AT6" s="33" t="s">
        <v>47</v>
      </c>
      <c r="AU6" s="34" t="s">
        <v>48</v>
      </c>
      <c r="AV6" s="34" t="s">
        <v>49</v>
      </c>
      <c r="AW6" s="35" t="s">
        <v>50</v>
      </c>
      <c r="AX6" s="32" t="s">
        <v>51</v>
      </c>
      <c r="AY6" s="36" t="s">
        <v>45</v>
      </c>
      <c r="AZ6" s="596"/>
      <c r="BA6" s="31" t="s">
        <v>43</v>
      </c>
      <c r="BB6" s="32" t="s">
        <v>44</v>
      </c>
      <c r="BC6" s="32" t="s">
        <v>45</v>
      </c>
      <c r="BD6" s="33" t="s">
        <v>47</v>
      </c>
      <c r="BE6" s="34" t="s">
        <v>48</v>
      </c>
      <c r="BF6" s="34" t="s">
        <v>49</v>
      </c>
      <c r="BG6" s="35" t="s">
        <v>50</v>
      </c>
      <c r="BH6" s="32" t="s">
        <v>51</v>
      </c>
      <c r="BI6" s="36" t="s">
        <v>45</v>
      </c>
      <c r="BJ6" s="588"/>
      <c r="BK6" s="31" t="s">
        <v>43</v>
      </c>
      <c r="BL6" s="32" t="s">
        <v>44</v>
      </c>
      <c r="BM6" s="32" t="s">
        <v>45</v>
      </c>
      <c r="BN6" s="33" t="s">
        <v>47</v>
      </c>
      <c r="BO6" s="34" t="s">
        <v>48</v>
      </c>
      <c r="BP6" s="34" t="s">
        <v>49</v>
      </c>
      <c r="BQ6" s="35" t="s">
        <v>50</v>
      </c>
      <c r="BR6" s="32" t="s">
        <v>51</v>
      </c>
      <c r="BS6" s="36" t="s">
        <v>45</v>
      </c>
      <c r="BT6" s="596"/>
      <c r="BU6" s="31" t="s">
        <v>43</v>
      </c>
      <c r="BV6" s="32" t="s">
        <v>44</v>
      </c>
      <c r="BW6" s="32" t="s">
        <v>45</v>
      </c>
      <c r="BX6" s="33" t="s">
        <v>47</v>
      </c>
      <c r="BY6" s="34" t="s">
        <v>48</v>
      </c>
      <c r="BZ6" s="34" t="s">
        <v>49</v>
      </c>
      <c r="CA6" s="35" t="s">
        <v>50</v>
      </c>
      <c r="CB6" s="32" t="s">
        <v>51</v>
      </c>
      <c r="CC6" s="36" t="s">
        <v>45</v>
      </c>
      <c r="CD6" s="588"/>
      <c r="CE6" s="15" t="s">
        <v>43</v>
      </c>
      <c r="CF6" s="32" t="s">
        <v>44</v>
      </c>
      <c r="CG6" s="32" t="s">
        <v>45</v>
      </c>
      <c r="CH6" s="33" t="s">
        <v>47</v>
      </c>
      <c r="CI6" s="34" t="s">
        <v>48</v>
      </c>
      <c r="CJ6" s="34" t="s">
        <v>49</v>
      </c>
      <c r="CK6" s="35" t="s">
        <v>50</v>
      </c>
      <c r="CL6" s="32" t="s">
        <v>51</v>
      </c>
      <c r="CM6" s="36" t="s">
        <v>45</v>
      </c>
      <c r="CN6" s="588"/>
      <c r="CO6" s="31" t="s">
        <v>43</v>
      </c>
      <c r="CP6" s="32" t="s">
        <v>44</v>
      </c>
      <c r="CQ6" s="32" t="s">
        <v>45</v>
      </c>
      <c r="CR6" s="33" t="s">
        <v>47</v>
      </c>
      <c r="CS6" s="34" t="s">
        <v>48</v>
      </c>
      <c r="CT6" s="34" t="s">
        <v>49</v>
      </c>
      <c r="CU6" s="35" t="s">
        <v>50</v>
      </c>
      <c r="CV6" s="32" t="s">
        <v>51</v>
      </c>
      <c r="CW6" s="36" t="s">
        <v>45</v>
      </c>
      <c r="CX6" s="596"/>
      <c r="CY6" s="31" t="s">
        <v>43</v>
      </c>
      <c r="CZ6" s="32" t="s">
        <v>44</v>
      </c>
      <c r="DA6" s="32" t="s">
        <v>45</v>
      </c>
      <c r="DB6" s="33" t="s">
        <v>47</v>
      </c>
      <c r="DC6" s="34" t="s">
        <v>48</v>
      </c>
      <c r="DD6" s="34" t="s">
        <v>49</v>
      </c>
      <c r="DE6" s="35" t="s">
        <v>50</v>
      </c>
      <c r="DF6" s="32" t="s">
        <v>51</v>
      </c>
      <c r="DG6" s="36" t="s">
        <v>45</v>
      </c>
      <c r="DH6" s="588"/>
      <c r="DI6" s="15" t="s">
        <v>43</v>
      </c>
      <c r="DJ6" s="32" t="s">
        <v>44</v>
      </c>
      <c r="DK6" s="32" t="s">
        <v>45</v>
      </c>
      <c r="DL6" s="33" t="s">
        <v>47</v>
      </c>
      <c r="DM6" s="34" t="s">
        <v>48</v>
      </c>
      <c r="DN6" s="34" t="s">
        <v>49</v>
      </c>
      <c r="DO6" s="35" t="s">
        <v>50</v>
      </c>
      <c r="DP6" s="32" t="s">
        <v>51</v>
      </c>
      <c r="DQ6" s="36" t="s">
        <v>45</v>
      </c>
      <c r="DR6" s="588"/>
      <c r="DS6" s="31" t="s">
        <v>43</v>
      </c>
      <c r="DT6" s="32" t="s">
        <v>44</v>
      </c>
      <c r="DU6" s="32" t="s">
        <v>45</v>
      </c>
      <c r="DV6" s="33" t="s">
        <v>47</v>
      </c>
      <c r="DW6" s="34" t="s">
        <v>48</v>
      </c>
      <c r="DX6" s="34" t="s">
        <v>49</v>
      </c>
      <c r="DY6" s="35" t="s">
        <v>50</v>
      </c>
      <c r="DZ6" s="32" t="s">
        <v>51</v>
      </c>
      <c r="EA6" s="36" t="s">
        <v>45</v>
      </c>
      <c r="EB6" s="588"/>
    </row>
    <row r="7" spans="2:133" ht="21" customHeight="1" x14ac:dyDescent="0.2">
      <c r="B7" s="312" t="s">
        <v>4</v>
      </c>
      <c r="C7" s="185">
        <v>0</v>
      </c>
      <c r="D7" s="186">
        <v>0</v>
      </c>
      <c r="E7" s="186">
        <v>0</v>
      </c>
      <c r="F7" s="187">
        <v>440</v>
      </c>
      <c r="G7" s="188">
        <v>1446</v>
      </c>
      <c r="H7" s="188">
        <v>9725</v>
      </c>
      <c r="I7" s="188">
        <v>14514</v>
      </c>
      <c r="J7" s="186">
        <v>10194</v>
      </c>
      <c r="K7" s="189">
        <v>36319</v>
      </c>
      <c r="L7" s="190">
        <v>36319</v>
      </c>
      <c r="M7" s="185">
        <v>0</v>
      </c>
      <c r="N7" s="186">
        <v>0</v>
      </c>
      <c r="O7" s="189">
        <v>0</v>
      </c>
      <c r="P7" s="187">
        <v>435</v>
      </c>
      <c r="Q7" s="188">
        <v>1435</v>
      </c>
      <c r="R7" s="188">
        <v>9660</v>
      </c>
      <c r="S7" s="188">
        <v>14385</v>
      </c>
      <c r="T7" s="186">
        <v>10044</v>
      </c>
      <c r="U7" s="189">
        <v>35959</v>
      </c>
      <c r="V7" s="191">
        <v>35959</v>
      </c>
      <c r="W7" s="192">
        <v>0</v>
      </c>
      <c r="X7" s="186">
        <v>0</v>
      </c>
      <c r="Y7" s="189">
        <v>0</v>
      </c>
      <c r="Z7" s="192">
        <v>5</v>
      </c>
      <c r="AA7" s="188">
        <v>11</v>
      </c>
      <c r="AB7" s="188">
        <v>65</v>
      </c>
      <c r="AC7" s="188">
        <v>129</v>
      </c>
      <c r="AD7" s="186">
        <v>150</v>
      </c>
      <c r="AE7" s="189">
        <v>360</v>
      </c>
      <c r="AF7" s="193">
        <v>360</v>
      </c>
      <c r="AG7" s="192">
        <v>0</v>
      </c>
      <c r="AH7" s="186">
        <v>0</v>
      </c>
      <c r="AI7" s="189">
        <v>0</v>
      </c>
      <c r="AJ7" s="192">
        <v>1649</v>
      </c>
      <c r="AK7" s="188">
        <v>3402</v>
      </c>
      <c r="AL7" s="188">
        <v>4681</v>
      </c>
      <c r="AM7" s="188">
        <v>5561</v>
      </c>
      <c r="AN7" s="186">
        <v>2919</v>
      </c>
      <c r="AO7" s="189">
        <v>18212</v>
      </c>
      <c r="AP7" s="193">
        <v>18212</v>
      </c>
      <c r="AQ7" s="192">
        <v>0</v>
      </c>
      <c r="AR7" s="186">
        <v>0</v>
      </c>
      <c r="AS7" s="189">
        <v>0</v>
      </c>
      <c r="AT7" s="187">
        <v>1627</v>
      </c>
      <c r="AU7" s="188">
        <v>3364</v>
      </c>
      <c r="AV7" s="188">
        <v>4598</v>
      </c>
      <c r="AW7" s="188">
        <v>5452</v>
      </c>
      <c r="AX7" s="186">
        <v>2842</v>
      </c>
      <c r="AY7" s="189">
        <v>17883</v>
      </c>
      <c r="AZ7" s="190">
        <v>17883</v>
      </c>
      <c r="BA7" s="185">
        <v>0</v>
      </c>
      <c r="BB7" s="186">
        <v>0</v>
      </c>
      <c r="BC7" s="186">
        <v>0</v>
      </c>
      <c r="BD7" s="187">
        <v>22</v>
      </c>
      <c r="BE7" s="188">
        <v>38</v>
      </c>
      <c r="BF7" s="188">
        <v>83</v>
      </c>
      <c r="BG7" s="188">
        <v>109</v>
      </c>
      <c r="BH7" s="186">
        <v>77</v>
      </c>
      <c r="BI7" s="189">
        <v>329</v>
      </c>
      <c r="BJ7" s="191">
        <v>329</v>
      </c>
      <c r="BK7" s="192">
        <v>0</v>
      </c>
      <c r="BL7" s="186">
        <v>0</v>
      </c>
      <c r="BM7" s="186">
        <v>0</v>
      </c>
      <c r="BN7" s="187">
        <v>0</v>
      </c>
      <c r="BO7" s="188">
        <v>1</v>
      </c>
      <c r="BP7" s="188">
        <v>11</v>
      </c>
      <c r="BQ7" s="188">
        <v>139</v>
      </c>
      <c r="BR7" s="186">
        <v>192</v>
      </c>
      <c r="BS7" s="189">
        <v>343</v>
      </c>
      <c r="BT7" s="190">
        <v>343</v>
      </c>
      <c r="BU7" s="185">
        <v>0</v>
      </c>
      <c r="BV7" s="186">
        <v>0</v>
      </c>
      <c r="BW7" s="186">
        <v>0</v>
      </c>
      <c r="BX7" s="187">
        <v>0</v>
      </c>
      <c r="BY7" s="188">
        <v>1</v>
      </c>
      <c r="BZ7" s="188">
        <v>11</v>
      </c>
      <c r="CA7" s="188">
        <v>138</v>
      </c>
      <c r="CB7" s="186">
        <v>190</v>
      </c>
      <c r="CC7" s="189">
        <v>340</v>
      </c>
      <c r="CD7" s="191">
        <v>340</v>
      </c>
      <c r="CE7" s="192">
        <v>0</v>
      </c>
      <c r="CF7" s="186">
        <v>0</v>
      </c>
      <c r="CG7" s="186">
        <v>0</v>
      </c>
      <c r="CH7" s="187">
        <v>0</v>
      </c>
      <c r="CI7" s="188">
        <v>0</v>
      </c>
      <c r="CJ7" s="188">
        <v>0</v>
      </c>
      <c r="CK7" s="188">
        <v>1</v>
      </c>
      <c r="CL7" s="186">
        <v>2</v>
      </c>
      <c r="CM7" s="189">
        <v>3</v>
      </c>
      <c r="CN7" s="191">
        <v>3</v>
      </c>
      <c r="CO7" s="192">
        <v>0</v>
      </c>
      <c r="CP7" s="186">
        <v>0</v>
      </c>
      <c r="CQ7" s="186">
        <v>0</v>
      </c>
      <c r="CR7" s="187">
        <v>13</v>
      </c>
      <c r="CS7" s="188">
        <v>28</v>
      </c>
      <c r="CT7" s="188">
        <v>59</v>
      </c>
      <c r="CU7" s="188">
        <v>310</v>
      </c>
      <c r="CV7" s="186">
        <v>444</v>
      </c>
      <c r="CW7" s="189">
        <v>854</v>
      </c>
      <c r="CX7" s="190">
        <v>854</v>
      </c>
      <c r="CY7" s="185">
        <v>0</v>
      </c>
      <c r="CZ7" s="186">
        <v>0</v>
      </c>
      <c r="DA7" s="186">
        <v>0</v>
      </c>
      <c r="DB7" s="187">
        <v>12</v>
      </c>
      <c r="DC7" s="188">
        <v>27</v>
      </c>
      <c r="DD7" s="188">
        <v>59</v>
      </c>
      <c r="DE7" s="188">
        <v>303</v>
      </c>
      <c r="DF7" s="186">
        <v>423</v>
      </c>
      <c r="DG7" s="189">
        <v>824</v>
      </c>
      <c r="DH7" s="191">
        <v>824</v>
      </c>
      <c r="DI7" s="192">
        <v>0</v>
      </c>
      <c r="DJ7" s="186">
        <v>0</v>
      </c>
      <c r="DK7" s="186">
        <v>0</v>
      </c>
      <c r="DL7" s="187">
        <v>1</v>
      </c>
      <c r="DM7" s="188">
        <v>1</v>
      </c>
      <c r="DN7" s="188">
        <v>0</v>
      </c>
      <c r="DO7" s="188">
        <v>7</v>
      </c>
      <c r="DP7" s="186">
        <v>21</v>
      </c>
      <c r="DQ7" s="189">
        <v>30</v>
      </c>
      <c r="DR7" s="191">
        <v>30</v>
      </c>
      <c r="DS7" s="192">
        <v>0</v>
      </c>
      <c r="DT7" s="186">
        <v>0</v>
      </c>
      <c r="DU7" s="186">
        <v>0</v>
      </c>
      <c r="DV7" s="187">
        <v>2102</v>
      </c>
      <c r="DW7" s="188">
        <v>4876</v>
      </c>
      <c r="DX7" s="188">
        <v>14456</v>
      </c>
      <c r="DY7" s="188">
        <v>20485</v>
      </c>
      <c r="DZ7" s="186">
        <v>13722</v>
      </c>
      <c r="EA7" s="189">
        <v>55641</v>
      </c>
      <c r="EB7" s="191">
        <v>55641</v>
      </c>
      <c r="EC7" s="37"/>
    </row>
    <row r="8" spans="2:133" ht="21" customHeight="1" x14ac:dyDescent="0.2">
      <c r="B8" s="62" t="s">
        <v>5</v>
      </c>
      <c r="C8" s="194">
        <v>0</v>
      </c>
      <c r="D8" s="195">
        <v>0</v>
      </c>
      <c r="E8" s="195">
        <v>0</v>
      </c>
      <c r="F8" s="196">
        <v>241</v>
      </c>
      <c r="G8" s="197">
        <v>909</v>
      </c>
      <c r="H8" s="197">
        <v>4125</v>
      </c>
      <c r="I8" s="197">
        <v>5988</v>
      </c>
      <c r="J8" s="195">
        <v>4349</v>
      </c>
      <c r="K8" s="198">
        <v>15612</v>
      </c>
      <c r="L8" s="199">
        <v>15612</v>
      </c>
      <c r="M8" s="194">
        <v>0</v>
      </c>
      <c r="N8" s="195">
        <v>0</v>
      </c>
      <c r="O8" s="198">
        <v>0</v>
      </c>
      <c r="P8" s="196">
        <v>238</v>
      </c>
      <c r="Q8" s="197">
        <v>902</v>
      </c>
      <c r="R8" s="197">
        <v>4095</v>
      </c>
      <c r="S8" s="197">
        <v>5927</v>
      </c>
      <c r="T8" s="195">
        <v>4272</v>
      </c>
      <c r="U8" s="198">
        <v>15434</v>
      </c>
      <c r="V8" s="200">
        <v>15434</v>
      </c>
      <c r="W8" s="201">
        <v>0</v>
      </c>
      <c r="X8" s="195">
        <v>0</v>
      </c>
      <c r="Y8" s="198">
        <v>0</v>
      </c>
      <c r="Z8" s="201">
        <v>3</v>
      </c>
      <c r="AA8" s="197">
        <v>7</v>
      </c>
      <c r="AB8" s="197">
        <v>30</v>
      </c>
      <c r="AC8" s="197">
        <v>61</v>
      </c>
      <c r="AD8" s="195">
        <v>77</v>
      </c>
      <c r="AE8" s="198">
        <v>178</v>
      </c>
      <c r="AF8" s="202">
        <v>178</v>
      </c>
      <c r="AG8" s="201">
        <v>0</v>
      </c>
      <c r="AH8" s="195">
        <v>0</v>
      </c>
      <c r="AI8" s="198">
        <v>0</v>
      </c>
      <c r="AJ8" s="201">
        <v>610</v>
      </c>
      <c r="AK8" s="197">
        <v>1514</v>
      </c>
      <c r="AL8" s="197">
        <v>2042</v>
      </c>
      <c r="AM8" s="197">
        <v>2442</v>
      </c>
      <c r="AN8" s="195">
        <v>1419</v>
      </c>
      <c r="AO8" s="198">
        <v>8027</v>
      </c>
      <c r="AP8" s="202">
        <v>8027</v>
      </c>
      <c r="AQ8" s="201">
        <v>0</v>
      </c>
      <c r="AR8" s="195">
        <v>0</v>
      </c>
      <c r="AS8" s="198">
        <v>0</v>
      </c>
      <c r="AT8" s="196">
        <v>606</v>
      </c>
      <c r="AU8" s="197">
        <v>1495</v>
      </c>
      <c r="AV8" s="197">
        <v>2010</v>
      </c>
      <c r="AW8" s="197">
        <v>2398</v>
      </c>
      <c r="AX8" s="195">
        <v>1384</v>
      </c>
      <c r="AY8" s="198">
        <v>7893</v>
      </c>
      <c r="AZ8" s="199">
        <v>7893</v>
      </c>
      <c r="BA8" s="194">
        <v>0</v>
      </c>
      <c r="BB8" s="195">
        <v>0</v>
      </c>
      <c r="BC8" s="195">
        <v>0</v>
      </c>
      <c r="BD8" s="196">
        <v>4</v>
      </c>
      <c r="BE8" s="197">
        <v>19</v>
      </c>
      <c r="BF8" s="197">
        <v>32</v>
      </c>
      <c r="BG8" s="197">
        <v>44</v>
      </c>
      <c r="BH8" s="195">
        <v>35</v>
      </c>
      <c r="BI8" s="198">
        <v>134</v>
      </c>
      <c r="BJ8" s="200">
        <v>134</v>
      </c>
      <c r="BK8" s="201">
        <v>0</v>
      </c>
      <c r="BL8" s="195">
        <v>0</v>
      </c>
      <c r="BM8" s="195">
        <v>0</v>
      </c>
      <c r="BN8" s="196">
        <v>0</v>
      </c>
      <c r="BO8" s="197">
        <v>0</v>
      </c>
      <c r="BP8" s="197">
        <v>2</v>
      </c>
      <c r="BQ8" s="197">
        <v>56</v>
      </c>
      <c r="BR8" s="195">
        <v>78</v>
      </c>
      <c r="BS8" s="198">
        <v>136</v>
      </c>
      <c r="BT8" s="199">
        <v>136</v>
      </c>
      <c r="BU8" s="194">
        <v>0</v>
      </c>
      <c r="BV8" s="195">
        <v>0</v>
      </c>
      <c r="BW8" s="195">
        <v>0</v>
      </c>
      <c r="BX8" s="196">
        <v>0</v>
      </c>
      <c r="BY8" s="197">
        <v>0</v>
      </c>
      <c r="BZ8" s="197">
        <v>2</v>
      </c>
      <c r="CA8" s="197">
        <v>56</v>
      </c>
      <c r="CB8" s="195">
        <v>78</v>
      </c>
      <c r="CC8" s="198">
        <v>136</v>
      </c>
      <c r="CD8" s="200">
        <v>136</v>
      </c>
      <c r="CE8" s="201">
        <v>0</v>
      </c>
      <c r="CF8" s="195">
        <v>0</v>
      </c>
      <c r="CG8" s="195">
        <v>0</v>
      </c>
      <c r="CH8" s="196">
        <v>0</v>
      </c>
      <c r="CI8" s="197">
        <v>0</v>
      </c>
      <c r="CJ8" s="197">
        <v>0</v>
      </c>
      <c r="CK8" s="197">
        <v>0</v>
      </c>
      <c r="CL8" s="195">
        <v>0</v>
      </c>
      <c r="CM8" s="198">
        <v>0</v>
      </c>
      <c r="CN8" s="200">
        <v>0</v>
      </c>
      <c r="CO8" s="201">
        <v>0</v>
      </c>
      <c r="CP8" s="195">
        <v>0</v>
      </c>
      <c r="CQ8" s="195">
        <v>0</v>
      </c>
      <c r="CR8" s="196">
        <v>3</v>
      </c>
      <c r="CS8" s="197">
        <v>5</v>
      </c>
      <c r="CT8" s="197">
        <v>15</v>
      </c>
      <c r="CU8" s="197">
        <v>84</v>
      </c>
      <c r="CV8" s="195">
        <v>102</v>
      </c>
      <c r="CW8" s="198">
        <v>209</v>
      </c>
      <c r="CX8" s="199">
        <v>209</v>
      </c>
      <c r="CY8" s="194">
        <v>0</v>
      </c>
      <c r="CZ8" s="195">
        <v>0</v>
      </c>
      <c r="DA8" s="195">
        <v>0</v>
      </c>
      <c r="DB8" s="196">
        <v>3</v>
      </c>
      <c r="DC8" s="197">
        <v>5</v>
      </c>
      <c r="DD8" s="197">
        <v>15</v>
      </c>
      <c r="DE8" s="197">
        <v>82</v>
      </c>
      <c r="DF8" s="195">
        <v>100</v>
      </c>
      <c r="DG8" s="198">
        <v>205</v>
      </c>
      <c r="DH8" s="200">
        <v>205</v>
      </c>
      <c r="DI8" s="201">
        <v>0</v>
      </c>
      <c r="DJ8" s="195">
        <v>0</v>
      </c>
      <c r="DK8" s="195">
        <v>0</v>
      </c>
      <c r="DL8" s="196">
        <v>0</v>
      </c>
      <c r="DM8" s="197">
        <v>0</v>
      </c>
      <c r="DN8" s="197">
        <v>0</v>
      </c>
      <c r="DO8" s="197">
        <v>2</v>
      </c>
      <c r="DP8" s="195">
        <v>2</v>
      </c>
      <c r="DQ8" s="198">
        <v>4</v>
      </c>
      <c r="DR8" s="200">
        <v>4</v>
      </c>
      <c r="DS8" s="201">
        <v>0</v>
      </c>
      <c r="DT8" s="195">
        <v>0</v>
      </c>
      <c r="DU8" s="195">
        <v>0</v>
      </c>
      <c r="DV8" s="196">
        <v>854</v>
      </c>
      <c r="DW8" s="197">
        <v>2428</v>
      </c>
      <c r="DX8" s="197">
        <v>6184</v>
      </c>
      <c r="DY8" s="197">
        <v>8570</v>
      </c>
      <c r="DZ8" s="195">
        <v>5948</v>
      </c>
      <c r="EA8" s="198">
        <v>23984</v>
      </c>
      <c r="EB8" s="200">
        <v>23984</v>
      </c>
      <c r="EC8" s="37"/>
    </row>
    <row r="9" spans="2:133" ht="21" customHeight="1" x14ac:dyDescent="0.2">
      <c r="B9" s="62" t="s">
        <v>6</v>
      </c>
      <c r="C9" s="194">
        <v>0</v>
      </c>
      <c r="D9" s="195">
        <v>0</v>
      </c>
      <c r="E9" s="195">
        <v>0</v>
      </c>
      <c r="F9" s="196">
        <v>76</v>
      </c>
      <c r="G9" s="197">
        <v>171</v>
      </c>
      <c r="H9" s="197">
        <v>1293</v>
      </c>
      <c r="I9" s="197">
        <v>1839</v>
      </c>
      <c r="J9" s="195">
        <v>1287</v>
      </c>
      <c r="K9" s="198">
        <v>4666</v>
      </c>
      <c r="L9" s="199">
        <v>4666</v>
      </c>
      <c r="M9" s="194">
        <v>0</v>
      </c>
      <c r="N9" s="195">
        <v>0</v>
      </c>
      <c r="O9" s="198">
        <v>0</v>
      </c>
      <c r="P9" s="196">
        <v>76</v>
      </c>
      <c r="Q9" s="197">
        <v>170</v>
      </c>
      <c r="R9" s="197">
        <v>1280</v>
      </c>
      <c r="S9" s="197">
        <v>1821</v>
      </c>
      <c r="T9" s="195">
        <v>1272</v>
      </c>
      <c r="U9" s="198">
        <v>4619</v>
      </c>
      <c r="V9" s="200">
        <v>4619</v>
      </c>
      <c r="W9" s="201">
        <v>0</v>
      </c>
      <c r="X9" s="195">
        <v>0</v>
      </c>
      <c r="Y9" s="198">
        <v>0</v>
      </c>
      <c r="Z9" s="201">
        <v>0</v>
      </c>
      <c r="AA9" s="197">
        <v>1</v>
      </c>
      <c r="AB9" s="197">
        <v>13</v>
      </c>
      <c r="AC9" s="197">
        <v>18</v>
      </c>
      <c r="AD9" s="195">
        <v>15</v>
      </c>
      <c r="AE9" s="198">
        <v>47</v>
      </c>
      <c r="AF9" s="202">
        <v>47</v>
      </c>
      <c r="AG9" s="201">
        <v>0</v>
      </c>
      <c r="AH9" s="195">
        <v>0</v>
      </c>
      <c r="AI9" s="198">
        <v>0</v>
      </c>
      <c r="AJ9" s="201">
        <v>201</v>
      </c>
      <c r="AK9" s="197">
        <v>328</v>
      </c>
      <c r="AL9" s="197">
        <v>470</v>
      </c>
      <c r="AM9" s="197">
        <v>694</v>
      </c>
      <c r="AN9" s="195">
        <v>325</v>
      </c>
      <c r="AO9" s="198">
        <v>2018</v>
      </c>
      <c r="AP9" s="202">
        <v>2018</v>
      </c>
      <c r="AQ9" s="201">
        <v>0</v>
      </c>
      <c r="AR9" s="195">
        <v>0</v>
      </c>
      <c r="AS9" s="198">
        <v>0</v>
      </c>
      <c r="AT9" s="196">
        <v>196</v>
      </c>
      <c r="AU9" s="197">
        <v>324</v>
      </c>
      <c r="AV9" s="197">
        <v>459</v>
      </c>
      <c r="AW9" s="197">
        <v>674</v>
      </c>
      <c r="AX9" s="195">
        <v>312</v>
      </c>
      <c r="AY9" s="198">
        <v>1965</v>
      </c>
      <c r="AZ9" s="199">
        <v>1965</v>
      </c>
      <c r="BA9" s="194">
        <v>0</v>
      </c>
      <c r="BB9" s="195">
        <v>0</v>
      </c>
      <c r="BC9" s="195">
        <v>0</v>
      </c>
      <c r="BD9" s="196">
        <v>5</v>
      </c>
      <c r="BE9" s="197">
        <v>4</v>
      </c>
      <c r="BF9" s="197">
        <v>11</v>
      </c>
      <c r="BG9" s="197">
        <v>20</v>
      </c>
      <c r="BH9" s="195">
        <v>13</v>
      </c>
      <c r="BI9" s="198">
        <v>53</v>
      </c>
      <c r="BJ9" s="200">
        <v>53</v>
      </c>
      <c r="BK9" s="201">
        <v>0</v>
      </c>
      <c r="BL9" s="195">
        <v>0</v>
      </c>
      <c r="BM9" s="195">
        <v>0</v>
      </c>
      <c r="BN9" s="196">
        <v>0</v>
      </c>
      <c r="BO9" s="197">
        <v>1</v>
      </c>
      <c r="BP9" s="197">
        <v>8</v>
      </c>
      <c r="BQ9" s="197">
        <v>44</v>
      </c>
      <c r="BR9" s="195">
        <v>73</v>
      </c>
      <c r="BS9" s="198">
        <v>126</v>
      </c>
      <c r="BT9" s="199">
        <v>126</v>
      </c>
      <c r="BU9" s="194">
        <v>0</v>
      </c>
      <c r="BV9" s="195">
        <v>0</v>
      </c>
      <c r="BW9" s="195">
        <v>0</v>
      </c>
      <c r="BX9" s="196">
        <v>0</v>
      </c>
      <c r="BY9" s="197">
        <v>1</v>
      </c>
      <c r="BZ9" s="197">
        <v>8</v>
      </c>
      <c r="CA9" s="197">
        <v>43</v>
      </c>
      <c r="CB9" s="195">
        <v>71</v>
      </c>
      <c r="CC9" s="198">
        <v>123</v>
      </c>
      <c r="CD9" s="200">
        <v>123</v>
      </c>
      <c r="CE9" s="201">
        <v>0</v>
      </c>
      <c r="CF9" s="195">
        <v>0</v>
      </c>
      <c r="CG9" s="195">
        <v>0</v>
      </c>
      <c r="CH9" s="196">
        <v>0</v>
      </c>
      <c r="CI9" s="197">
        <v>0</v>
      </c>
      <c r="CJ9" s="197">
        <v>0</v>
      </c>
      <c r="CK9" s="197">
        <v>1</v>
      </c>
      <c r="CL9" s="195">
        <v>2</v>
      </c>
      <c r="CM9" s="198">
        <v>3</v>
      </c>
      <c r="CN9" s="200">
        <v>3</v>
      </c>
      <c r="CO9" s="201">
        <v>0</v>
      </c>
      <c r="CP9" s="195">
        <v>0</v>
      </c>
      <c r="CQ9" s="195">
        <v>0</v>
      </c>
      <c r="CR9" s="196">
        <v>1</v>
      </c>
      <c r="CS9" s="197">
        <v>1</v>
      </c>
      <c r="CT9" s="197">
        <v>3</v>
      </c>
      <c r="CU9" s="197">
        <v>45</v>
      </c>
      <c r="CV9" s="195">
        <v>62</v>
      </c>
      <c r="CW9" s="198">
        <v>112</v>
      </c>
      <c r="CX9" s="199">
        <v>112</v>
      </c>
      <c r="CY9" s="194">
        <v>0</v>
      </c>
      <c r="CZ9" s="195">
        <v>0</v>
      </c>
      <c r="DA9" s="195">
        <v>0</v>
      </c>
      <c r="DB9" s="196">
        <v>1</v>
      </c>
      <c r="DC9" s="197">
        <v>1</v>
      </c>
      <c r="DD9" s="197">
        <v>3</v>
      </c>
      <c r="DE9" s="197">
        <v>44</v>
      </c>
      <c r="DF9" s="195">
        <v>60</v>
      </c>
      <c r="DG9" s="198">
        <v>109</v>
      </c>
      <c r="DH9" s="200">
        <v>109</v>
      </c>
      <c r="DI9" s="201">
        <v>0</v>
      </c>
      <c r="DJ9" s="195">
        <v>0</v>
      </c>
      <c r="DK9" s="195">
        <v>0</v>
      </c>
      <c r="DL9" s="196">
        <v>0</v>
      </c>
      <c r="DM9" s="197">
        <v>0</v>
      </c>
      <c r="DN9" s="197">
        <v>0</v>
      </c>
      <c r="DO9" s="197">
        <v>1</v>
      </c>
      <c r="DP9" s="195">
        <v>2</v>
      </c>
      <c r="DQ9" s="198">
        <v>3</v>
      </c>
      <c r="DR9" s="200">
        <v>3</v>
      </c>
      <c r="DS9" s="201">
        <v>0</v>
      </c>
      <c r="DT9" s="195">
        <v>0</v>
      </c>
      <c r="DU9" s="195">
        <v>0</v>
      </c>
      <c r="DV9" s="196">
        <v>278</v>
      </c>
      <c r="DW9" s="197">
        <v>501</v>
      </c>
      <c r="DX9" s="197">
        <v>1774</v>
      </c>
      <c r="DY9" s="197">
        <v>2622</v>
      </c>
      <c r="DZ9" s="195">
        <v>1747</v>
      </c>
      <c r="EA9" s="198">
        <v>6922</v>
      </c>
      <c r="EB9" s="200">
        <v>6922</v>
      </c>
      <c r="EC9" s="37"/>
    </row>
    <row r="10" spans="2:133" ht="21" customHeight="1" x14ac:dyDescent="0.2">
      <c r="B10" s="62" t="s">
        <v>14</v>
      </c>
      <c r="C10" s="194">
        <v>0</v>
      </c>
      <c r="D10" s="195">
        <v>0</v>
      </c>
      <c r="E10" s="195">
        <v>0</v>
      </c>
      <c r="F10" s="196">
        <v>10</v>
      </c>
      <c r="G10" s="197">
        <v>47</v>
      </c>
      <c r="H10" s="197">
        <v>830</v>
      </c>
      <c r="I10" s="197">
        <v>1257</v>
      </c>
      <c r="J10" s="195">
        <v>792</v>
      </c>
      <c r="K10" s="198">
        <v>2936</v>
      </c>
      <c r="L10" s="199">
        <v>2936</v>
      </c>
      <c r="M10" s="194">
        <v>0</v>
      </c>
      <c r="N10" s="195">
        <v>0</v>
      </c>
      <c r="O10" s="198">
        <v>0</v>
      </c>
      <c r="P10" s="196">
        <v>10</v>
      </c>
      <c r="Q10" s="197">
        <v>47</v>
      </c>
      <c r="R10" s="197">
        <v>826</v>
      </c>
      <c r="S10" s="197">
        <v>1249</v>
      </c>
      <c r="T10" s="195">
        <v>780</v>
      </c>
      <c r="U10" s="198">
        <v>2912</v>
      </c>
      <c r="V10" s="200">
        <v>2912</v>
      </c>
      <c r="W10" s="201">
        <v>0</v>
      </c>
      <c r="X10" s="195">
        <v>0</v>
      </c>
      <c r="Y10" s="198">
        <v>0</v>
      </c>
      <c r="Z10" s="201">
        <v>0</v>
      </c>
      <c r="AA10" s="197">
        <v>0</v>
      </c>
      <c r="AB10" s="197">
        <v>4</v>
      </c>
      <c r="AC10" s="197">
        <v>8</v>
      </c>
      <c r="AD10" s="195">
        <v>12</v>
      </c>
      <c r="AE10" s="198">
        <v>24</v>
      </c>
      <c r="AF10" s="202">
        <v>24</v>
      </c>
      <c r="AG10" s="201">
        <v>0</v>
      </c>
      <c r="AH10" s="195">
        <v>0</v>
      </c>
      <c r="AI10" s="198">
        <v>0</v>
      </c>
      <c r="AJ10" s="201">
        <v>76</v>
      </c>
      <c r="AK10" s="197">
        <v>204</v>
      </c>
      <c r="AL10" s="197">
        <v>292</v>
      </c>
      <c r="AM10" s="197">
        <v>392</v>
      </c>
      <c r="AN10" s="195">
        <v>182</v>
      </c>
      <c r="AO10" s="198">
        <v>1146</v>
      </c>
      <c r="AP10" s="202">
        <v>1146</v>
      </c>
      <c r="AQ10" s="201">
        <v>0</v>
      </c>
      <c r="AR10" s="195">
        <v>0</v>
      </c>
      <c r="AS10" s="198">
        <v>0</v>
      </c>
      <c r="AT10" s="196">
        <v>73</v>
      </c>
      <c r="AU10" s="197">
        <v>203</v>
      </c>
      <c r="AV10" s="197">
        <v>285</v>
      </c>
      <c r="AW10" s="197">
        <v>385</v>
      </c>
      <c r="AX10" s="195">
        <v>178</v>
      </c>
      <c r="AY10" s="198">
        <v>1124</v>
      </c>
      <c r="AZ10" s="199">
        <v>1124</v>
      </c>
      <c r="BA10" s="194">
        <v>0</v>
      </c>
      <c r="BB10" s="195">
        <v>0</v>
      </c>
      <c r="BC10" s="195">
        <v>0</v>
      </c>
      <c r="BD10" s="196">
        <v>3</v>
      </c>
      <c r="BE10" s="197">
        <v>1</v>
      </c>
      <c r="BF10" s="197">
        <v>7</v>
      </c>
      <c r="BG10" s="197">
        <v>7</v>
      </c>
      <c r="BH10" s="195">
        <v>4</v>
      </c>
      <c r="BI10" s="198">
        <v>22</v>
      </c>
      <c r="BJ10" s="200">
        <v>22</v>
      </c>
      <c r="BK10" s="201">
        <v>0</v>
      </c>
      <c r="BL10" s="195">
        <v>0</v>
      </c>
      <c r="BM10" s="195">
        <v>0</v>
      </c>
      <c r="BN10" s="196">
        <v>0</v>
      </c>
      <c r="BO10" s="197">
        <v>0</v>
      </c>
      <c r="BP10" s="197">
        <v>0</v>
      </c>
      <c r="BQ10" s="197">
        <v>25</v>
      </c>
      <c r="BR10" s="195">
        <v>19</v>
      </c>
      <c r="BS10" s="198">
        <v>44</v>
      </c>
      <c r="BT10" s="199">
        <v>44</v>
      </c>
      <c r="BU10" s="194">
        <v>0</v>
      </c>
      <c r="BV10" s="195">
        <v>0</v>
      </c>
      <c r="BW10" s="195">
        <v>0</v>
      </c>
      <c r="BX10" s="196">
        <v>0</v>
      </c>
      <c r="BY10" s="197">
        <v>0</v>
      </c>
      <c r="BZ10" s="197">
        <v>0</v>
      </c>
      <c r="CA10" s="197">
        <v>25</v>
      </c>
      <c r="CB10" s="195">
        <v>19</v>
      </c>
      <c r="CC10" s="198">
        <v>44</v>
      </c>
      <c r="CD10" s="200">
        <v>44</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0</v>
      </c>
      <c r="CT10" s="197">
        <v>8</v>
      </c>
      <c r="CU10" s="197">
        <v>74</v>
      </c>
      <c r="CV10" s="195">
        <v>78</v>
      </c>
      <c r="CW10" s="198">
        <v>160</v>
      </c>
      <c r="CX10" s="199">
        <v>160</v>
      </c>
      <c r="CY10" s="194">
        <v>0</v>
      </c>
      <c r="CZ10" s="195">
        <v>0</v>
      </c>
      <c r="DA10" s="195">
        <v>0</v>
      </c>
      <c r="DB10" s="196">
        <v>0</v>
      </c>
      <c r="DC10" s="197">
        <v>0</v>
      </c>
      <c r="DD10" s="197">
        <v>8</v>
      </c>
      <c r="DE10" s="197">
        <v>73</v>
      </c>
      <c r="DF10" s="195">
        <v>74</v>
      </c>
      <c r="DG10" s="198">
        <v>155</v>
      </c>
      <c r="DH10" s="200">
        <v>155</v>
      </c>
      <c r="DI10" s="201">
        <v>0</v>
      </c>
      <c r="DJ10" s="195">
        <v>0</v>
      </c>
      <c r="DK10" s="195">
        <v>0</v>
      </c>
      <c r="DL10" s="196">
        <v>0</v>
      </c>
      <c r="DM10" s="197">
        <v>0</v>
      </c>
      <c r="DN10" s="197">
        <v>0</v>
      </c>
      <c r="DO10" s="197">
        <v>1</v>
      </c>
      <c r="DP10" s="195">
        <v>4</v>
      </c>
      <c r="DQ10" s="198">
        <v>5</v>
      </c>
      <c r="DR10" s="200">
        <v>5</v>
      </c>
      <c r="DS10" s="201">
        <v>0</v>
      </c>
      <c r="DT10" s="195">
        <v>0</v>
      </c>
      <c r="DU10" s="195">
        <v>0</v>
      </c>
      <c r="DV10" s="196">
        <v>86</v>
      </c>
      <c r="DW10" s="197">
        <v>251</v>
      </c>
      <c r="DX10" s="197">
        <v>1124</v>
      </c>
      <c r="DY10" s="197">
        <v>1744</v>
      </c>
      <c r="DZ10" s="195">
        <v>1068</v>
      </c>
      <c r="EA10" s="198">
        <v>4273</v>
      </c>
      <c r="EB10" s="200">
        <v>4273</v>
      </c>
      <c r="EC10" s="37"/>
    </row>
    <row r="11" spans="2:133" ht="21" customHeight="1" x14ac:dyDescent="0.2">
      <c r="B11" s="62" t="s">
        <v>7</v>
      </c>
      <c r="C11" s="194">
        <v>0</v>
      </c>
      <c r="D11" s="195">
        <v>0</v>
      </c>
      <c r="E11" s="195">
        <v>0</v>
      </c>
      <c r="F11" s="196">
        <v>21</v>
      </c>
      <c r="G11" s="197">
        <v>41</v>
      </c>
      <c r="H11" s="197">
        <v>538</v>
      </c>
      <c r="I11" s="197">
        <v>932</v>
      </c>
      <c r="J11" s="195">
        <v>572</v>
      </c>
      <c r="K11" s="198">
        <v>2104</v>
      </c>
      <c r="L11" s="199">
        <v>2104</v>
      </c>
      <c r="M11" s="194">
        <v>0</v>
      </c>
      <c r="N11" s="195">
        <v>0</v>
      </c>
      <c r="O11" s="198">
        <v>0</v>
      </c>
      <c r="P11" s="196">
        <v>20</v>
      </c>
      <c r="Q11" s="197">
        <v>40</v>
      </c>
      <c r="R11" s="197">
        <v>536</v>
      </c>
      <c r="S11" s="197">
        <v>921</v>
      </c>
      <c r="T11" s="195">
        <v>563</v>
      </c>
      <c r="U11" s="198">
        <v>2080</v>
      </c>
      <c r="V11" s="200">
        <v>2080</v>
      </c>
      <c r="W11" s="201">
        <v>0</v>
      </c>
      <c r="X11" s="195">
        <v>0</v>
      </c>
      <c r="Y11" s="198">
        <v>0</v>
      </c>
      <c r="Z11" s="201">
        <v>1</v>
      </c>
      <c r="AA11" s="197">
        <v>1</v>
      </c>
      <c r="AB11" s="197">
        <v>2</v>
      </c>
      <c r="AC11" s="197">
        <v>11</v>
      </c>
      <c r="AD11" s="195">
        <v>9</v>
      </c>
      <c r="AE11" s="198">
        <v>24</v>
      </c>
      <c r="AF11" s="202">
        <v>24</v>
      </c>
      <c r="AG11" s="201">
        <v>0</v>
      </c>
      <c r="AH11" s="195">
        <v>0</v>
      </c>
      <c r="AI11" s="198">
        <v>0</v>
      </c>
      <c r="AJ11" s="201">
        <v>155</v>
      </c>
      <c r="AK11" s="197">
        <v>212</v>
      </c>
      <c r="AL11" s="197">
        <v>249</v>
      </c>
      <c r="AM11" s="197">
        <v>294</v>
      </c>
      <c r="AN11" s="195">
        <v>97</v>
      </c>
      <c r="AO11" s="198">
        <v>1007</v>
      </c>
      <c r="AP11" s="202">
        <v>1007</v>
      </c>
      <c r="AQ11" s="201">
        <v>0</v>
      </c>
      <c r="AR11" s="195">
        <v>0</v>
      </c>
      <c r="AS11" s="198">
        <v>0</v>
      </c>
      <c r="AT11" s="196">
        <v>154</v>
      </c>
      <c r="AU11" s="197">
        <v>211</v>
      </c>
      <c r="AV11" s="197">
        <v>244</v>
      </c>
      <c r="AW11" s="197">
        <v>287</v>
      </c>
      <c r="AX11" s="195">
        <v>95</v>
      </c>
      <c r="AY11" s="198">
        <v>991</v>
      </c>
      <c r="AZ11" s="199">
        <v>991</v>
      </c>
      <c r="BA11" s="194">
        <v>0</v>
      </c>
      <c r="BB11" s="195">
        <v>0</v>
      </c>
      <c r="BC11" s="195">
        <v>0</v>
      </c>
      <c r="BD11" s="196">
        <v>1</v>
      </c>
      <c r="BE11" s="197">
        <v>1</v>
      </c>
      <c r="BF11" s="197">
        <v>5</v>
      </c>
      <c r="BG11" s="197">
        <v>7</v>
      </c>
      <c r="BH11" s="195">
        <v>2</v>
      </c>
      <c r="BI11" s="198">
        <v>16</v>
      </c>
      <c r="BJ11" s="200">
        <v>16</v>
      </c>
      <c r="BK11" s="201">
        <v>0</v>
      </c>
      <c r="BL11" s="195">
        <v>0</v>
      </c>
      <c r="BM11" s="195">
        <v>0</v>
      </c>
      <c r="BN11" s="196">
        <v>0</v>
      </c>
      <c r="BO11" s="197">
        <v>0</v>
      </c>
      <c r="BP11" s="197">
        <v>0</v>
      </c>
      <c r="BQ11" s="197">
        <v>3</v>
      </c>
      <c r="BR11" s="195">
        <v>3</v>
      </c>
      <c r="BS11" s="198">
        <v>6</v>
      </c>
      <c r="BT11" s="199">
        <v>6</v>
      </c>
      <c r="BU11" s="194">
        <v>0</v>
      </c>
      <c r="BV11" s="195">
        <v>0</v>
      </c>
      <c r="BW11" s="195">
        <v>0</v>
      </c>
      <c r="BX11" s="196">
        <v>0</v>
      </c>
      <c r="BY11" s="197">
        <v>0</v>
      </c>
      <c r="BZ11" s="197">
        <v>0</v>
      </c>
      <c r="CA11" s="197">
        <v>3</v>
      </c>
      <c r="CB11" s="195">
        <v>3</v>
      </c>
      <c r="CC11" s="198">
        <v>6</v>
      </c>
      <c r="CD11" s="200">
        <v>6</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2</v>
      </c>
      <c r="CV11" s="195">
        <v>2</v>
      </c>
      <c r="CW11" s="198">
        <v>6</v>
      </c>
      <c r="CX11" s="199">
        <v>6</v>
      </c>
      <c r="CY11" s="194">
        <v>0</v>
      </c>
      <c r="CZ11" s="195">
        <v>0</v>
      </c>
      <c r="DA11" s="195">
        <v>0</v>
      </c>
      <c r="DB11" s="196">
        <v>0</v>
      </c>
      <c r="DC11" s="197">
        <v>0</v>
      </c>
      <c r="DD11" s="197">
        <v>2</v>
      </c>
      <c r="DE11" s="197">
        <v>2</v>
      </c>
      <c r="DF11" s="195">
        <v>2</v>
      </c>
      <c r="DG11" s="198">
        <v>6</v>
      </c>
      <c r="DH11" s="200">
        <v>6</v>
      </c>
      <c r="DI11" s="201">
        <v>0</v>
      </c>
      <c r="DJ11" s="195">
        <v>0</v>
      </c>
      <c r="DK11" s="195">
        <v>0</v>
      </c>
      <c r="DL11" s="196">
        <v>0</v>
      </c>
      <c r="DM11" s="197">
        <v>0</v>
      </c>
      <c r="DN11" s="197">
        <v>0</v>
      </c>
      <c r="DO11" s="197">
        <v>0</v>
      </c>
      <c r="DP11" s="195">
        <v>0</v>
      </c>
      <c r="DQ11" s="198">
        <v>0</v>
      </c>
      <c r="DR11" s="200">
        <v>0</v>
      </c>
      <c r="DS11" s="201">
        <v>0</v>
      </c>
      <c r="DT11" s="195">
        <v>0</v>
      </c>
      <c r="DU11" s="195">
        <v>0</v>
      </c>
      <c r="DV11" s="196">
        <v>176</v>
      </c>
      <c r="DW11" s="197">
        <v>253</v>
      </c>
      <c r="DX11" s="197">
        <v>788</v>
      </c>
      <c r="DY11" s="197">
        <v>1224</v>
      </c>
      <c r="DZ11" s="195">
        <v>671</v>
      </c>
      <c r="EA11" s="198">
        <v>3112</v>
      </c>
      <c r="EB11" s="200">
        <v>3112</v>
      </c>
      <c r="EC11" s="37"/>
    </row>
    <row r="12" spans="2:133" ht="21" customHeight="1" x14ac:dyDescent="0.2">
      <c r="B12" s="62" t="s">
        <v>8</v>
      </c>
      <c r="C12" s="194">
        <v>0</v>
      </c>
      <c r="D12" s="195">
        <v>0</v>
      </c>
      <c r="E12" s="195">
        <v>0</v>
      </c>
      <c r="F12" s="196">
        <v>22</v>
      </c>
      <c r="G12" s="197">
        <v>63</v>
      </c>
      <c r="H12" s="197">
        <v>367</v>
      </c>
      <c r="I12" s="197">
        <v>459</v>
      </c>
      <c r="J12" s="195">
        <v>253</v>
      </c>
      <c r="K12" s="198">
        <v>1164</v>
      </c>
      <c r="L12" s="199">
        <v>1164</v>
      </c>
      <c r="M12" s="194">
        <v>0</v>
      </c>
      <c r="N12" s="195">
        <v>0</v>
      </c>
      <c r="O12" s="198">
        <v>0</v>
      </c>
      <c r="P12" s="196">
        <v>22</v>
      </c>
      <c r="Q12" s="197">
        <v>63</v>
      </c>
      <c r="R12" s="197">
        <v>365</v>
      </c>
      <c r="S12" s="197">
        <v>454</v>
      </c>
      <c r="T12" s="195">
        <v>253</v>
      </c>
      <c r="U12" s="198">
        <v>1157</v>
      </c>
      <c r="V12" s="200">
        <v>1157</v>
      </c>
      <c r="W12" s="201">
        <v>0</v>
      </c>
      <c r="X12" s="195">
        <v>0</v>
      </c>
      <c r="Y12" s="198">
        <v>0</v>
      </c>
      <c r="Z12" s="201">
        <v>0</v>
      </c>
      <c r="AA12" s="197">
        <v>0</v>
      </c>
      <c r="AB12" s="197">
        <v>2</v>
      </c>
      <c r="AC12" s="197">
        <v>5</v>
      </c>
      <c r="AD12" s="195">
        <v>0</v>
      </c>
      <c r="AE12" s="198">
        <v>7</v>
      </c>
      <c r="AF12" s="202">
        <v>7</v>
      </c>
      <c r="AG12" s="201">
        <v>0</v>
      </c>
      <c r="AH12" s="195">
        <v>0</v>
      </c>
      <c r="AI12" s="198">
        <v>0</v>
      </c>
      <c r="AJ12" s="201">
        <v>43</v>
      </c>
      <c r="AK12" s="197">
        <v>101</v>
      </c>
      <c r="AL12" s="197">
        <v>154</v>
      </c>
      <c r="AM12" s="197">
        <v>119</v>
      </c>
      <c r="AN12" s="195">
        <v>73</v>
      </c>
      <c r="AO12" s="198">
        <v>490</v>
      </c>
      <c r="AP12" s="202">
        <v>490</v>
      </c>
      <c r="AQ12" s="201">
        <v>0</v>
      </c>
      <c r="AR12" s="195">
        <v>0</v>
      </c>
      <c r="AS12" s="198">
        <v>0</v>
      </c>
      <c r="AT12" s="196">
        <v>43</v>
      </c>
      <c r="AU12" s="197">
        <v>99</v>
      </c>
      <c r="AV12" s="197">
        <v>152</v>
      </c>
      <c r="AW12" s="197">
        <v>116</v>
      </c>
      <c r="AX12" s="195">
        <v>71</v>
      </c>
      <c r="AY12" s="198">
        <v>481</v>
      </c>
      <c r="AZ12" s="199">
        <v>481</v>
      </c>
      <c r="BA12" s="194">
        <v>0</v>
      </c>
      <c r="BB12" s="195">
        <v>0</v>
      </c>
      <c r="BC12" s="195">
        <v>0</v>
      </c>
      <c r="BD12" s="196">
        <v>0</v>
      </c>
      <c r="BE12" s="197">
        <v>2</v>
      </c>
      <c r="BF12" s="197">
        <v>2</v>
      </c>
      <c r="BG12" s="197">
        <v>3</v>
      </c>
      <c r="BH12" s="195">
        <v>2</v>
      </c>
      <c r="BI12" s="198">
        <v>9</v>
      </c>
      <c r="BJ12" s="200">
        <v>9</v>
      </c>
      <c r="BK12" s="201">
        <v>0</v>
      </c>
      <c r="BL12" s="195">
        <v>0</v>
      </c>
      <c r="BM12" s="195">
        <v>0</v>
      </c>
      <c r="BN12" s="196">
        <v>0</v>
      </c>
      <c r="BO12" s="197">
        <v>0</v>
      </c>
      <c r="BP12" s="197">
        <v>0</v>
      </c>
      <c r="BQ12" s="197">
        <v>1</v>
      </c>
      <c r="BR12" s="195">
        <v>0</v>
      </c>
      <c r="BS12" s="198">
        <v>1</v>
      </c>
      <c r="BT12" s="199">
        <v>1</v>
      </c>
      <c r="BU12" s="194">
        <v>0</v>
      </c>
      <c r="BV12" s="195">
        <v>0</v>
      </c>
      <c r="BW12" s="195">
        <v>0</v>
      </c>
      <c r="BX12" s="196">
        <v>0</v>
      </c>
      <c r="BY12" s="197">
        <v>0</v>
      </c>
      <c r="BZ12" s="197">
        <v>0</v>
      </c>
      <c r="CA12" s="197">
        <v>1</v>
      </c>
      <c r="CB12" s="195">
        <v>0</v>
      </c>
      <c r="CC12" s="198">
        <v>1</v>
      </c>
      <c r="CD12" s="200">
        <v>1</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1</v>
      </c>
      <c r="CT12" s="197">
        <v>3</v>
      </c>
      <c r="CU12" s="197">
        <v>6</v>
      </c>
      <c r="CV12" s="195">
        <v>11</v>
      </c>
      <c r="CW12" s="198">
        <v>22</v>
      </c>
      <c r="CX12" s="199">
        <v>22</v>
      </c>
      <c r="CY12" s="194">
        <v>0</v>
      </c>
      <c r="CZ12" s="195">
        <v>0</v>
      </c>
      <c r="DA12" s="195">
        <v>0</v>
      </c>
      <c r="DB12" s="196">
        <v>1</v>
      </c>
      <c r="DC12" s="197">
        <v>1</v>
      </c>
      <c r="DD12" s="197">
        <v>3</v>
      </c>
      <c r="DE12" s="197">
        <v>5</v>
      </c>
      <c r="DF12" s="195">
        <v>11</v>
      </c>
      <c r="DG12" s="198">
        <v>21</v>
      </c>
      <c r="DH12" s="200">
        <v>21</v>
      </c>
      <c r="DI12" s="201">
        <v>0</v>
      </c>
      <c r="DJ12" s="195">
        <v>0</v>
      </c>
      <c r="DK12" s="195">
        <v>0</v>
      </c>
      <c r="DL12" s="196">
        <v>0</v>
      </c>
      <c r="DM12" s="197">
        <v>0</v>
      </c>
      <c r="DN12" s="197">
        <v>0</v>
      </c>
      <c r="DO12" s="197">
        <v>1</v>
      </c>
      <c r="DP12" s="195">
        <v>0</v>
      </c>
      <c r="DQ12" s="198">
        <v>1</v>
      </c>
      <c r="DR12" s="200">
        <v>1</v>
      </c>
      <c r="DS12" s="201">
        <v>0</v>
      </c>
      <c r="DT12" s="195">
        <v>0</v>
      </c>
      <c r="DU12" s="195">
        <v>0</v>
      </c>
      <c r="DV12" s="196">
        <v>66</v>
      </c>
      <c r="DW12" s="197">
        <v>165</v>
      </c>
      <c r="DX12" s="197">
        <v>524</v>
      </c>
      <c r="DY12" s="197">
        <v>585</v>
      </c>
      <c r="DZ12" s="195">
        <v>337</v>
      </c>
      <c r="EA12" s="198">
        <v>1677</v>
      </c>
      <c r="EB12" s="200">
        <v>1677</v>
      </c>
      <c r="EC12" s="37"/>
    </row>
    <row r="13" spans="2:133" ht="21" customHeight="1" x14ac:dyDescent="0.2">
      <c r="B13" s="62" t="s">
        <v>9</v>
      </c>
      <c r="C13" s="194">
        <v>0</v>
      </c>
      <c r="D13" s="195">
        <v>0</v>
      </c>
      <c r="E13" s="195">
        <v>0</v>
      </c>
      <c r="F13" s="196">
        <v>6</v>
      </c>
      <c r="G13" s="197">
        <v>3</v>
      </c>
      <c r="H13" s="197">
        <v>183</v>
      </c>
      <c r="I13" s="197">
        <v>331</v>
      </c>
      <c r="J13" s="195">
        <v>231</v>
      </c>
      <c r="K13" s="198">
        <v>754</v>
      </c>
      <c r="L13" s="199">
        <v>754</v>
      </c>
      <c r="M13" s="194">
        <v>0</v>
      </c>
      <c r="N13" s="195">
        <v>0</v>
      </c>
      <c r="O13" s="198">
        <v>0</v>
      </c>
      <c r="P13" s="196">
        <v>6</v>
      </c>
      <c r="Q13" s="197">
        <v>3</v>
      </c>
      <c r="R13" s="197">
        <v>183</v>
      </c>
      <c r="S13" s="197">
        <v>328</v>
      </c>
      <c r="T13" s="195">
        <v>230</v>
      </c>
      <c r="U13" s="198">
        <v>750</v>
      </c>
      <c r="V13" s="200">
        <v>750</v>
      </c>
      <c r="W13" s="201">
        <v>0</v>
      </c>
      <c r="X13" s="195">
        <v>0</v>
      </c>
      <c r="Y13" s="198">
        <v>0</v>
      </c>
      <c r="Z13" s="201">
        <v>0</v>
      </c>
      <c r="AA13" s="197">
        <v>0</v>
      </c>
      <c r="AB13" s="197">
        <v>0</v>
      </c>
      <c r="AC13" s="197">
        <v>3</v>
      </c>
      <c r="AD13" s="195">
        <v>1</v>
      </c>
      <c r="AE13" s="198">
        <v>4</v>
      </c>
      <c r="AF13" s="202">
        <v>4</v>
      </c>
      <c r="AG13" s="201">
        <v>0</v>
      </c>
      <c r="AH13" s="195">
        <v>0</v>
      </c>
      <c r="AI13" s="198">
        <v>0</v>
      </c>
      <c r="AJ13" s="201">
        <v>23</v>
      </c>
      <c r="AK13" s="197">
        <v>71</v>
      </c>
      <c r="AL13" s="197">
        <v>86</v>
      </c>
      <c r="AM13" s="197">
        <v>120</v>
      </c>
      <c r="AN13" s="195">
        <v>57</v>
      </c>
      <c r="AO13" s="198">
        <v>357</v>
      </c>
      <c r="AP13" s="202">
        <v>357</v>
      </c>
      <c r="AQ13" s="201">
        <v>0</v>
      </c>
      <c r="AR13" s="195">
        <v>0</v>
      </c>
      <c r="AS13" s="198">
        <v>0</v>
      </c>
      <c r="AT13" s="196">
        <v>23</v>
      </c>
      <c r="AU13" s="197">
        <v>70</v>
      </c>
      <c r="AV13" s="197">
        <v>83</v>
      </c>
      <c r="AW13" s="197">
        <v>118</v>
      </c>
      <c r="AX13" s="195">
        <v>56</v>
      </c>
      <c r="AY13" s="198">
        <v>350</v>
      </c>
      <c r="AZ13" s="199">
        <v>350</v>
      </c>
      <c r="BA13" s="194">
        <v>0</v>
      </c>
      <c r="BB13" s="195">
        <v>0</v>
      </c>
      <c r="BC13" s="195">
        <v>0</v>
      </c>
      <c r="BD13" s="196">
        <v>0</v>
      </c>
      <c r="BE13" s="197">
        <v>1</v>
      </c>
      <c r="BF13" s="197">
        <v>3</v>
      </c>
      <c r="BG13" s="197">
        <v>2</v>
      </c>
      <c r="BH13" s="195">
        <v>1</v>
      </c>
      <c r="BI13" s="198">
        <v>7</v>
      </c>
      <c r="BJ13" s="200">
        <v>7</v>
      </c>
      <c r="BK13" s="201">
        <v>0</v>
      </c>
      <c r="BL13" s="195">
        <v>0</v>
      </c>
      <c r="BM13" s="195">
        <v>0</v>
      </c>
      <c r="BN13" s="196">
        <v>0</v>
      </c>
      <c r="BO13" s="197">
        <v>0</v>
      </c>
      <c r="BP13" s="197">
        <v>0</v>
      </c>
      <c r="BQ13" s="197">
        <v>1</v>
      </c>
      <c r="BR13" s="195">
        <v>0</v>
      </c>
      <c r="BS13" s="198">
        <v>1</v>
      </c>
      <c r="BT13" s="199">
        <v>1</v>
      </c>
      <c r="BU13" s="194">
        <v>0</v>
      </c>
      <c r="BV13" s="195">
        <v>0</v>
      </c>
      <c r="BW13" s="195">
        <v>0</v>
      </c>
      <c r="BX13" s="196">
        <v>0</v>
      </c>
      <c r="BY13" s="197">
        <v>0</v>
      </c>
      <c r="BZ13" s="197">
        <v>0</v>
      </c>
      <c r="CA13" s="197">
        <v>1</v>
      </c>
      <c r="CB13" s="195">
        <v>0</v>
      </c>
      <c r="CC13" s="198">
        <v>1</v>
      </c>
      <c r="CD13" s="200">
        <v>1</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0</v>
      </c>
      <c r="CT13" s="197">
        <v>1</v>
      </c>
      <c r="CU13" s="197">
        <v>1</v>
      </c>
      <c r="CV13" s="195">
        <v>7</v>
      </c>
      <c r="CW13" s="198">
        <v>9</v>
      </c>
      <c r="CX13" s="199">
        <v>9</v>
      </c>
      <c r="CY13" s="194">
        <v>0</v>
      </c>
      <c r="CZ13" s="195">
        <v>0</v>
      </c>
      <c r="DA13" s="195">
        <v>0</v>
      </c>
      <c r="DB13" s="196">
        <v>0</v>
      </c>
      <c r="DC13" s="197">
        <v>0</v>
      </c>
      <c r="DD13" s="197">
        <v>1</v>
      </c>
      <c r="DE13" s="197">
        <v>1</v>
      </c>
      <c r="DF13" s="195">
        <v>7</v>
      </c>
      <c r="DG13" s="198">
        <v>9</v>
      </c>
      <c r="DH13" s="200">
        <v>9</v>
      </c>
      <c r="DI13" s="201">
        <v>0</v>
      </c>
      <c r="DJ13" s="195">
        <v>0</v>
      </c>
      <c r="DK13" s="195">
        <v>0</v>
      </c>
      <c r="DL13" s="196">
        <v>0</v>
      </c>
      <c r="DM13" s="197">
        <v>0</v>
      </c>
      <c r="DN13" s="197">
        <v>0</v>
      </c>
      <c r="DO13" s="197">
        <v>0</v>
      </c>
      <c r="DP13" s="195">
        <v>0</v>
      </c>
      <c r="DQ13" s="198">
        <v>0</v>
      </c>
      <c r="DR13" s="200">
        <v>0</v>
      </c>
      <c r="DS13" s="201">
        <v>0</v>
      </c>
      <c r="DT13" s="195">
        <v>0</v>
      </c>
      <c r="DU13" s="195">
        <v>0</v>
      </c>
      <c r="DV13" s="196">
        <v>29</v>
      </c>
      <c r="DW13" s="197">
        <v>74</v>
      </c>
      <c r="DX13" s="197">
        <v>268</v>
      </c>
      <c r="DY13" s="197">
        <v>449</v>
      </c>
      <c r="DZ13" s="195">
        <v>292</v>
      </c>
      <c r="EA13" s="198">
        <v>1112</v>
      </c>
      <c r="EB13" s="200">
        <v>1112</v>
      </c>
      <c r="EC13" s="37"/>
    </row>
    <row r="14" spans="2:133" ht="21" customHeight="1" x14ac:dyDescent="0.2">
      <c r="B14" s="62" t="s">
        <v>10</v>
      </c>
      <c r="C14" s="194">
        <v>0</v>
      </c>
      <c r="D14" s="195">
        <v>0</v>
      </c>
      <c r="E14" s="195">
        <v>0</v>
      </c>
      <c r="F14" s="196">
        <v>18</v>
      </c>
      <c r="G14" s="197">
        <v>39</v>
      </c>
      <c r="H14" s="197">
        <v>348</v>
      </c>
      <c r="I14" s="197">
        <v>530</v>
      </c>
      <c r="J14" s="195">
        <v>485</v>
      </c>
      <c r="K14" s="198">
        <v>1420</v>
      </c>
      <c r="L14" s="199">
        <v>1420</v>
      </c>
      <c r="M14" s="194">
        <v>0</v>
      </c>
      <c r="N14" s="195">
        <v>0</v>
      </c>
      <c r="O14" s="198">
        <v>0</v>
      </c>
      <c r="P14" s="196">
        <v>18</v>
      </c>
      <c r="Q14" s="197">
        <v>38</v>
      </c>
      <c r="R14" s="197">
        <v>344</v>
      </c>
      <c r="S14" s="197">
        <v>527</v>
      </c>
      <c r="T14" s="195">
        <v>478</v>
      </c>
      <c r="U14" s="198">
        <v>1405</v>
      </c>
      <c r="V14" s="200">
        <v>1405</v>
      </c>
      <c r="W14" s="201">
        <v>0</v>
      </c>
      <c r="X14" s="195">
        <v>0</v>
      </c>
      <c r="Y14" s="198">
        <v>0</v>
      </c>
      <c r="Z14" s="201">
        <v>0</v>
      </c>
      <c r="AA14" s="197">
        <v>1</v>
      </c>
      <c r="AB14" s="197">
        <v>4</v>
      </c>
      <c r="AC14" s="197">
        <v>3</v>
      </c>
      <c r="AD14" s="195">
        <v>7</v>
      </c>
      <c r="AE14" s="198">
        <v>15</v>
      </c>
      <c r="AF14" s="202">
        <v>15</v>
      </c>
      <c r="AG14" s="201">
        <v>0</v>
      </c>
      <c r="AH14" s="195">
        <v>0</v>
      </c>
      <c r="AI14" s="198">
        <v>0</v>
      </c>
      <c r="AJ14" s="201">
        <v>88</v>
      </c>
      <c r="AK14" s="197">
        <v>115</v>
      </c>
      <c r="AL14" s="197">
        <v>166</v>
      </c>
      <c r="AM14" s="197">
        <v>182</v>
      </c>
      <c r="AN14" s="195">
        <v>104</v>
      </c>
      <c r="AO14" s="198">
        <v>655</v>
      </c>
      <c r="AP14" s="202">
        <v>655</v>
      </c>
      <c r="AQ14" s="201">
        <v>0</v>
      </c>
      <c r="AR14" s="195">
        <v>0</v>
      </c>
      <c r="AS14" s="198">
        <v>0</v>
      </c>
      <c r="AT14" s="196">
        <v>84</v>
      </c>
      <c r="AU14" s="197">
        <v>114</v>
      </c>
      <c r="AV14" s="197">
        <v>164</v>
      </c>
      <c r="AW14" s="197">
        <v>178</v>
      </c>
      <c r="AX14" s="195">
        <v>100</v>
      </c>
      <c r="AY14" s="198">
        <v>640</v>
      </c>
      <c r="AZ14" s="199">
        <v>640</v>
      </c>
      <c r="BA14" s="194">
        <v>0</v>
      </c>
      <c r="BB14" s="195">
        <v>0</v>
      </c>
      <c r="BC14" s="195">
        <v>0</v>
      </c>
      <c r="BD14" s="196">
        <v>4</v>
      </c>
      <c r="BE14" s="197">
        <v>1</v>
      </c>
      <c r="BF14" s="197">
        <v>2</v>
      </c>
      <c r="BG14" s="197">
        <v>4</v>
      </c>
      <c r="BH14" s="195">
        <v>4</v>
      </c>
      <c r="BI14" s="198">
        <v>15</v>
      </c>
      <c r="BJ14" s="200">
        <v>15</v>
      </c>
      <c r="BK14" s="201">
        <v>0</v>
      </c>
      <c r="BL14" s="195">
        <v>0</v>
      </c>
      <c r="BM14" s="195">
        <v>0</v>
      </c>
      <c r="BN14" s="196">
        <v>0</v>
      </c>
      <c r="BO14" s="197">
        <v>0</v>
      </c>
      <c r="BP14" s="197">
        <v>0</v>
      </c>
      <c r="BQ14" s="197">
        <v>1</v>
      </c>
      <c r="BR14" s="195">
        <v>2</v>
      </c>
      <c r="BS14" s="198">
        <v>3</v>
      </c>
      <c r="BT14" s="199">
        <v>3</v>
      </c>
      <c r="BU14" s="194">
        <v>0</v>
      </c>
      <c r="BV14" s="195">
        <v>0</v>
      </c>
      <c r="BW14" s="195">
        <v>0</v>
      </c>
      <c r="BX14" s="196">
        <v>0</v>
      </c>
      <c r="BY14" s="197">
        <v>0</v>
      </c>
      <c r="BZ14" s="197">
        <v>0</v>
      </c>
      <c r="CA14" s="197">
        <v>1</v>
      </c>
      <c r="CB14" s="195">
        <v>2</v>
      </c>
      <c r="CC14" s="198">
        <v>3</v>
      </c>
      <c r="CD14" s="200">
        <v>3</v>
      </c>
      <c r="CE14" s="201">
        <v>0</v>
      </c>
      <c r="CF14" s="195">
        <v>0</v>
      </c>
      <c r="CG14" s="195">
        <v>0</v>
      </c>
      <c r="CH14" s="196">
        <v>0</v>
      </c>
      <c r="CI14" s="197">
        <v>0</v>
      </c>
      <c r="CJ14" s="197">
        <v>0</v>
      </c>
      <c r="CK14" s="197">
        <v>0</v>
      </c>
      <c r="CL14" s="195">
        <v>0</v>
      </c>
      <c r="CM14" s="198">
        <v>0</v>
      </c>
      <c r="CN14" s="200">
        <v>0</v>
      </c>
      <c r="CO14" s="201">
        <v>0</v>
      </c>
      <c r="CP14" s="195">
        <v>0</v>
      </c>
      <c r="CQ14" s="195">
        <v>0</v>
      </c>
      <c r="CR14" s="196">
        <v>1</v>
      </c>
      <c r="CS14" s="197">
        <v>0</v>
      </c>
      <c r="CT14" s="197">
        <v>0</v>
      </c>
      <c r="CU14" s="197">
        <v>3</v>
      </c>
      <c r="CV14" s="195">
        <v>32</v>
      </c>
      <c r="CW14" s="198">
        <v>36</v>
      </c>
      <c r="CX14" s="199">
        <v>36</v>
      </c>
      <c r="CY14" s="194">
        <v>0</v>
      </c>
      <c r="CZ14" s="195">
        <v>0</v>
      </c>
      <c r="DA14" s="195">
        <v>0</v>
      </c>
      <c r="DB14" s="196">
        <v>1</v>
      </c>
      <c r="DC14" s="197">
        <v>0</v>
      </c>
      <c r="DD14" s="197">
        <v>0</v>
      </c>
      <c r="DE14" s="197">
        <v>3</v>
      </c>
      <c r="DF14" s="195">
        <v>32</v>
      </c>
      <c r="DG14" s="198">
        <v>36</v>
      </c>
      <c r="DH14" s="200">
        <v>36</v>
      </c>
      <c r="DI14" s="201">
        <v>0</v>
      </c>
      <c r="DJ14" s="195">
        <v>0</v>
      </c>
      <c r="DK14" s="195">
        <v>0</v>
      </c>
      <c r="DL14" s="196">
        <v>0</v>
      </c>
      <c r="DM14" s="197">
        <v>0</v>
      </c>
      <c r="DN14" s="197">
        <v>0</v>
      </c>
      <c r="DO14" s="197">
        <v>0</v>
      </c>
      <c r="DP14" s="195">
        <v>0</v>
      </c>
      <c r="DQ14" s="198">
        <v>0</v>
      </c>
      <c r="DR14" s="200">
        <v>0</v>
      </c>
      <c r="DS14" s="201">
        <v>0</v>
      </c>
      <c r="DT14" s="195">
        <v>0</v>
      </c>
      <c r="DU14" s="195">
        <v>0</v>
      </c>
      <c r="DV14" s="196">
        <v>107</v>
      </c>
      <c r="DW14" s="197">
        <v>154</v>
      </c>
      <c r="DX14" s="197">
        <v>514</v>
      </c>
      <c r="DY14" s="197">
        <v>709</v>
      </c>
      <c r="DZ14" s="195">
        <v>618</v>
      </c>
      <c r="EA14" s="198">
        <v>2102</v>
      </c>
      <c r="EB14" s="200">
        <v>2102</v>
      </c>
      <c r="EC14" s="37"/>
    </row>
    <row r="15" spans="2:133" ht="21" customHeight="1" x14ac:dyDescent="0.2">
      <c r="B15" s="62" t="s">
        <v>11</v>
      </c>
      <c r="C15" s="194">
        <v>0</v>
      </c>
      <c r="D15" s="195">
        <v>0</v>
      </c>
      <c r="E15" s="195">
        <v>0</v>
      </c>
      <c r="F15" s="196">
        <v>2</v>
      </c>
      <c r="G15" s="197">
        <v>6</v>
      </c>
      <c r="H15" s="197">
        <v>191</v>
      </c>
      <c r="I15" s="197">
        <v>353</v>
      </c>
      <c r="J15" s="195">
        <v>184</v>
      </c>
      <c r="K15" s="198">
        <v>736</v>
      </c>
      <c r="L15" s="199">
        <v>736</v>
      </c>
      <c r="M15" s="194">
        <v>0</v>
      </c>
      <c r="N15" s="195">
        <v>0</v>
      </c>
      <c r="O15" s="198">
        <v>0</v>
      </c>
      <c r="P15" s="196">
        <v>2</v>
      </c>
      <c r="Q15" s="197">
        <v>6</v>
      </c>
      <c r="R15" s="197">
        <v>191</v>
      </c>
      <c r="S15" s="197">
        <v>351</v>
      </c>
      <c r="T15" s="195">
        <v>184</v>
      </c>
      <c r="U15" s="198">
        <v>734</v>
      </c>
      <c r="V15" s="200">
        <v>734</v>
      </c>
      <c r="W15" s="201">
        <v>0</v>
      </c>
      <c r="X15" s="195">
        <v>0</v>
      </c>
      <c r="Y15" s="198">
        <v>0</v>
      </c>
      <c r="Z15" s="201">
        <v>0</v>
      </c>
      <c r="AA15" s="197">
        <v>0</v>
      </c>
      <c r="AB15" s="197">
        <v>0</v>
      </c>
      <c r="AC15" s="197">
        <v>2</v>
      </c>
      <c r="AD15" s="195">
        <v>0</v>
      </c>
      <c r="AE15" s="198">
        <v>2</v>
      </c>
      <c r="AF15" s="202">
        <v>2</v>
      </c>
      <c r="AG15" s="201">
        <v>0</v>
      </c>
      <c r="AH15" s="195">
        <v>0</v>
      </c>
      <c r="AI15" s="198">
        <v>0</v>
      </c>
      <c r="AJ15" s="201">
        <v>62</v>
      </c>
      <c r="AK15" s="197">
        <v>78</v>
      </c>
      <c r="AL15" s="197">
        <v>129</v>
      </c>
      <c r="AM15" s="197">
        <v>154</v>
      </c>
      <c r="AN15" s="195">
        <v>75</v>
      </c>
      <c r="AO15" s="198">
        <v>498</v>
      </c>
      <c r="AP15" s="202">
        <v>498</v>
      </c>
      <c r="AQ15" s="201">
        <v>0</v>
      </c>
      <c r="AR15" s="195">
        <v>0</v>
      </c>
      <c r="AS15" s="198">
        <v>0</v>
      </c>
      <c r="AT15" s="196">
        <v>61</v>
      </c>
      <c r="AU15" s="197">
        <v>77</v>
      </c>
      <c r="AV15" s="197">
        <v>126</v>
      </c>
      <c r="AW15" s="197">
        <v>154</v>
      </c>
      <c r="AX15" s="195">
        <v>75</v>
      </c>
      <c r="AY15" s="198">
        <v>493</v>
      </c>
      <c r="AZ15" s="199">
        <v>493</v>
      </c>
      <c r="BA15" s="194">
        <v>0</v>
      </c>
      <c r="BB15" s="195">
        <v>0</v>
      </c>
      <c r="BC15" s="195">
        <v>0</v>
      </c>
      <c r="BD15" s="196">
        <v>1</v>
      </c>
      <c r="BE15" s="197">
        <v>1</v>
      </c>
      <c r="BF15" s="197">
        <v>3</v>
      </c>
      <c r="BG15" s="197">
        <v>0</v>
      </c>
      <c r="BH15" s="195">
        <v>0</v>
      </c>
      <c r="BI15" s="198">
        <v>5</v>
      </c>
      <c r="BJ15" s="200">
        <v>5</v>
      </c>
      <c r="BK15" s="201">
        <v>0</v>
      </c>
      <c r="BL15" s="195">
        <v>0</v>
      </c>
      <c r="BM15" s="195">
        <v>0</v>
      </c>
      <c r="BN15" s="196">
        <v>0</v>
      </c>
      <c r="BO15" s="197">
        <v>0</v>
      </c>
      <c r="BP15" s="197">
        <v>0</v>
      </c>
      <c r="BQ15" s="197">
        <v>0</v>
      </c>
      <c r="BR15" s="195">
        <v>0</v>
      </c>
      <c r="BS15" s="198">
        <v>0</v>
      </c>
      <c r="BT15" s="199">
        <v>0</v>
      </c>
      <c r="BU15" s="194">
        <v>0</v>
      </c>
      <c r="BV15" s="195">
        <v>0</v>
      </c>
      <c r="BW15" s="195">
        <v>0</v>
      </c>
      <c r="BX15" s="196">
        <v>0</v>
      </c>
      <c r="BY15" s="197">
        <v>0</v>
      </c>
      <c r="BZ15" s="197">
        <v>0</v>
      </c>
      <c r="CA15" s="197">
        <v>0</v>
      </c>
      <c r="CB15" s="195">
        <v>0</v>
      </c>
      <c r="CC15" s="198">
        <v>0</v>
      </c>
      <c r="CD15" s="200">
        <v>0</v>
      </c>
      <c r="CE15" s="201">
        <v>0</v>
      </c>
      <c r="CF15" s="195">
        <v>0</v>
      </c>
      <c r="CG15" s="195">
        <v>0</v>
      </c>
      <c r="CH15" s="196">
        <v>0</v>
      </c>
      <c r="CI15" s="197">
        <v>0</v>
      </c>
      <c r="CJ15" s="197">
        <v>0</v>
      </c>
      <c r="CK15" s="197">
        <v>0</v>
      </c>
      <c r="CL15" s="195">
        <v>0</v>
      </c>
      <c r="CM15" s="198">
        <v>0</v>
      </c>
      <c r="CN15" s="200">
        <v>0</v>
      </c>
      <c r="CO15" s="201">
        <v>0</v>
      </c>
      <c r="CP15" s="195">
        <v>0</v>
      </c>
      <c r="CQ15" s="195">
        <v>0</v>
      </c>
      <c r="CR15" s="196">
        <v>2</v>
      </c>
      <c r="CS15" s="197">
        <v>5</v>
      </c>
      <c r="CT15" s="197">
        <v>7</v>
      </c>
      <c r="CU15" s="197">
        <v>12</v>
      </c>
      <c r="CV15" s="195">
        <v>25</v>
      </c>
      <c r="CW15" s="198">
        <v>51</v>
      </c>
      <c r="CX15" s="199">
        <v>51</v>
      </c>
      <c r="CY15" s="194">
        <v>0</v>
      </c>
      <c r="CZ15" s="195">
        <v>0</v>
      </c>
      <c r="DA15" s="195">
        <v>0</v>
      </c>
      <c r="DB15" s="196">
        <v>1</v>
      </c>
      <c r="DC15" s="197">
        <v>5</v>
      </c>
      <c r="DD15" s="197">
        <v>7</v>
      </c>
      <c r="DE15" s="197">
        <v>12</v>
      </c>
      <c r="DF15" s="195">
        <v>21</v>
      </c>
      <c r="DG15" s="198">
        <v>46</v>
      </c>
      <c r="DH15" s="200">
        <v>46</v>
      </c>
      <c r="DI15" s="201">
        <v>0</v>
      </c>
      <c r="DJ15" s="195">
        <v>0</v>
      </c>
      <c r="DK15" s="195">
        <v>0</v>
      </c>
      <c r="DL15" s="196">
        <v>1</v>
      </c>
      <c r="DM15" s="197">
        <v>0</v>
      </c>
      <c r="DN15" s="197">
        <v>0</v>
      </c>
      <c r="DO15" s="197">
        <v>0</v>
      </c>
      <c r="DP15" s="195">
        <v>4</v>
      </c>
      <c r="DQ15" s="198">
        <v>5</v>
      </c>
      <c r="DR15" s="200">
        <v>5</v>
      </c>
      <c r="DS15" s="201">
        <v>0</v>
      </c>
      <c r="DT15" s="195">
        <v>0</v>
      </c>
      <c r="DU15" s="195">
        <v>0</v>
      </c>
      <c r="DV15" s="196">
        <v>66</v>
      </c>
      <c r="DW15" s="197">
        <v>89</v>
      </c>
      <c r="DX15" s="197">
        <v>327</v>
      </c>
      <c r="DY15" s="197">
        <v>517</v>
      </c>
      <c r="DZ15" s="195">
        <v>284</v>
      </c>
      <c r="EA15" s="198">
        <v>1283</v>
      </c>
      <c r="EB15" s="200">
        <v>1283</v>
      </c>
      <c r="EC15" s="37"/>
    </row>
    <row r="16" spans="2:133" ht="21" customHeight="1" x14ac:dyDescent="0.2">
      <c r="B16" s="62" t="s">
        <v>12</v>
      </c>
      <c r="C16" s="194">
        <v>0</v>
      </c>
      <c r="D16" s="195">
        <v>0</v>
      </c>
      <c r="E16" s="195">
        <v>0</v>
      </c>
      <c r="F16" s="196">
        <v>1</v>
      </c>
      <c r="G16" s="197">
        <v>19</v>
      </c>
      <c r="H16" s="197">
        <v>182</v>
      </c>
      <c r="I16" s="197">
        <v>299</v>
      </c>
      <c r="J16" s="195">
        <v>242</v>
      </c>
      <c r="K16" s="198">
        <v>743</v>
      </c>
      <c r="L16" s="199">
        <v>743</v>
      </c>
      <c r="M16" s="194">
        <v>0</v>
      </c>
      <c r="N16" s="195">
        <v>0</v>
      </c>
      <c r="O16" s="198">
        <v>0</v>
      </c>
      <c r="P16" s="196">
        <v>1</v>
      </c>
      <c r="Q16" s="197">
        <v>19</v>
      </c>
      <c r="R16" s="197">
        <v>182</v>
      </c>
      <c r="S16" s="197">
        <v>297</v>
      </c>
      <c r="T16" s="195">
        <v>239</v>
      </c>
      <c r="U16" s="198">
        <v>738</v>
      </c>
      <c r="V16" s="200">
        <v>738</v>
      </c>
      <c r="W16" s="201">
        <v>0</v>
      </c>
      <c r="X16" s="195">
        <v>0</v>
      </c>
      <c r="Y16" s="198">
        <v>0</v>
      </c>
      <c r="Z16" s="201">
        <v>0</v>
      </c>
      <c r="AA16" s="197">
        <v>0</v>
      </c>
      <c r="AB16" s="197">
        <v>0</v>
      </c>
      <c r="AC16" s="197">
        <v>2</v>
      </c>
      <c r="AD16" s="195">
        <v>3</v>
      </c>
      <c r="AE16" s="198">
        <v>5</v>
      </c>
      <c r="AF16" s="202">
        <v>5</v>
      </c>
      <c r="AG16" s="201">
        <v>0</v>
      </c>
      <c r="AH16" s="195">
        <v>0</v>
      </c>
      <c r="AI16" s="198">
        <v>0</v>
      </c>
      <c r="AJ16" s="201">
        <v>36</v>
      </c>
      <c r="AK16" s="197">
        <v>93</v>
      </c>
      <c r="AL16" s="197">
        <v>167</v>
      </c>
      <c r="AM16" s="197">
        <v>169</v>
      </c>
      <c r="AN16" s="195">
        <v>69</v>
      </c>
      <c r="AO16" s="198">
        <v>534</v>
      </c>
      <c r="AP16" s="202">
        <v>534</v>
      </c>
      <c r="AQ16" s="201">
        <v>0</v>
      </c>
      <c r="AR16" s="195">
        <v>0</v>
      </c>
      <c r="AS16" s="198">
        <v>0</v>
      </c>
      <c r="AT16" s="196">
        <v>35</v>
      </c>
      <c r="AU16" s="197">
        <v>93</v>
      </c>
      <c r="AV16" s="197">
        <v>165</v>
      </c>
      <c r="AW16" s="197">
        <v>167</v>
      </c>
      <c r="AX16" s="195">
        <v>69</v>
      </c>
      <c r="AY16" s="198">
        <v>529</v>
      </c>
      <c r="AZ16" s="199">
        <v>529</v>
      </c>
      <c r="BA16" s="194">
        <v>0</v>
      </c>
      <c r="BB16" s="195">
        <v>0</v>
      </c>
      <c r="BC16" s="195">
        <v>0</v>
      </c>
      <c r="BD16" s="196">
        <v>1</v>
      </c>
      <c r="BE16" s="197">
        <v>0</v>
      </c>
      <c r="BF16" s="197">
        <v>2</v>
      </c>
      <c r="BG16" s="197">
        <v>2</v>
      </c>
      <c r="BH16" s="195">
        <v>0</v>
      </c>
      <c r="BI16" s="198">
        <v>5</v>
      </c>
      <c r="BJ16" s="200">
        <v>5</v>
      </c>
      <c r="BK16" s="201">
        <v>0</v>
      </c>
      <c r="BL16" s="195">
        <v>0</v>
      </c>
      <c r="BM16" s="195">
        <v>0</v>
      </c>
      <c r="BN16" s="196">
        <v>0</v>
      </c>
      <c r="BO16" s="197">
        <v>0</v>
      </c>
      <c r="BP16" s="197">
        <v>0</v>
      </c>
      <c r="BQ16" s="197">
        <v>0</v>
      </c>
      <c r="BR16" s="195">
        <v>1</v>
      </c>
      <c r="BS16" s="198">
        <v>1</v>
      </c>
      <c r="BT16" s="199">
        <v>1</v>
      </c>
      <c r="BU16" s="194">
        <v>0</v>
      </c>
      <c r="BV16" s="195">
        <v>0</v>
      </c>
      <c r="BW16" s="195">
        <v>0</v>
      </c>
      <c r="BX16" s="196">
        <v>0</v>
      </c>
      <c r="BY16" s="197">
        <v>0</v>
      </c>
      <c r="BZ16" s="197">
        <v>0</v>
      </c>
      <c r="CA16" s="197">
        <v>0</v>
      </c>
      <c r="CB16" s="195">
        <v>1</v>
      </c>
      <c r="CC16" s="198">
        <v>1</v>
      </c>
      <c r="CD16" s="200">
        <v>1</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2</v>
      </c>
      <c r="CT16" s="197">
        <v>1</v>
      </c>
      <c r="CU16" s="197">
        <v>14</v>
      </c>
      <c r="CV16" s="195">
        <v>11</v>
      </c>
      <c r="CW16" s="198">
        <v>28</v>
      </c>
      <c r="CX16" s="199">
        <v>28</v>
      </c>
      <c r="CY16" s="194">
        <v>0</v>
      </c>
      <c r="CZ16" s="195">
        <v>0</v>
      </c>
      <c r="DA16" s="195">
        <v>0</v>
      </c>
      <c r="DB16" s="196">
        <v>0</v>
      </c>
      <c r="DC16" s="197">
        <v>2</v>
      </c>
      <c r="DD16" s="197">
        <v>1</v>
      </c>
      <c r="DE16" s="197">
        <v>14</v>
      </c>
      <c r="DF16" s="195">
        <v>11</v>
      </c>
      <c r="DG16" s="198">
        <v>28</v>
      </c>
      <c r="DH16" s="200">
        <v>28</v>
      </c>
      <c r="DI16" s="201">
        <v>0</v>
      </c>
      <c r="DJ16" s="195">
        <v>0</v>
      </c>
      <c r="DK16" s="195">
        <v>0</v>
      </c>
      <c r="DL16" s="196">
        <v>0</v>
      </c>
      <c r="DM16" s="197">
        <v>0</v>
      </c>
      <c r="DN16" s="197">
        <v>0</v>
      </c>
      <c r="DO16" s="197">
        <v>0</v>
      </c>
      <c r="DP16" s="195">
        <v>0</v>
      </c>
      <c r="DQ16" s="198">
        <v>0</v>
      </c>
      <c r="DR16" s="200">
        <v>0</v>
      </c>
      <c r="DS16" s="201">
        <v>0</v>
      </c>
      <c r="DT16" s="195">
        <v>0</v>
      </c>
      <c r="DU16" s="195">
        <v>0</v>
      </c>
      <c r="DV16" s="196">
        <v>37</v>
      </c>
      <c r="DW16" s="197">
        <v>114</v>
      </c>
      <c r="DX16" s="197">
        <v>349</v>
      </c>
      <c r="DY16" s="197">
        <v>478</v>
      </c>
      <c r="DZ16" s="195">
        <v>321</v>
      </c>
      <c r="EA16" s="198">
        <v>1299</v>
      </c>
      <c r="EB16" s="200">
        <v>1299</v>
      </c>
      <c r="EC16" s="37"/>
    </row>
    <row r="17" spans="2:133" ht="21" customHeight="1" x14ac:dyDescent="0.2">
      <c r="B17" s="62" t="s">
        <v>13</v>
      </c>
      <c r="C17" s="194">
        <v>0</v>
      </c>
      <c r="D17" s="195">
        <v>0</v>
      </c>
      <c r="E17" s="195">
        <v>0</v>
      </c>
      <c r="F17" s="196">
        <v>3</v>
      </c>
      <c r="G17" s="197">
        <v>4</v>
      </c>
      <c r="H17" s="197">
        <v>62</v>
      </c>
      <c r="I17" s="197">
        <v>152</v>
      </c>
      <c r="J17" s="195">
        <v>119</v>
      </c>
      <c r="K17" s="198">
        <v>340</v>
      </c>
      <c r="L17" s="199">
        <v>340</v>
      </c>
      <c r="M17" s="194">
        <v>0</v>
      </c>
      <c r="N17" s="195">
        <v>0</v>
      </c>
      <c r="O17" s="198">
        <v>0</v>
      </c>
      <c r="P17" s="196">
        <v>3</v>
      </c>
      <c r="Q17" s="197">
        <v>4</v>
      </c>
      <c r="R17" s="197">
        <v>62</v>
      </c>
      <c r="S17" s="197">
        <v>152</v>
      </c>
      <c r="T17" s="195">
        <v>118</v>
      </c>
      <c r="U17" s="198">
        <v>339</v>
      </c>
      <c r="V17" s="200">
        <v>339</v>
      </c>
      <c r="W17" s="201">
        <v>0</v>
      </c>
      <c r="X17" s="195">
        <v>0</v>
      </c>
      <c r="Y17" s="198">
        <v>0</v>
      </c>
      <c r="Z17" s="201">
        <v>0</v>
      </c>
      <c r="AA17" s="197">
        <v>0</v>
      </c>
      <c r="AB17" s="197">
        <v>0</v>
      </c>
      <c r="AC17" s="197">
        <v>0</v>
      </c>
      <c r="AD17" s="195">
        <v>1</v>
      </c>
      <c r="AE17" s="198">
        <v>1</v>
      </c>
      <c r="AF17" s="202">
        <v>1</v>
      </c>
      <c r="AG17" s="201">
        <v>0</v>
      </c>
      <c r="AH17" s="195">
        <v>0</v>
      </c>
      <c r="AI17" s="198">
        <v>0</v>
      </c>
      <c r="AJ17" s="201">
        <v>10</v>
      </c>
      <c r="AK17" s="197">
        <v>26</v>
      </c>
      <c r="AL17" s="197">
        <v>33</v>
      </c>
      <c r="AM17" s="197">
        <v>27</v>
      </c>
      <c r="AN17" s="195">
        <v>23</v>
      </c>
      <c r="AO17" s="198">
        <v>119</v>
      </c>
      <c r="AP17" s="202">
        <v>119</v>
      </c>
      <c r="AQ17" s="201">
        <v>0</v>
      </c>
      <c r="AR17" s="195">
        <v>0</v>
      </c>
      <c r="AS17" s="198">
        <v>0</v>
      </c>
      <c r="AT17" s="196">
        <v>10</v>
      </c>
      <c r="AU17" s="197">
        <v>26</v>
      </c>
      <c r="AV17" s="197">
        <v>32</v>
      </c>
      <c r="AW17" s="197">
        <v>27</v>
      </c>
      <c r="AX17" s="195">
        <v>21</v>
      </c>
      <c r="AY17" s="198">
        <v>116</v>
      </c>
      <c r="AZ17" s="199">
        <v>116</v>
      </c>
      <c r="BA17" s="194">
        <v>0</v>
      </c>
      <c r="BB17" s="195">
        <v>0</v>
      </c>
      <c r="BC17" s="195">
        <v>0</v>
      </c>
      <c r="BD17" s="196">
        <v>0</v>
      </c>
      <c r="BE17" s="197">
        <v>0</v>
      </c>
      <c r="BF17" s="197">
        <v>1</v>
      </c>
      <c r="BG17" s="197">
        <v>0</v>
      </c>
      <c r="BH17" s="195">
        <v>2</v>
      </c>
      <c r="BI17" s="198">
        <v>3</v>
      </c>
      <c r="BJ17" s="200">
        <v>3</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1</v>
      </c>
      <c r="CW17" s="198">
        <v>1</v>
      </c>
      <c r="CX17" s="199">
        <v>1</v>
      </c>
      <c r="CY17" s="194">
        <v>0</v>
      </c>
      <c r="CZ17" s="195">
        <v>0</v>
      </c>
      <c r="DA17" s="195">
        <v>0</v>
      </c>
      <c r="DB17" s="196">
        <v>0</v>
      </c>
      <c r="DC17" s="197">
        <v>0</v>
      </c>
      <c r="DD17" s="197">
        <v>0</v>
      </c>
      <c r="DE17" s="197">
        <v>0</v>
      </c>
      <c r="DF17" s="195">
        <v>1</v>
      </c>
      <c r="DG17" s="198">
        <v>1</v>
      </c>
      <c r="DH17" s="200">
        <v>1</v>
      </c>
      <c r="DI17" s="201">
        <v>0</v>
      </c>
      <c r="DJ17" s="195">
        <v>0</v>
      </c>
      <c r="DK17" s="195">
        <v>0</v>
      </c>
      <c r="DL17" s="196">
        <v>0</v>
      </c>
      <c r="DM17" s="197">
        <v>0</v>
      </c>
      <c r="DN17" s="197">
        <v>0</v>
      </c>
      <c r="DO17" s="197">
        <v>0</v>
      </c>
      <c r="DP17" s="195">
        <v>0</v>
      </c>
      <c r="DQ17" s="198">
        <v>0</v>
      </c>
      <c r="DR17" s="200">
        <v>0</v>
      </c>
      <c r="DS17" s="201">
        <v>0</v>
      </c>
      <c r="DT17" s="195">
        <v>0</v>
      </c>
      <c r="DU17" s="195">
        <v>0</v>
      </c>
      <c r="DV17" s="196">
        <v>13</v>
      </c>
      <c r="DW17" s="197">
        <v>30</v>
      </c>
      <c r="DX17" s="197">
        <v>95</v>
      </c>
      <c r="DY17" s="197">
        <v>179</v>
      </c>
      <c r="DZ17" s="195">
        <v>143</v>
      </c>
      <c r="EA17" s="198">
        <v>460</v>
      </c>
      <c r="EB17" s="200">
        <v>460</v>
      </c>
      <c r="EC17" s="37"/>
    </row>
    <row r="18" spans="2:133" ht="21" customHeight="1" x14ac:dyDescent="0.2">
      <c r="B18" s="62" t="s">
        <v>15</v>
      </c>
      <c r="C18" s="194">
        <v>0</v>
      </c>
      <c r="D18" s="195">
        <v>0</v>
      </c>
      <c r="E18" s="195">
        <v>0</v>
      </c>
      <c r="F18" s="196">
        <v>1</v>
      </c>
      <c r="G18" s="197">
        <v>1</v>
      </c>
      <c r="H18" s="197">
        <v>80</v>
      </c>
      <c r="I18" s="197">
        <v>133</v>
      </c>
      <c r="J18" s="195">
        <v>93</v>
      </c>
      <c r="K18" s="198">
        <v>308</v>
      </c>
      <c r="L18" s="199">
        <v>308</v>
      </c>
      <c r="M18" s="194">
        <v>0</v>
      </c>
      <c r="N18" s="195">
        <v>0</v>
      </c>
      <c r="O18" s="198">
        <v>0</v>
      </c>
      <c r="P18" s="196">
        <v>1</v>
      </c>
      <c r="Q18" s="197">
        <v>1</v>
      </c>
      <c r="R18" s="197">
        <v>80</v>
      </c>
      <c r="S18" s="197">
        <v>132</v>
      </c>
      <c r="T18" s="195">
        <v>91</v>
      </c>
      <c r="U18" s="198">
        <v>305</v>
      </c>
      <c r="V18" s="200">
        <v>305</v>
      </c>
      <c r="W18" s="201">
        <v>0</v>
      </c>
      <c r="X18" s="195">
        <v>0</v>
      </c>
      <c r="Y18" s="198">
        <v>0</v>
      </c>
      <c r="Z18" s="201">
        <v>0</v>
      </c>
      <c r="AA18" s="197">
        <v>0</v>
      </c>
      <c r="AB18" s="197">
        <v>0</v>
      </c>
      <c r="AC18" s="197">
        <v>1</v>
      </c>
      <c r="AD18" s="195">
        <v>2</v>
      </c>
      <c r="AE18" s="198">
        <v>3</v>
      </c>
      <c r="AF18" s="202">
        <v>3</v>
      </c>
      <c r="AG18" s="201">
        <v>0</v>
      </c>
      <c r="AH18" s="195">
        <v>0</v>
      </c>
      <c r="AI18" s="198">
        <v>0</v>
      </c>
      <c r="AJ18" s="201">
        <v>25</v>
      </c>
      <c r="AK18" s="197">
        <v>31</v>
      </c>
      <c r="AL18" s="197">
        <v>54</v>
      </c>
      <c r="AM18" s="197">
        <v>45</v>
      </c>
      <c r="AN18" s="195">
        <v>25</v>
      </c>
      <c r="AO18" s="198">
        <v>180</v>
      </c>
      <c r="AP18" s="202">
        <v>180</v>
      </c>
      <c r="AQ18" s="201">
        <v>0</v>
      </c>
      <c r="AR18" s="195">
        <v>0</v>
      </c>
      <c r="AS18" s="198">
        <v>0</v>
      </c>
      <c r="AT18" s="196">
        <v>24</v>
      </c>
      <c r="AU18" s="197">
        <v>31</v>
      </c>
      <c r="AV18" s="197">
        <v>54</v>
      </c>
      <c r="AW18" s="197">
        <v>43</v>
      </c>
      <c r="AX18" s="195">
        <v>24</v>
      </c>
      <c r="AY18" s="198">
        <v>176</v>
      </c>
      <c r="AZ18" s="199">
        <v>176</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0</v>
      </c>
      <c r="BS18" s="198">
        <v>0</v>
      </c>
      <c r="BT18" s="199">
        <v>0</v>
      </c>
      <c r="BU18" s="194">
        <v>0</v>
      </c>
      <c r="BV18" s="195">
        <v>0</v>
      </c>
      <c r="BW18" s="195">
        <v>0</v>
      </c>
      <c r="BX18" s="196">
        <v>0</v>
      </c>
      <c r="BY18" s="197">
        <v>0</v>
      </c>
      <c r="BZ18" s="197">
        <v>0</v>
      </c>
      <c r="CA18" s="197">
        <v>0</v>
      </c>
      <c r="CB18" s="195">
        <v>0</v>
      </c>
      <c r="CC18" s="198">
        <v>0</v>
      </c>
      <c r="CD18" s="200">
        <v>0</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6</v>
      </c>
      <c r="DW18" s="197">
        <v>32</v>
      </c>
      <c r="DX18" s="197">
        <v>134</v>
      </c>
      <c r="DY18" s="197">
        <v>178</v>
      </c>
      <c r="DZ18" s="195">
        <v>118</v>
      </c>
      <c r="EA18" s="198">
        <v>488</v>
      </c>
      <c r="EB18" s="200">
        <v>488</v>
      </c>
      <c r="EC18" s="37"/>
    </row>
    <row r="19" spans="2:133" ht="21" customHeight="1" x14ac:dyDescent="0.2">
      <c r="B19" s="62" t="s">
        <v>16</v>
      </c>
      <c r="C19" s="194">
        <v>0</v>
      </c>
      <c r="D19" s="195">
        <v>0</v>
      </c>
      <c r="E19" s="195">
        <v>0</v>
      </c>
      <c r="F19" s="196">
        <v>7</v>
      </c>
      <c r="G19" s="197">
        <v>18</v>
      </c>
      <c r="H19" s="197">
        <v>197</v>
      </c>
      <c r="I19" s="197">
        <v>299</v>
      </c>
      <c r="J19" s="195">
        <v>202</v>
      </c>
      <c r="K19" s="198">
        <v>723</v>
      </c>
      <c r="L19" s="199">
        <v>723</v>
      </c>
      <c r="M19" s="194">
        <v>0</v>
      </c>
      <c r="N19" s="195">
        <v>0</v>
      </c>
      <c r="O19" s="198">
        <v>0</v>
      </c>
      <c r="P19" s="196">
        <v>7</v>
      </c>
      <c r="Q19" s="197">
        <v>17</v>
      </c>
      <c r="R19" s="197">
        <v>197</v>
      </c>
      <c r="S19" s="197">
        <v>297</v>
      </c>
      <c r="T19" s="195">
        <v>199</v>
      </c>
      <c r="U19" s="198">
        <v>717</v>
      </c>
      <c r="V19" s="200">
        <v>717</v>
      </c>
      <c r="W19" s="201">
        <v>0</v>
      </c>
      <c r="X19" s="195">
        <v>0</v>
      </c>
      <c r="Y19" s="198">
        <v>0</v>
      </c>
      <c r="Z19" s="201">
        <v>0</v>
      </c>
      <c r="AA19" s="197">
        <v>1</v>
      </c>
      <c r="AB19" s="197">
        <v>0</v>
      </c>
      <c r="AC19" s="197">
        <v>2</v>
      </c>
      <c r="AD19" s="195">
        <v>3</v>
      </c>
      <c r="AE19" s="198">
        <v>6</v>
      </c>
      <c r="AF19" s="202">
        <v>6</v>
      </c>
      <c r="AG19" s="201">
        <v>0</v>
      </c>
      <c r="AH19" s="195">
        <v>0</v>
      </c>
      <c r="AI19" s="198">
        <v>0</v>
      </c>
      <c r="AJ19" s="201">
        <v>54</v>
      </c>
      <c r="AK19" s="197">
        <v>96</v>
      </c>
      <c r="AL19" s="197">
        <v>135</v>
      </c>
      <c r="AM19" s="197">
        <v>137</v>
      </c>
      <c r="AN19" s="195">
        <v>58</v>
      </c>
      <c r="AO19" s="198">
        <v>480</v>
      </c>
      <c r="AP19" s="202">
        <v>480</v>
      </c>
      <c r="AQ19" s="201">
        <v>0</v>
      </c>
      <c r="AR19" s="195">
        <v>0</v>
      </c>
      <c r="AS19" s="198">
        <v>0</v>
      </c>
      <c r="AT19" s="196">
        <v>54</v>
      </c>
      <c r="AU19" s="197">
        <v>96</v>
      </c>
      <c r="AV19" s="197">
        <v>135</v>
      </c>
      <c r="AW19" s="197">
        <v>136</v>
      </c>
      <c r="AX19" s="195">
        <v>56</v>
      </c>
      <c r="AY19" s="198">
        <v>477</v>
      </c>
      <c r="AZ19" s="199">
        <v>477</v>
      </c>
      <c r="BA19" s="194">
        <v>0</v>
      </c>
      <c r="BB19" s="195">
        <v>0</v>
      </c>
      <c r="BC19" s="195">
        <v>0</v>
      </c>
      <c r="BD19" s="196">
        <v>0</v>
      </c>
      <c r="BE19" s="197">
        <v>0</v>
      </c>
      <c r="BF19" s="197">
        <v>0</v>
      </c>
      <c r="BG19" s="197">
        <v>1</v>
      </c>
      <c r="BH19" s="195">
        <v>2</v>
      </c>
      <c r="BI19" s="198">
        <v>3</v>
      </c>
      <c r="BJ19" s="200">
        <v>3</v>
      </c>
      <c r="BK19" s="201">
        <v>0</v>
      </c>
      <c r="BL19" s="195">
        <v>0</v>
      </c>
      <c r="BM19" s="195">
        <v>0</v>
      </c>
      <c r="BN19" s="196">
        <v>0</v>
      </c>
      <c r="BO19" s="197">
        <v>0</v>
      </c>
      <c r="BP19" s="197">
        <v>0</v>
      </c>
      <c r="BQ19" s="197">
        <v>0</v>
      </c>
      <c r="BR19" s="195">
        <v>1</v>
      </c>
      <c r="BS19" s="198">
        <v>1</v>
      </c>
      <c r="BT19" s="199">
        <v>1</v>
      </c>
      <c r="BU19" s="194">
        <v>0</v>
      </c>
      <c r="BV19" s="195">
        <v>0</v>
      </c>
      <c r="BW19" s="195">
        <v>0</v>
      </c>
      <c r="BX19" s="196">
        <v>0</v>
      </c>
      <c r="BY19" s="197">
        <v>0</v>
      </c>
      <c r="BZ19" s="197">
        <v>0</v>
      </c>
      <c r="CA19" s="197">
        <v>0</v>
      </c>
      <c r="CB19" s="195">
        <v>1</v>
      </c>
      <c r="CC19" s="198">
        <v>1</v>
      </c>
      <c r="CD19" s="200">
        <v>1</v>
      </c>
      <c r="CE19" s="201">
        <v>0</v>
      </c>
      <c r="CF19" s="195">
        <v>0</v>
      </c>
      <c r="CG19" s="195">
        <v>0</v>
      </c>
      <c r="CH19" s="196">
        <v>0</v>
      </c>
      <c r="CI19" s="197">
        <v>0</v>
      </c>
      <c r="CJ19" s="197">
        <v>0</v>
      </c>
      <c r="CK19" s="197">
        <v>0</v>
      </c>
      <c r="CL19" s="195">
        <v>0</v>
      </c>
      <c r="CM19" s="198">
        <v>0</v>
      </c>
      <c r="CN19" s="200">
        <v>0</v>
      </c>
      <c r="CO19" s="201">
        <v>0</v>
      </c>
      <c r="CP19" s="195">
        <v>0</v>
      </c>
      <c r="CQ19" s="195">
        <v>0</v>
      </c>
      <c r="CR19" s="196">
        <v>0</v>
      </c>
      <c r="CS19" s="197">
        <v>1</v>
      </c>
      <c r="CT19" s="197">
        <v>3</v>
      </c>
      <c r="CU19" s="197">
        <v>9</v>
      </c>
      <c r="CV19" s="195">
        <v>19</v>
      </c>
      <c r="CW19" s="198">
        <v>32</v>
      </c>
      <c r="CX19" s="199">
        <v>32</v>
      </c>
      <c r="CY19" s="194">
        <v>0</v>
      </c>
      <c r="CZ19" s="195">
        <v>0</v>
      </c>
      <c r="DA19" s="195">
        <v>0</v>
      </c>
      <c r="DB19" s="196">
        <v>0</v>
      </c>
      <c r="DC19" s="197">
        <v>1</v>
      </c>
      <c r="DD19" s="197">
        <v>3</v>
      </c>
      <c r="DE19" s="197">
        <v>9</v>
      </c>
      <c r="DF19" s="195">
        <v>19</v>
      </c>
      <c r="DG19" s="198">
        <v>32</v>
      </c>
      <c r="DH19" s="200">
        <v>32</v>
      </c>
      <c r="DI19" s="201">
        <v>0</v>
      </c>
      <c r="DJ19" s="195">
        <v>0</v>
      </c>
      <c r="DK19" s="195">
        <v>0</v>
      </c>
      <c r="DL19" s="196">
        <v>0</v>
      </c>
      <c r="DM19" s="197">
        <v>0</v>
      </c>
      <c r="DN19" s="197">
        <v>0</v>
      </c>
      <c r="DO19" s="197">
        <v>0</v>
      </c>
      <c r="DP19" s="195">
        <v>0</v>
      </c>
      <c r="DQ19" s="198">
        <v>0</v>
      </c>
      <c r="DR19" s="200">
        <v>0</v>
      </c>
      <c r="DS19" s="201">
        <v>0</v>
      </c>
      <c r="DT19" s="195">
        <v>0</v>
      </c>
      <c r="DU19" s="195">
        <v>0</v>
      </c>
      <c r="DV19" s="196">
        <v>61</v>
      </c>
      <c r="DW19" s="197">
        <v>115</v>
      </c>
      <c r="DX19" s="197">
        <v>334</v>
      </c>
      <c r="DY19" s="197">
        <v>443</v>
      </c>
      <c r="DZ19" s="195">
        <v>278</v>
      </c>
      <c r="EA19" s="198">
        <v>1231</v>
      </c>
      <c r="EB19" s="200">
        <v>1231</v>
      </c>
      <c r="EC19" s="37"/>
    </row>
    <row r="20" spans="2:133" ht="21" customHeight="1" x14ac:dyDescent="0.2">
      <c r="B20" s="62" t="s">
        <v>17</v>
      </c>
      <c r="C20" s="194">
        <v>0</v>
      </c>
      <c r="D20" s="195">
        <v>0</v>
      </c>
      <c r="E20" s="195">
        <v>0</v>
      </c>
      <c r="F20" s="196">
        <v>2</v>
      </c>
      <c r="G20" s="197">
        <v>14</v>
      </c>
      <c r="H20" s="197">
        <v>200</v>
      </c>
      <c r="I20" s="197">
        <v>265</v>
      </c>
      <c r="J20" s="195">
        <v>221</v>
      </c>
      <c r="K20" s="198">
        <v>702</v>
      </c>
      <c r="L20" s="199">
        <v>702</v>
      </c>
      <c r="M20" s="194">
        <v>0</v>
      </c>
      <c r="N20" s="195">
        <v>0</v>
      </c>
      <c r="O20" s="198">
        <v>0</v>
      </c>
      <c r="P20" s="196">
        <v>2</v>
      </c>
      <c r="Q20" s="197">
        <v>14</v>
      </c>
      <c r="R20" s="197">
        <v>200</v>
      </c>
      <c r="S20" s="197">
        <v>264</v>
      </c>
      <c r="T20" s="195">
        <v>218</v>
      </c>
      <c r="U20" s="198">
        <v>698</v>
      </c>
      <c r="V20" s="200">
        <v>698</v>
      </c>
      <c r="W20" s="201">
        <v>0</v>
      </c>
      <c r="X20" s="195">
        <v>0</v>
      </c>
      <c r="Y20" s="198">
        <v>0</v>
      </c>
      <c r="Z20" s="201">
        <v>0</v>
      </c>
      <c r="AA20" s="197">
        <v>0</v>
      </c>
      <c r="AB20" s="197">
        <v>0</v>
      </c>
      <c r="AC20" s="197">
        <v>1</v>
      </c>
      <c r="AD20" s="195">
        <v>3</v>
      </c>
      <c r="AE20" s="198">
        <v>4</v>
      </c>
      <c r="AF20" s="202">
        <v>4</v>
      </c>
      <c r="AG20" s="201">
        <v>0</v>
      </c>
      <c r="AH20" s="195">
        <v>0</v>
      </c>
      <c r="AI20" s="198">
        <v>0</v>
      </c>
      <c r="AJ20" s="201">
        <v>46</v>
      </c>
      <c r="AK20" s="197">
        <v>115</v>
      </c>
      <c r="AL20" s="197">
        <v>142</v>
      </c>
      <c r="AM20" s="197">
        <v>137</v>
      </c>
      <c r="AN20" s="195">
        <v>79</v>
      </c>
      <c r="AO20" s="198">
        <v>519</v>
      </c>
      <c r="AP20" s="202">
        <v>519</v>
      </c>
      <c r="AQ20" s="201">
        <v>0</v>
      </c>
      <c r="AR20" s="195">
        <v>0</v>
      </c>
      <c r="AS20" s="198">
        <v>0</v>
      </c>
      <c r="AT20" s="196">
        <v>44</v>
      </c>
      <c r="AU20" s="197">
        <v>113</v>
      </c>
      <c r="AV20" s="197">
        <v>137</v>
      </c>
      <c r="AW20" s="197">
        <v>135</v>
      </c>
      <c r="AX20" s="195">
        <v>79</v>
      </c>
      <c r="AY20" s="198">
        <v>508</v>
      </c>
      <c r="AZ20" s="199">
        <v>508</v>
      </c>
      <c r="BA20" s="194">
        <v>0</v>
      </c>
      <c r="BB20" s="195">
        <v>0</v>
      </c>
      <c r="BC20" s="195">
        <v>0</v>
      </c>
      <c r="BD20" s="196">
        <v>2</v>
      </c>
      <c r="BE20" s="197">
        <v>2</v>
      </c>
      <c r="BF20" s="197">
        <v>5</v>
      </c>
      <c r="BG20" s="197">
        <v>2</v>
      </c>
      <c r="BH20" s="195">
        <v>0</v>
      </c>
      <c r="BI20" s="198">
        <v>11</v>
      </c>
      <c r="BJ20" s="200">
        <v>11</v>
      </c>
      <c r="BK20" s="201">
        <v>0</v>
      </c>
      <c r="BL20" s="195">
        <v>0</v>
      </c>
      <c r="BM20" s="195">
        <v>0</v>
      </c>
      <c r="BN20" s="196">
        <v>0</v>
      </c>
      <c r="BO20" s="197">
        <v>0</v>
      </c>
      <c r="BP20" s="197">
        <v>0</v>
      </c>
      <c r="BQ20" s="197">
        <v>0</v>
      </c>
      <c r="BR20" s="195">
        <v>4</v>
      </c>
      <c r="BS20" s="198">
        <v>4</v>
      </c>
      <c r="BT20" s="199">
        <v>4</v>
      </c>
      <c r="BU20" s="194">
        <v>0</v>
      </c>
      <c r="BV20" s="195">
        <v>0</v>
      </c>
      <c r="BW20" s="195">
        <v>0</v>
      </c>
      <c r="BX20" s="196">
        <v>0</v>
      </c>
      <c r="BY20" s="197">
        <v>0</v>
      </c>
      <c r="BZ20" s="197">
        <v>0</v>
      </c>
      <c r="CA20" s="197">
        <v>0</v>
      </c>
      <c r="CB20" s="195">
        <v>4</v>
      </c>
      <c r="CC20" s="198">
        <v>4</v>
      </c>
      <c r="CD20" s="200">
        <v>4</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1</v>
      </c>
      <c r="CU20" s="197">
        <v>3</v>
      </c>
      <c r="CV20" s="195">
        <v>9</v>
      </c>
      <c r="CW20" s="198">
        <v>13</v>
      </c>
      <c r="CX20" s="199">
        <v>13</v>
      </c>
      <c r="CY20" s="194">
        <v>0</v>
      </c>
      <c r="CZ20" s="195">
        <v>0</v>
      </c>
      <c r="DA20" s="195">
        <v>0</v>
      </c>
      <c r="DB20" s="196">
        <v>0</v>
      </c>
      <c r="DC20" s="197">
        <v>0</v>
      </c>
      <c r="DD20" s="197">
        <v>1</v>
      </c>
      <c r="DE20" s="197">
        <v>3</v>
      </c>
      <c r="DF20" s="195">
        <v>8</v>
      </c>
      <c r="DG20" s="198">
        <v>12</v>
      </c>
      <c r="DH20" s="200">
        <v>12</v>
      </c>
      <c r="DI20" s="201">
        <v>0</v>
      </c>
      <c r="DJ20" s="195">
        <v>0</v>
      </c>
      <c r="DK20" s="195">
        <v>0</v>
      </c>
      <c r="DL20" s="196">
        <v>0</v>
      </c>
      <c r="DM20" s="197">
        <v>0</v>
      </c>
      <c r="DN20" s="197">
        <v>0</v>
      </c>
      <c r="DO20" s="197">
        <v>0</v>
      </c>
      <c r="DP20" s="195">
        <v>1</v>
      </c>
      <c r="DQ20" s="198">
        <v>1</v>
      </c>
      <c r="DR20" s="200">
        <v>1</v>
      </c>
      <c r="DS20" s="201">
        <v>0</v>
      </c>
      <c r="DT20" s="195">
        <v>0</v>
      </c>
      <c r="DU20" s="195">
        <v>0</v>
      </c>
      <c r="DV20" s="196">
        <v>48</v>
      </c>
      <c r="DW20" s="197">
        <v>129</v>
      </c>
      <c r="DX20" s="197">
        <v>343</v>
      </c>
      <c r="DY20" s="197">
        <v>405</v>
      </c>
      <c r="DZ20" s="195">
        <v>313</v>
      </c>
      <c r="EA20" s="198">
        <v>1238</v>
      </c>
      <c r="EB20" s="200">
        <v>1238</v>
      </c>
      <c r="EC20" s="37"/>
    </row>
    <row r="21" spans="2:133" ht="21" customHeight="1" x14ac:dyDescent="0.2">
      <c r="B21" s="62" t="s">
        <v>18</v>
      </c>
      <c r="C21" s="194">
        <v>0</v>
      </c>
      <c r="D21" s="195">
        <v>0</v>
      </c>
      <c r="E21" s="195">
        <v>0</v>
      </c>
      <c r="F21" s="196">
        <v>4</v>
      </c>
      <c r="G21" s="197">
        <v>15</v>
      </c>
      <c r="H21" s="197">
        <v>182</v>
      </c>
      <c r="I21" s="197">
        <v>388</v>
      </c>
      <c r="J21" s="195">
        <v>262</v>
      </c>
      <c r="K21" s="198">
        <v>851</v>
      </c>
      <c r="L21" s="199">
        <v>851</v>
      </c>
      <c r="M21" s="194">
        <v>0</v>
      </c>
      <c r="N21" s="195">
        <v>0</v>
      </c>
      <c r="O21" s="198">
        <v>0</v>
      </c>
      <c r="P21" s="196">
        <v>4</v>
      </c>
      <c r="Q21" s="197">
        <v>15</v>
      </c>
      <c r="R21" s="197">
        <v>178</v>
      </c>
      <c r="S21" s="197">
        <v>386</v>
      </c>
      <c r="T21" s="195">
        <v>259</v>
      </c>
      <c r="U21" s="198">
        <v>842</v>
      </c>
      <c r="V21" s="200">
        <v>842</v>
      </c>
      <c r="W21" s="201">
        <v>0</v>
      </c>
      <c r="X21" s="195">
        <v>0</v>
      </c>
      <c r="Y21" s="198">
        <v>0</v>
      </c>
      <c r="Z21" s="201">
        <v>0</v>
      </c>
      <c r="AA21" s="197">
        <v>0</v>
      </c>
      <c r="AB21" s="197">
        <v>4</v>
      </c>
      <c r="AC21" s="197">
        <v>2</v>
      </c>
      <c r="AD21" s="195">
        <v>3</v>
      </c>
      <c r="AE21" s="198">
        <v>9</v>
      </c>
      <c r="AF21" s="202">
        <v>9</v>
      </c>
      <c r="AG21" s="201">
        <v>0</v>
      </c>
      <c r="AH21" s="195">
        <v>0</v>
      </c>
      <c r="AI21" s="198">
        <v>0</v>
      </c>
      <c r="AJ21" s="201">
        <v>36</v>
      </c>
      <c r="AK21" s="197">
        <v>60</v>
      </c>
      <c r="AL21" s="197">
        <v>115</v>
      </c>
      <c r="AM21" s="197">
        <v>117</v>
      </c>
      <c r="AN21" s="195">
        <v>80</v>
      </c>
      <c r="AO21" s="198">
        <v>408</v>
      </c>
      <c r="AP21" s="202">
        <v>408</v>
      </c>
      <c r="AQ21" s="201">
        <v>0</v>
      </c>
      <c r="AR21" s="195">
        <v>0</v>
      </c>
      <c r="AS21" s="198">
        <v>0</v>
      </c>
      <c r="AT21" s="196">
        <v>36</v>
      </c>
      <c r="AU21" s="197">
        <v>58</v>
      </c>
      <c r="AV21" s="197">
        <v>111</v>
      </c>
      <c r="AW21" s="197">
        <v>115</v>
      </c>
      <c r="AX21" s="195">
        <v>77</v>
      </c>
      <c r="AY21" s="198">
        <v>397</v>
      </c>
      <c r="AZ21" s="199">
        <v>397</v>
      </c>
      <c r="BA21" s="194">
        <v>0</v>
      </c>
      <c r="BB21" s="195">
        <v>0</v>
      </c>
      <c r="BC21" s="195">
        <v>0</v>
      </c>
      <c r="BD21" s="196">
        <v>0</v>
      </c>
      <c r="BE21" s="197">
        <v>2</v>
      </c>
      <c r="BF21" s="197">
        <v>4</v>
      </c>
      <c r="BG21" s="197">
        <v>2</v>
      </c>
      <c r="BH21" s="195">
        <v>3</v>
      </c>
      <c r="BI21" s="198">
        <v>11</v>
      </c>
      <c r="BJ21" s="200">
        <v>11</v>
      </c>
      <c r="BK21" s="201">
        <v>0</v>
      </c>
      <c r="BL21" s="195">
        <v>0</v>
      </c>
      <c r="BM21" s="195">
        <v>0</v>
      </c>
      <c r="BN21" s="196">
        <v>0</v>
      </c>
      <c r="BO21" s="197">
        <v>0</v>
      </c>
      <c r="BP21" s="197">
        <v>0</v>
      </c>
      <c r="BQ21" s="197">
        <v>1</v>
      </c>
      <c r="BR21" s="195">
        <v>4</v>
      </c>
      <c r="BS21" s="198">
        <v>5</v>
      </c>
      <c r="BT21" s="199">
        <v>5</v>
      </c>
      <c r="BU21" s="194">
        <v>0</v>
      </c>
      <c r="BV21" s="195">
        <v>0</v>
      </c>
      <c r="BW21" s="195">
        <v>0</v>
      </c>
      <c r="BX21" s="196">
        <v>0</v>
      </c>
      <c r="BY21" s="197">
        <v>0</v>
      </c>
      <c r="BZ21" s="197">
        <v>0</v>
      </c>
      <c r="CA21" s="197">
        <v>1</v>
      </c>
      <c r="CB21" s="195">
        <v>4</v>
      </c>
      <c r="CC21" s="198">
        <v>5</v>
      </c>
      <c r="CD21" s="200">
        <v>5</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2</v>
      </c>
      <c r="CU21" s="197">
        <v>7</v>
      </c>
      <c r="CV21" s="195">
        <v>20</v>
      </c>
      <c r="CW21" s="198">
        <v>29</v>
      </c>
      <c r="CX21" s="199">
        <v>29</v>
      </c>
      <c r="CY21" s="194">
        <v>0</v>
      </c>
      <c r="CZ21" s="195">
        <v>0</v>
      </c>
      <c r="DA21" s="195">
        <v>0</v>
      </c>
      <c r="DB21" s="196">
        <v>0</v>
      </c>
      <c r="DC21" s="197">
        <v>0</v>
      </c>
      <c r="DD21" s="197">
        <v>2</v>
      </c>
      <c r="DE21" s="197">
        <v>7</v>
      </c>
      <c r="DF21" s="195">
        <v>19</v>
      </c>
      <c r="DG21" s="198">
        <v>28</v>
      </c>
      <c r="DH21" s="200">
        <v>28</v>
      </c>
      <c r="DI21" s="201">
        <v>0</v>
      </c>
      <c r="DJ21" s="195">
        <v>0</v>
      </c>
      <c r="DK21" s="195">
        <v>0</v>
      </c>
      <c r="DL21" s="196">
        <v>0</v>
      </c>
      <c r="DM21" s="197">
        <v>0</v>
      </c>
      <c r="DN21" s="197">
        <v>0</v>
      </c>
      <c r="DO21" s="197">
        <v>0</v>
      </c>
      <c r="DP21" s="195">
        <v>1</v>
      </c>
      <c r="DQ21" s="198">
        <v>1</v>
      </c>
      <c r="DR21" s="200">
        <v>1</v>
      </c>
      <c r="DS21" s="201">
        <v>0</v>
      </c>
      <c r="DT21" s="195">
        <v>0</v>
      </c>
      <c r="DU21" s="195">
        <v>0</v>
      </c>
      <c r="DV21" s="196">
        <v>40</v>
      </c>
      <c r="DW21" s="197">
        <v>75</v>
      </c>
      <c r="DX21" s="197">
        <v>297</v>
      </c>
      <c r="DY21" s="197">
        <v>512</v>
      </c>
      <c r="DZ21" s="195">
        <v>363</v>
      </c>
      <c r="EA21" s="198">
        <v>1287</v>
      </c>
      <c r="EB21" s="200">
        <v>1287</v>
      </c>
      <c r="EC21" s="37"/>
    </row>
    <row r="22" spans="2:133" ht="21" customHeight="1" x14ac:dyDescent="0.2">
      <c r="B22" s="62" t="s">
        <v>19</v>
      </c>
      <c r="C22" s="194">
        <v>0</v>
      </c>
      <c r="D22" s="195">
        <v>0</v>
      </c>
      <c r="E22" s="195">
        <v>0</v>
      </c>
      <c r="F22" s="196">
        <v>0</v>
      </c>
      <c r="G22" s="197">
        <v>7</v>
      </c>
      <c r="H22" s="197">
        <v>116</v>
      </c>
      <c r="I22" s="197">
        <v>138</v>
      </c>
      <c r="J22" s="195">
        <v>92</v>
      </c>
      <c r="K22" s="198">
        <v>353</v>
      </c>
      <c r="L22" s="199">
        <v>353</v>
      </c>
      <c r="M22" s="194">
        <v>0</v>
      </c>
      <c r="N22" s="195">
        <v>0</v>
      </c>
      <c r="O22" s="198">
        <v>0</v>
      </c>
      <c r="P22" s="196">
        <v>0</v>
      </c>
      <c r="Q22" s="197">
        <v>7</v>
      </c>
      <c r="R22" s="197">
        <v>115</v>
      </c>
      <c r="S22" s="197">
        <v>138</v>
      </c>
      <c r="T22" s="195">
        <v>92</v>
      </c>
      <c r="U22" s="198">
        <v>352</v>
      </c>
      <c r="V22" s="200">
        <v>352</v>
      </c>
      <c r="W22" s="201">
        <v>0</v>
      </c>
      <c r="X22" s="195">
        <v>0</v>
      </c>
      <c r="Y22" s="198">
        <v>0</v>
      </c>
      <c r="Z22" s="201">
        <v>0</v>
      </c>
      <c r="AA22" s="197">
        <v>0</v>
      </c>
      <c r="AB22" s="197">
        <v>1</v>
      </c>
      <c r="AC22" s="197">
        <v>0</v>
      </c>
      <c r="AD22" s="195">
        <v>0</v>
      </c>
      <c r="AE22" s="198">
        <v>1</v>
      </c>
      <c r="AF22" s="202">
        <v>1</v>
      </c>
      <c r="AG22" s="201">
        <v>0</v>
      </c>
      <c r="AH22" s="195">
        <v>0</v>
      </c>
      <c r="AI22" s="198">
        <v>0</v>
      </c>
      <c r="AJ22" s="201">
        <v>17</v>
      </c>
      <c r="AK22" s="197">
        <v>47</v>
      </c>
      <c r="AL22" s="197">
        <v>81</v>
      </c>
      <c r="AM22" s="197">
        <v>54</v>
      </c>
      <c r="AN22" s="195">
        <v>30</v>
      </c>
      <c r="AO22" s="198">
        <v>229</v>
      </c>
      <c r="AP22" s="202">
        <v>229</v>
      </c>
      <c r="AQ22" s="201">
        <v>0</v>
      </c>
      <c r="AR22" s="195">
        <v>0</v>
      </c>
      <c r="AS22" s="198">
        <v>0</v>
      </c>
      <c r="AT22" s="196">
        <v>17</v>
      </c>
      <c r="AU22" s="197">
        <v>47</v>
      </c>
      <c r="AV22" s="197">
        <v>79</v>
      </c>
      <c r="AW22" s="197">
        <v>53</v>
      </c>
      <c r="AX22" s="195">
        <v>29</v>
      </c>
      <c r="AY22" s="198">
        <v>225</v>
      </c>
      <c r="AZ22" s="199">
        <v>225</v>
      </c>
      <c r="BA22" s="194">
        <v>0</v>
      </c>
      <c r="BB22" s="195">
        <v>0</v>
      </c>
      <c r="BC22" s="195">
        <v>0</v>
      </c>
      <c r="BD22" s="196">
        <v>0</v>
      </c>
      <c r="BE22" s="197">
        <v>0</v>
      </c>
      <c r="BF22" s="197">
        <v>2</v>
      </c>
      <c r="BG22" s="197">
        <v>1</v>
      </c>
      <c r="BH22" s="195">
        <v>1</v>
      </c>
      <c r="BI22" s="198">
        <v>4</v>
      </c>
      <c r="BJ22" s="200">
        <v>4</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4</v>
      </c>
      <c r="CV22" s="195">
        <v>5</v>
      </c>
      <c r="CW22" s="198">
        <v>9</v>
      </c>
      <c r="CX22" s="199">
        <v>9</v>
      </c>
      <c r="CY22" s="194">
        <v>0</v>
      </c>
      <c r="CZ22" s="195">
        <v>0</v>
      </c>
      <c r="DA22" s="195">
        <v>0</v>
      </c>
      <c r="DB22" s="196">
        <v>0</v>
      </c>
      <c r="DC22" s="197">
        <v>0</v>
      </c>
      <c r="DD22" s="197">
        <v>0</v>
      </c>
      <c r="DE22" s="197">
        <v>4</v>
      </c>
      <c r="DF22" s="195">
        <v>4</v>
      </c>
      <c r="DG22" s="198">
        <v>8</v>
      </c>
      <c r="DH22" s="200">
        <v>8</v>
      </c>
      <c r="DI22" s="201">
        <v>0</v>
      </c>
      <c r="DJ22" s="195">
        <v>0</v>
      </c>
      <c r="DK22" s="195">
        <v>0</v>
      </c>
      <c r="DL22" s="196">
        <v>0</v>
      </c>
      <c r="DM22" s="197">
        <v>0</v>
      </c>
      <c r="DN22" s="197">
        <v>0</v>
      </c>
      <c r="DO22" s="197">
        <v>0</v>
      </c>
      <c r="DP22" s="195">
        <v>1</v>
      </c>
      <c r="DQ22" s="198">
        <v>1</v>
      </c>
      <c r="DR22" s="200">
        <v>1</v>
      </c>
      <c r="DS22" s="201">
        <v>0</v>
      </c>
      <c r="DT22" s="195">
        <v>0</v>
      </c>
      <c r="DU22" s="195">
        <v>0</v>
      </c>
      <c r="DV22" s="196">
        <v>17</v>
      </c>
      <c r="DW22" s="197">
        <v>54</v>
      </c>
      <c r="DX22" s="197">
        <v>196</v>
      </c>
      <c r="DY22" s="197">
        <v>195</v>
      </c>
      <c r="DZ22" s="195">
        <v>126</v>
      </c>
      <c r="EA22" s="198">
        <v>588</v>
      </c>
      <c r="EB22" s="200">
        <v>588</v>
      </c>
      <c r="EC22" s="37"/>
    </row>
    <row r="23" spans="2:133" ht="21" customHeight="1" x14ac:dyDescent="0.2">
      <c r="B23" s="62" t="s">
        <v>20</v>
      </c>
      <c r="C23" s="194">
        <v>0</v>
      </c>
      <c r="D23" s="195">
        <v>0</v>
      </c>
      <c r="E23" s="195">
        <v>0</v>
      </c>
      <c r="F23" s="196">
        <v>5</v>
      </c>
      <c r="G23" s="197">
        <v>29</v>
      </c>
      <c r="H23" s="197">
        <v>136</v>
      </c>
      <c r="I23" s="197">
        <v>195</v>
      </c>
      <c r="J23" s="195">
        <v>113</v>
      </c>
      <c r="K23" s="198">
        <v>478</v>
      </c>
      <c r="L23" s="199">
        <v>478</v>
      </c>
      <c r="M23" s="194">
        <v>0</v>
      </c>
      <c r="N23" s="195">
        <v>0</v>
      </c>
      <c r="O23" s="198">
        <v>0</v>
      </c>
      <c r="P23" s="196">
        <v>5</v>
      </c>
      <c r="Q23" s="197">
        <v>29</v>
      </c>
      <c r="R23" s="197">
        <v>135</v>
      </c>
      <c r="S23" s="197">
        <v>194</v>
      </c>
      <c r="T23" s="195">
        <v>111</v>
      </c>
      <c r="U23" s="198">
        <v>474</v>
      </c>
      <c r="V23" s="200">
        <v>474</v>
      </c>
      <c r="W23" s="201">
        <v>0</v>
      </c>
      <c r="X23" s="195">
        <v>0</v>
      </c>
      <c r="Y23" s="198">
        <v>0</v>
      </c>
      <c r="Z23" s="201">
        <v>0</v>
      </c>
      <c r="AA23" s="197">
        <v>0</v>
      </c>
      <c r="AB23" s="197">
        <v>1</v>
      </c>
      <c r="AC23" s="197">
        <v>1</v>
      </c>
      <c r="AD23" s="195">
        <v>2</v>
      </c>
      <c r="AE23" s="198">
        <v>4</v>
      </c>
      <c r="AF23" s="202">
        <v>4</v>
      </c>
      <c r="AG23" s="201">
        <v>0</v>
      </c>
      <c r="AH23" s="195">
        <v>0</v>
      </c>
      <c r="AI23" s="198">
        <v>0</v>
      </c>
      <c r="AJ23" s="201">
        <v>13</v>
      </c>
      <c r="AK23" s="197">
        <v>42</v>
      </c>
      <c r="AL23" s="197">
        <v>43</v>
      </c>
      <c r="AM23" s="197">
        <v>48</v>
      </c>
      <c r="AN23" s="195">
        <v>22</v>
      </c>
      <c r="AO23" s="198">
        <v>168</v>
      </c>
      <c r="AP23" s="202">
        <v>168</v>
      </c>
      <c r="AQ23" s="201">
        <v>0</v>
      </c>
      <c r="AR23" s="195">
        <v>0</v>
      </c>
      <c r="AS23" s="198">
        <v>0</v>
      </c>
      <c r="AT23" s="196">
        <v>13</v>
      </c>
      <c r="AU23" s="197">
        <v>42</v>
      </c>
      <c r="AV23" s="197">
        <v>43</v>
      </c>
      <c r="AW23" s="197">
        <v>47</v>
      </c>
      <c r="AX23" s="195">
        <v>22</v>
      </c>
      <c r="AY23" s="198">
        <v>167</v>
      </c>
      <c r="AZ23" s="199">
        <v>167</v>
      </c>
      <c r="BA23" s="194">
        <v>0</v>
      </c>
      <c r="BB23" s="195">
        <v>0</v>
      </c>
      <c r="BC23" s="195">
        <v>0</v>
      </c>
      <c r="BD23" s="196">
        <v>0</v>
      </c>
      <c r="BE23" s="197">
        <v>0</v>
      </c>
      <c r="BF23" s="197">
        <v>0</v>
      </c>
      <c r="BG23" s="197">
        <v>1</v>
      </c>
      <c r="BH23" s="195">
        <v>0</v>
      </c>
      <c r="BI23" s="198">
        <v>1</v>
      </c>
      <c r="BJ23" s="200">
        <v>1</v>
      </c>
      <c r="BK23" s="201">
        <v>0</v>
      </c>
      <c r="BL23" s="195">
        <v>0</v>
      </c>
      <c r="BM23" s="195">
        <v>0</v>
      </c>
      <c r="BN23" s="196">
        <v>0</v>
      </c>
      <c r="BO23" s="197">
        <v>0</v>
      </c>
      <c r="BP23" s="197">
        <v>0</v>
      </c>
      <c r="BQ23" s="197">
        <v>1</v>
      </c>
      <c r="BR23" s="195">
        <v>0</v>
      </c>
      <c r="BS23" s="198">
        <v>1</v>
      </c>
      <c r="BT23" s="199">
        <v>1</v>
      </c>
      <c r="BU23" s="194">
        <v>0</v>
      </c>
      <c r="BV23" s="195">
        <v>0</v>
      </c>
      <c r="BW23" s="195">
        <v>0</v>
      </c>
      <c r="BX23" s="196">
        <v>0</v>
      </c>
      <c r="BY23" s="197">
        <v>0</v>
      </c>
      <c r="BZ23" s="197">
        <v>0</v>
      </c>
      <c r="CA23" s="197">
        <v>1</v>
      </c>
      <c r="CB23" s="195">
        <v>0</v>
      </c>
      <c r="CC23" s="198">
        <v>1</v>
      </c>
      <c r="CD23" s="200">
        <v>1</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0</v>
      </c>
      <c r="CU23" s="197">
        <v>2</v>
      </c>
      <c r="CV23" s="195">
        <v>5</v>
      </c>
      <c r="CW23" s="198">
        <v>7</v>
      </c>
      <c r="CX23" s="199">
        <v>7</v>
      </c>
      <c r="CY23" s="194">
        <v>0</v>
      </c>
      <c r="CZ23" s="195">
        <v>0</v>
      </c>
      <c r="DA23" s="195">
        <v>0</v>
      </c>
      <c r="DB23" s="196">
        <v>0</v>
      </c>
      <c r="DC23" s="197">
        <v>0</v>
      </c>
      <c r="DD23" s="197">
        <v>0</v>
      </c>
      <c r="DE23" s="197">
        <v>2</v>
      </c>
      <c r="DF23" s="195">
        <v>5</v>
      </c>
      <c r="DG23" s="198">
        <v>7</v>
      </c>
      <c r="DH23" s="200">
        <v>7</v>
      </c>
      <c r="DI23" s="201">
        <v>0</v>
      </c>
      <c r="DJ23" s="195">
        <v>0</v>
      </c>
      <c r="DK23" s="195">
        <v>0</v>
      </c>
      <c r="DL23" s="196">
        <v>0</v>
      </c>
      <c r="DM23" s="197">
        <v>0</v>
      </c>
      <c r="DN23" s="197">
        <v>0</v>
      </c>
      <c r="DO23" s="197">
        <v>0</v>
      </c>
      <c r="DP23" s="195">
        <v>0</v>
      </c>
      <c r="DQ23" s="198">
        <v>0</v>
      </c>
      <c r="DR23" s="200">
        <v>0</v>
      </c>
      <c r="DS23" s="201">
        <v>0</v>
      </c>
      <c r="DT23" s="195">
        <v>0</v>
      </c>
      <c r="DU23" s="195">
        <v>0</v>
      </c>
      <c r="DV23" s="196">
        <v>18</v>
      </c>
      <c r="DW23" s="197">
        <v>71</v>
      </c>
      <c r="DX23" s="197">
        <v>179</v>
      </c>
      <c r="DY23" s="197">
        <v>246</v>
      </c>
      <c r="DZ23" s="195">
        <v>138</v>
      </c>
      <c r="EA23" s="198">
        <v>652</v>
      </c>
      <c r="EB23" s="200">
        <v>652</v>
      </c>
      <c r="EC23" s="37"/>
    </row>
    <row r="24" spans="2:133" ht="21" customHeight="1" x14ac:dyDescent="0.2">
      <c r="B24" s="62" t="s">
        <v>21</v>
      </c>
      <c r="C24" s="194">
        <v>0</v>
      </c>
      <c r="D24" s="195">
        <v>0</v>
      </c>
      <c r="E24" s="195">
        <v>0</v>
      </c>
      <c r="F24" s="196">
        <v>7</v>
      </c>
      <c r="G24" s="197">
        <v>12</v>
      </c>
      <c r="H24" s="197">
        <v>170</v>
      </c>
      <c r="I24" s="197">
        <v>183</v>
      </c>
      <c r="J24" s="195">
        <v>144</v>
      </c>
      <c r="K24" s="198">
        <v>516</v>
      </c>
      <c r="L24" s="199">
        <v>516</v>
      </c>
      <c r="M24" s="194">
        <v>0</v>
      </c>
      <c r="N24" s="195">
        <v>0</v>
      </c>
      <c r="O24" s="198">
        <v>0</v>
      </c>
      <c r="P24" s="196">
        <v>6</v>
      </c>
      <c r="Q24" s="197">
        <v>12</v>
      </c>
      <c r="R24" s="197">
        <v>169</v>
      </c>
      <c r="S24" s="197">
        <v>183</v>
      </c>
      <c r="T24" s="195">
        <v>142</v>
      </c>
      <c r="U24" s="198">
        <v>512</v>
      </c>
      <c r="V24" s="200">
        <v>512</v>
      </c>
      <c r="W24" s="201">
        <v>0</v>
      </c>
      <c r="X24" s="195">
        <v>0</v>
      </c>
      <c r="Y24" s="198">
        <v>0</v>
      </c>
      <c r="Z24" s="201">
        <v>1</v>
      </c>
      <c r="AA24" s="197">
        <v>0</v>
      </c>
      <c r="AB24" s="197">
        <v>1</v>
      </c>
      <c r="AC24" s="197">
        <v>0</v>
      </c>
      <c r="AD24" s="195">
        <v>2</v>
      </c>
      <c r="AE24" s="198">
        <v>4</v>
      </c>
      <c r="AF24" s="202">
        <v>4</v>
      </c>
      <c r="AG24" s="201">
        <v>0</v>
      </c>
      <c r="AH24" s="195">
        <v>0</v>
      </c>
      <c r="AI24" s="198">
        <v>0</v>
      </c>
      <c r="AJ24" s="201">
        <v>18</v>
      </c>
      <c r="AK24" s="197">
        <v>29</v>
      </c>
      <c r="AL24" s="197">
        <v>35</v>
      </c>
      <c r="AM24" s="197">
        <v>51</v>
      </c>
      <c r="AN24" s="195">
        <v>21</v>
      </c>
      <c r="AO24" s="198">
        <v>154</v>
      </c>
      <c r="AP24" s="202">
        <v>154</v>
      </c>
      <c r="AQ24" s="201">
        <v>0</v>
      </c>
      <c r="AR24" s="195">
        <v>0</v>
      </c>
      <c r="AS24" s="198">
        <v>0</v>
      </c>
      <c r="AT24" s="196">
        <v>18</v>
      </c>
      <c r="AU24" s="197">
        <v>29</v>
      </c>
      <c r="AV24" s="197">
        <v>34</v>
      </c>
      <c r="AW24" s="197">
        <v>48</v>
      </c>
      <c r="AX24" s="195">
        <v>20</v>
      </c>
      <c r="AY24" s="198">
        <v>149</v>
      </c>
      <c r="AZ24" s="199">
        <v>149</v>
      </c>
      <c r="BA24" s="194">
        <v>0</v>
      </c>
      <c r="BB24" s="195">
        <v>0</v>
      </c>
      <c r="BC24" s="195">
        <v>0</v>
      </c>
      <c r="BD24" s="196">
        <v>0</v>
      </c>
      <c r="BE24" s="197">
        <v>0</v>
      </c>
      <c r="BF24" s="197">
        <v>1</v>
      </c>
      <c r="BG24" s="197">
        <v>3</v>
      </c>
      <c r="BH24" s="195">
        <v>1</v>
      </c>
      <c r="BI24" s="198">
        <v>5</v>
      </c>
      <c r="BJ24" s="200">
        <v>5</v>
      </c>
      <c r="BK24" s="201">
        <v>0</v>
      </c>
      <c r="BL24" s="195">
        <v>0</v>
      </c>
      <c r="BM24" s="195">
        <v>0</v>
      </c>
      <c r="BN24" s="196">
        <v>0</v>
      </c>
      <c r="BO24" s="197">
        <v>0</v>
      </c>
      <c r="BP24" s="197">
        <v>1</v>
      </c>
      <c r="BQ24" s="197">
        <v>2</v>
      </c>
      <c r="BR24" s="195">
        <v>1</v>
      </c>
      <c r="BS24" s="198">
        <v>4</v>
      </c>
      <c r="BT24" s="199">
        <v>4</v>
      </c>
      <c r="BU24" s="194">
        <v>0</v>
      </c>
      <c r="BV24" s="195">
        <v>0</v>
      </c>
      <c r="BW24" s="195">
        <v>0</v>
      </c>
      <c r="BX24" s="196">
        <v>0</v>
      </c>
      <c r="BY24" s="197">
        <v>0</v>
      </c>
      <c r="BZ24" s="197">
        <v>1</v>
      </c>
      <c r="CA24" s="197">
        <v>2</v>
      </c>
      <c r="CB24" s="195">
        <v>1</v>
      </c>
      <c r="CC24" s="198">
        <v>4</v>
      </c>
      <c r="CD24" s="200">
        <v>4</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1</v>
      </c>
      <c r="CU24" s="197">
        <v>8</v>
      </c>
      <c r="CV24" s="195">
        <v>15</v>
      </c>
      <c r="CW24" s="198">
        <v>24</v>
      </c>
      <c r="CX24" s="199">
        <v>24</v>
      </c>
      <c r="CY24" s="194">
        <v>0</v>
      </c>
      <c r="CZ24" s="195">
        <v>0</v>
      </c>
      <c r="DA24" s="195">
        <v>0</v>
      </c>
      <c r="DB24" s="196">
        <v>0</v>
      </c>
      <c r="DC24" s="197">
        <v>0</v>
      </c>
      <c r="DD24" s="197">
        <v>1</v>
      </c>
      <c r="DE24" s="197">
        <v>8</v>
      </c>
      <c r="DF24" s="195">
        <v>13</v>
      </c>
      <c r="DG24" s="198">
        <v>22</v>
      </c>
      <c r="DH24" s="200">
        <v>22</v>
      </c>
      <c r="DI24" s="201">
        <v>0</v>
      </c>
      <c r="DJ24" s="195">
        <v>0</v>
      </c>
      <c r="DK24" s="195">
        <v>0</v>
      </c>
      <c r="DL24" s="196">
        <v>0</v>
      </c>
      <c r="DM24" s="197">
        <v>0</v>
      </c>
      <c r="DN24" s="197">
        <v>0</v>
      </c>
      <c r="DO24" s="197">
        <v>0</v>
      </c>
      <c r="DP24" s="195">
        <v>2</v>
      </c>
      <c r="DQ24" s="198">
        <v>2</v>
      </c>
      <c r="DR24" s="200">
        <v>2</v>
      </c>
      <c r="DS24" s="201">
        <v>0</v>
      </c>
      <c r="DT24" s="195">
        <v>0</v>
      </c>
      <c r="DU24" s="195">
        <v>0</v>
      </c>
      <c r="DV24" s="196">
        <v>25</v>
      </c>
      <c r="DW24" s="197">
        <v>41</v>
      </c>
      <c r="DX24" s="197">
        <v>207</v>
      </c>
      <c r="DY24" s="197">
        <v>242</v>
      </c>
      <c r="DZ24" s="195">
        <v>181</v>
      </c>
      <c r="EA24" s="198">
        <v>696</v>
      </c>
      <c r="EB24" s="200">
        <v>696</v>
      </c>
      <c r="EC24" s="37"/>
    </row>
    <row r="25" spans="2:133" ht="21" customHeight="1" x14ac:dyDescent="0.2">
      <c r="B25" s="62" t="s">
        <v>22</v>
      </c>
      <c r="C25" s="194">
        <v>0</v>
      </c>
      <c r="D25" s="195">
        <v>0</v>
      </c>
      <c r="E25" s="195">
        <v>0</v>
      </c>
      <c r="F25" s="196">
        <v>2</v>
      </c>
      <c r="G25" s="197">
        <v>2</v>
      </c>
      <c r="H25" s="197">
        <v>42</v>
      </c>
      <c r="I25" s="197">
        <v>63</v>
      </c>
      <c r="J25" s="195">
        <v>34</v>
      </c>
      <c r="K25" s="198">
        <v>143</v>
      </c>
      <c r="L25" s="199">
        <v>143</v>
      </c>
      <c r="M25" s="194">
        <v>0</v>
      </c>
      <c r="N25" s="195">
        <v>0</v>
      </c>
      <c r="O25" s="198">
        <v>0</v>
      </c>
      <c r="P25" s="196">
        <v>2</v>
      </c>
      <c r="Q25" s="197">
        <v>2</v>
      </c>
      <c r="R25" s="197">
        <v>42</v>
      </c>
      <c r="S25" s="197">
        <v>63</v>
      </c>
      <c r="T25" s="195">
        <v>33</v>
      </c>
      <c r="U25" s="198">
        <v>142</v>
      </c>
      <c r="V25" s="200">
        <v>142</v>
      </c>
      <c r="W25" s="201">
        <v>0</v>
      </c>
      <c r="X25" s="195">
        <v>0</v>
      </c>
      <c r="Y25" s="198">
        <v>0</v>
      </c>
      <c r="Z25" s="201">
        <v>0</v>
      </c>
      <c r="AA25" s="197">
        <v>0</v>
      </c>
      <c r="AB25" s="197">
        <v>0</v>
      </c>
      <c r="AC25" s="197">
        <v>0</v>
      </c>
      <c r="AD25" s="195">
        <v>1</v>
      </c>
      <c r="AE25" s="198">
        <v>1</v>
      </c>
      <c r="AF25" s="202">
        <v>1</v>
      </c>
      <c r="AG25" s="201">
        <v>0</v>
      </c>
      <c r="AH25" s="195">
        <v>0</v>
      </c>
      <c r="AI25" s="198">
        <v>0</v>
      </c>
      <c r="AJ25" s="201">
        <v>11</v>
      </c>
      <c r="AK25" s="197">
        <v>28</v>
      </c>
      <c r="AL25" s="197">
        <v>28</v>
      </c>
      <c r="AM25" s="197">
        <v>36</v>
      </c>
      <c r="AN25" s="195">
        <v>15</v>
      </c>
      <c r="AO25" s="198">
        <v>118</v>
      </c>
      <c r="AP25" s="202">
        <v>118</v>
      </c>
      <c r="AQ25" s="201">
        <v>0</v>
      </c>
      <c r="AR25" s="195">
        <v>0</v>
      </c>
      <c r="AS25" s="198">
        <v>0</v>
      </c>
      <c r="AT25" s="196">
        <v>11</v>
      </c>
      <c r="AU25" s="197">
        <v>28</v>
      </c>
      <c r="AV25" s="197">
        <v>28</v>
      </c>
      <c r="AW25" s="197">
        <v>36</v>
      </c>
      <c r="AX25" s="195">
        <v>15</v>
      </c>
      <c r="AY25" s="198">
        <v>118</v>
      </c>
      <c r="AZ25" s="199">
        <v>118</v>
      </c>
      <c r="BA25" s="194">
        <v>0</v>
      </c>
      <c r="BB25" s="195">
        <v>0</v>
      </c>
      <c r="BC25" s="195">
        <v>0</v>
      </c>
      <c r="BD25" s="196">
        <v>0</v>
      </c>
      <c r="BE25" s="197">
        <v>0</v>
      </c>
      <c r="BF25" s="197">
        <v>0</v>
      </c>
      <c r="BG25" s="197">
        <v>0</v>
      </c>
      <c r="BH25" s="195">
        <v>0</v>
      </c>
      <c r="BI25" s="198">
        <v>0</v>
      </c>
      <c r="BJ25" s="200">
        <v>0</v>
      </c>
      <c r="BK25" s="201">
        <v>0</v>
      </c>
      <c r="BL25" s="195">
        <v>0</v>
      </c>
      <c r="BM25" s="195">
        <v>0</v>
      </c>
      <c r="BN25" s="196">
        <v>0</v>
      </c>
      <c r="BO25" s="197">
        <v>0</v>
      </c>
      <c r="BP25" s="197">
        <v>0</v>
      </c>
      <c r="BQ25" s="197">
        <v>0</v>
      </c>
      <c r="BR25" s="195">
        <v>3</v>
      </c>
      <c r="BS25" s="198">
        <v>3</v>
      </c>
      <c r="BT25" s="199">
        <v>3</v>
      </c>
      <c r="BU25" s="194">
        <v>0</v>
      </c>
      <c r="BV25" s="195">
        <v>0</v>
      </c>
      <c r="BW25" s="195">
        <v>0</v>
      </c>
      <c r="BX25" s="196">
        <v>0</v>
      </c>
      <c r="BY25" s="197">
        <v>0</v>
      </c>
      <c r="BZ25" s="197">
        <v>0</v>
      </c>
      <c r="CA25" s="197">
        <v>0</v>
      </c>
      <c r="CB25" s="195">
        <v>3</v>
      </c>
      <c r="CC25" s="198">
        <v>3</v>
      </c>
      <c r="CD25" s="200">
        <v>3</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0</v>
      </c>
      <c r="CU25" s="197">
        <v>8</v>
      </c>
      <c r="CV25" s="195">
        <v>2</v>
      </c>
      <c r="CW25" s="198">
        <v>10</v>
      </c>
      <c r="CX25" s="199">
        <v>10</v>
      </c>
      <c r="CY25" s="194">
        <v>0</v>
      </c>
      <c r="CZ25" s="195">
        <v>0</v>
      </c>
      <c r="DA25" s="195">
        <v>0</v>
      </c>
      <c r="DB25" s="196">
        <v>0</v>
      </c>
      <c r="DC25" s="197">
        <v>0</v>
      </c>
      <c r="DD25" s="197">
        <v>0</v>
      </c>
      <c r="DE25" s="197">
        <v>7</v>
      </c>
      <c r="DF25" s="195">
        <v>2</v>
      </c>
      <c r="DG25" s="198">
        <v>9</v>
      </c>
      <c r="DH25" s="200">
        <v>9</v>
      </c>
      <c r="DI25" s="201">
        <v>0</v>
      </c>
      <c r="DJ25" s="195">
        <v>0</v>
      </c>
      <c r="DK25" s="195">
        <v>0</v>
      </c>
      <c r="DL25" s="196">
        <v>0</v>
      </c>
      <c r="DM25" s="197">
        <v>0</v>
      </c>
      <c r="DN25" s="197">
        <v>0</v>
      </c>
      <c r="DO25" s="197">
        <v>1</v>
      </c>
      <c r="DP25" s="195">
        <v>0</v>
      </c>
      <c r="DQ25" s="198">
        <v>1</v>
      </c>
      <c r="DR25" s="200">
        <v>1</v>
      </c>
      <c r="DS25" s="201">
        <v>0</v>
      </c>
      <c r="DT25" s="195">
        <v>0</v>
      </c>
      <c r="DU25" s="195">
        <v>0</v>
      </c>
      <c r="DV25" s="196">
        <v>13</v>
      </c>
      <c r="DW25" s="197">
        <v>30</v>
      </c>
      <c r="DX25" s="197">
        <v>70</v>
      </c>
      <c r="DY25" s="197">
        <v>107</v>
      </c>
      <c r="DZ25" s="195">
        <v>54</v>
      </c>
      <c r="EA25" s="198">
        <v>274</v>
      </c>
      <c r="EB25" s="200">
        <v>274</v>
      </c>
      <c r="EC25" s="37"/>
    </row>
    <row r="26" spans="2:133" ht="21" customHeight="1" x14ac:dyDescent="0.2">
      <c r="B26" s="62" t="s">
        <v>23</v>
      </c>
      <c r="C26" s="194">
        <v>0</v>
      </c>
      <c r="D26" s="195">
        <v>0</v>
      </c>
      <c r="E26" s="195">
        <v>0</v>
      </c>
      <c r="F26" s="196">
        <v>3</v>
      </c>
      <c r="G26" s="197">
        <v>10</v>
      </c>
      <c r="H26" s="197">
        <v>92</v>
      </c>
      <c r="I26" s="197">
        <v>117</v>
      </c>
      <c r="J26" s="195">
        <v>105</v>
      </c>
      <c r="K26" s="198">
        <v>327</v>
      </c>
      <c r="L26" s="199">
        <v>327</v>
      </c>
      <c r="M26" s="194">
        <v>0</v>
      </c>
      <c r="N26" s="195">
        <v>0</v>
      </c>
      <c r="O26" s="198">
        <v>0</v>
      </c>
      <c r="P26" s="196">
        <v>3</v>
      </c>
      <c r="Q26" s="197">
        <v>10</v>
      </c>
      <c r="R26" s="197">
        <v>92</v>
      </c>
      <c r="S26" s="197">
        <v>116</v>
      </c>
      <c r="T26" s="195">
        <v>104</v>
      </c>
      <c r="U26" s="198">
        <v>325</v>
      </c>
      <c r="V26" s="200">
        <v>325</v>
      </c>
      <c r="W26" s="201">
        <v>0</v>
      </c>
      <c r="X26" s="195">
        <v>0</v>
      </c>
      <c r="Y26" s="198">
        <v>0</v>
      </c>
      <c r="Z26" s="201">
        <v>0</v>
      </c>
      <c r="AA26" s="197">
        <v>0</v>
      </c>
      <c r="AB26" s="197">
        <v>0</v>
      </c>
      <c r="AC26" s="197">
        <v>1</v>
      </c>
      <c r="AD26" s="195">
        <v>1</v>
      </c>
      <c r="AE26" s="198">
        <v>2</v>
      </c>
      <c r="AF26" s="202">
        <v>2</v>
      </c>
      <c r="AG26" s="201">
        <v>0</v>
      </c>
      <c r="AH26" s="195">
        <v>0</v>
      </c>
      <c r="AI26" s="198">
        <v>0</v>
      </c>
      <c r="AJ26" s="201">
        <v>16</v>
      </c>
      <c r="AK26" s="197">
        <v>24</v>
      </c>
      <c r="AL26" s="197">
        <v>34</v>
      </c>
      <c r="AM26" s="197">
        <v>55</v>
      </c>
      <c r="AN26" s="195">
        <v>36</v>
      </c>
      <c r="AO26" s="198">
        <v>165</v>
      </c>
      <c r="AP26" s="202">
        <v>165</v>
      </c>
      <c r="AQ26" s="201">
        <v>0</v>
      </c>
      <c r="AR26" s="195">
        <v>0</v>
      </c>
      <c r="AS26" s="198">
        <v>0</v>
      </c>
      <c r="AT26" s="196">
        <v>16</v>
      </c>
      <c r="AU26" s="197">
        <v>23</v>
      </c>
      <c r="AV26" s="197">
        <v>34</v>
      </c>
      <c r="AW26" s="197">
        <v>55</v>
      </c>
      <c r="AX26" s="195">
        <v>32</v>
      </c>
      <c r="AY26" s="198">
        <v>160</v>
      </c>
      <c r="AZ26" s="199">
        <v>160</v>
      </c>
      <c r="BA26" s="194">
        <v>0</v>
      </c>
      <c r="BB26" s="195">
        <v>0</v>
      </c>
      <c r="BC26" s="195">
        <v>0</v>
      </c>
      <c r="BD26" s="196">
        <v>0</v>
      </c>
      <c r="BE26" s="197">
        <v>1</v>
      </c>
      <c r="BF26" s="197">
        <v>0</v>
      </c>
      <c r="BG26" s="197">
        <v>0</v>
      </c>
      <c r="BH26" s="195">
        <v>4</v>
      </c>
      <c r="BI26" s="198">
        <v>5</v>
      </c>
      <c r="BJ26" s="200">
        <v>5</v>
      </c>
      <c r="BK26" s="201">
        <v>0</v>
      </c>
      <c r="BL26" s="195">
        <v>0</v>
      </c>
      <c r="BM26" s="195">
        <v>0</v>
      </c>
      <c r="BN26" s="196">
        <v>0</v>
      </c>
      <c r="BO26" s="197">
        <v>0</v>
      </c>
      <c r="BP26" s="197">
        <v>0</v>
      </c>
      <c r="BQ26" s="197">
        <v>2</v>
      </c>
      <c r="BR26" s="195">
        <v>2</v>
      </c>
      <c r="BS26" s="198">
        <v>4</v>
      </c>
      <c r="BT26" s="199">
        <v>4</v>
      </c>
      <c r="BU26" s="194">
        <v>0</v>
      </c>
      <c r="BV26" s="195">
        <v>0</v>
      </c>
      <c r="BW26" s="195">
        <v>0</v>
      </c>
      <c r="BX26" s="196">
        <v>0</v>
      </c>
      <c r="BY26" s="197">
        <v>0</v>
      </c>
      <c r="BZ26" s="197">
        <v>0</v>
      </c>
      <c r="CA26" s="197">
        <v>2</v>
      </c>
      <c r="CB26" s="195">
        <v>2</v>
      </c>
      <c r="CC26" s="198">
        <v>4</v>
      </c>
      <c r="CD26" s="200">
        <v>4</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0</v>
      </c>
      <c r="CU26" s="197">
        <v>2</v>
      </c>
      <c r="CV26" s="195">
        <v>8</v>
      </c>
      <c r="CW26" s="198">
        <v>10</v>
      </c>
      <c r="CX26" s="199">
        <v>10</v>
      </c>
      <c r="CY26" s="194">
        <v>0</v>
      </c>
      <c r="CZ26" s="195">
        <v>0</v>
      </c>
      <c r="DA26" s="195">
        <v>0</v>
      </c>
      <c r="DB26" s="196">
        <v>0</v>
      </c>
      <c r="DC26" s="197">
        <v>0</v>
      </c>
      <c r="DD26" s="197">
        <v>0</v>
      </c>
      <c r="DE26" s="197">
        <v>2</v>
      </c>
      <c r="DF26" s="195">
        <v>8</v>
      </c>
      <c r="DG26" s="198">
        <v>10</v>
      </c>
      <c r="DH26" s="200">
        <v>10</v>
      </c>
      <c r="DI26" s="201">
        <v>0</v>
      </c>
      <c r="DJ26" s="195">
        <v>0</v>
      </c>
      <c r="DK26" s="195">
        <v>0</v>
      </c>
      <c r="DL26" s="196">
        <v>0</v>
      </c>
      <c r="DM26" s="197">
        <v>0</v>
      </c>
      <c r="DN26" s="197">
        <v>0</v>
      </c>
      <c r="DO26" s="197">
        <v>0</v>
      </c>
      <c r="DP26" s="195">
        <v>0</v>
      </c>
      <c r="DQ26" s="198">
        <v>0</v>
      </c>
      <c r="DR26" s="200">
        <v>0</v>
      </c>
      <c r="DS26" s="201">
        <v>0</v>
      </c>
      <c r="DT26" s="195">
        <v>0</v>
      </c>
      <c r="DU26" s="195">
        <v>0</v>
      </c>
      <c r="DV26" s="196">
        <v>19</v>
      </c>
      <c r="DW26" s="197">
        <v>34</v>
      </c>
      <c r="DX26" s="197">
        <v>126</v>
      </c>
      <c r="DY26" s="197">
        <v>175</v>
      </c>
      <c r="DZ26" s="195">
        <v>150</v>
      </c>
      <c r="EA26" s="198">
        <v>504</v>
      </c>
      <c r="EB26" s="200">
        <v>504</v>
      </c>
      <c r="EC26" s="37"/>
    </row>
    <row r="27" spans="2:133" ht="21" customHeight="1" x14ac:dyDescent="0.2">
      <c r="B27" s="62" t="s">
        <v>24</v>
      </c>
      <c r="C27" s="194">
        <v>0</v>
      </c>
      <c r="D27" s="195">
        <v>0</v>
      </c>
      <c r="E27" s="195">
        <v>0</v>
      </c>
      <c r="F27" s="196">
        <v>0</v>
      </c>
      <c r="G27" s="197">
        <v>0</v>
      </c>
      <c r="H27" s="197">
        <v>34</v>
      </c>
      <c r="I27" s="197">
        <v>71</v>
      </c>
      <c r="J27" s="195">
        <v>57</v>
      </c>
      <c r="K27" s="198">
        <v>162</v>
      </c>
      <c r="L27" s="199">
        <v>162</v>
      </c>
      <c r="M27" s="194">
        <v>0</v>
      </c>
      <c r="N27" s="195">
        <v>0</v>
      </c>
      <c r="O27" s="198">
        <v>0</v>
      </c>
      <c r="P27" s="196">
        <v>0</v>
      </c>
      <c r="Q27" s="197">
        <v>0</v>
      </c>
      <c r="R27" s="197">
        <v>34</v>
      </c>
      <c r="S27" s="197">
        <v>71</v>
      </c>
      <c r="T27" s="195">
        <v>57</v>
      </c>
      <c r="U27" s="198">
        <v>162</v>
      </c>
      <c r="V27" s="200">
        <v>162</v>
      </c>
      <c r="W27" s="201">
        <v>0</v>
      </c>
      <c r="X27" s="195">
        <v>0</v>
      </c>
      <c r="Y27" s="198">
        <v>0</v>
      </c>
      <c r="Z27" s="201">
        <v>0</v>
      </c>
      <c r="AA27" s="197">
        <v>0</v>
      </c>
      <c r="AB27" s="197">
        <v>0</v>
      </c>
      <c r="AC27" s="197">
        <v>0</v>
      </c>
      <c r="AD27" s="195">
        <v>0</v>
      </c>
      <c r="AE27" s="198">
        <v>0</v>
      </c>
      <c r="AF27" s="202">
        <v>0</v>
      </c>
      <c r="AG27" s="201">
        <v>0</v>
      </c>
      <c r="AH27" s="195">
        <v>0</v>
      </c>
      <c r="AI27" s="198">
        <v>0</v>
      </c>
      <c r="AJ27" s="201">
        <v>10</v>
      </c>
      <c r="AK27" s="197">
        <v>13</v>
      </c>
      <c r="AL27" s="197">
        <v>23</v>
      </c>
      <c r="AM27" s="197">
        <v>31</v>
      </c>
      <c r="AN27" s="195">
        <v>10</v>
      </c>
      <c r="AO27" s="198">
        <v>87</v>
      </c>
      <c r="AP27" s="202">
        <v>87</v>
      </c>
      <c r="AQ27" s="201">
        <v>0</v>
      </c>
      <c r="AR27" s="195">
        <v>0</v>
      </c>
      <c r="AS27" s="198">
        <v>0</v>
      </c>
      <c r="AT27" s="196">
        <v>10</v>
      </c>
      <c r="AU27" s="197">
        <v>13</v>
      </c>
      <c r="AV27" s="197">
        <v>23</v>
      </c>
      <c r="AW27" s="197">
        <v>29</v>
      </c>
      <c r="AX27" s="195">
        <v>10</v>
      </c>
      <c r="AY27" s="198">
        <v>85</v>
      </c>
      <c r="AZ27" s="199">
        <v>85</v>
      </c>
      <c r="BA27" s="194">
        <v>0</v>
      </c>
      <c r="BB27" s="195">
        <v>0</v>
      </c>
      <c r="BC27" s="195">
        <v>0</v>
      </c>
      <c r="BD27" s="196">
        <v>0</v>
      </c>
      <c r="BE27" s="197">
        <v>0</v>
      </c>
      <c r="BF27" s="197">
        <v>0</v>
      </c>
      <c r="BG27" s="197">
        <v>2</v>
      </c>
      <c r="BH27" s="195">
        <v>0</v>
      </c>
      <c r="BI27" s="198">
        <v>2</v>
      </c>
      <c r="BJ27" s="200">
        <v>2</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10</v>
      </c>
      <c r="DW27" s="197">
        <v>13</v>
      </c>
      <c r="DX27" s="197">
        <v>56</v>
      </c>
      <c r="DY27" s="197">
        <v>102</v>
      </c>
      <c r="DZ27" s="195">
        <v>67</v>
      </c>
      <c r="EA27" s="198">
        <v>248</v>
      </c>
      <c r="EB27" s="200">
        <v>248</v>
      </c>
      <c r="EC27" s="37"/>
    </row>
    <row r="28" spans="2:133" ht="21" customHeight="1" x14ac:dyDescent="0.2">
      <c r="B28" s="62" t="s">
        <v>25</v>
      </c>
      <c r="C28" s="194">
        <v>0</v>
      </c>
      <c r="D28" s="195">
        <v>0</v>
      </c>
      <c r="E28" s="195">
        <v>0</v>
      </c>
      <c r="F28" s="196">
        <v>2</v>
      </c>
      <c r="G28" s="197">
        <v>6</v>
      </c>
      <c r="H28" s="197">
        <v>59</v>
      </c>
      <c r="I28" s="197">
        <v>73</v>
      </c>
      <c r="J28" s="195">
        <v>53</v>
      </c>
      <c r="K28" s="198">
        <v>193</v>
      </c>
      <c r="L28" s="199">
        <v>193</v>
      </c>
      <c r="M28" s="194">
        <v>0</v>
      </c>
      <c r="N28" s="195">
        <v>0</v>
      </c>
      <c r="O28" s="198">
        <v>0</v>
      </c>
      <c r="P28" s="196">
        <v>2</v>
      </c>
      <c r="Q28" s="197">
        <v>6</v>
      </c>
      <c r="R28" s="197">
        <v>59</v>
      </c>
      <c r="S28" s="197">
        <v>72</v>
      </c>
      <c r="T28" s="195">
        <v>48</v>
      </c>
      <c r="U28" s="198">
        <v>187</v>
      </c>
      <c r="V28" s="200">
        <v>187</v>
      </c>
      <c r="W28" s="201">
        <v>0</v>
      </c>
      <c r="X28" s="195">
        <v>0</v>
      </c>
      <c r="Y28" s="198">
        <v>0</v>
      </c>
      <c r="Z28" s="201">
        <v>0</v>
      </c>
      <c r="AA28" s="197">
        <v>0</v>
      </c>
      <c r="AB28" s="197">
        <v>0</v>
      </c>
      <c r="AC28" s="197">
        <v>1</v>
      </c>
      <c r="AD28" s="195">
        <v>5</v>
      </c>
      <c r="AE28" s="198">
        <v>6</v>
      </c>
      <c r="AF28" s="202">
        <v>6</v>
      </c>
      <c r="AG28" s="201">
        <v>0</v>
      </c>
      <c r="AH28" s="195">
        <v>0</v>
      </c>
      <c r="AI28" s="198">
        <v>0</v>
      </c>
      <c r="AJ28" s="201">
        <v>13</v>
      </c>
      <c r="AK28" s="197">
        <v>20</v>
      </c>
      <c r="AL28" s="197">
        <v>18</v>
      </c>
      <c r="AM28" s="197">
        <v>47</v>
      </c>
      <c r="AN28" s="195">
        <v>17</v>
      </c>
      <c r="AO28" s="198">
        <v>115</v>
      </c>
      <c r="AP28" s="202">
        <v>115</v>
      </c>
      <c r="AQ28" s="201">
        <v>0</v>
      </c>
      <c r="AR28" s="195">
        <v>0</v>
      </c>
      <c r="AS28" s="198">
        <v>0</v>
      </c>
      <c r="AT28" s="196">
        <v>13</v>
      </c>
      <c r="AU28" s="197">
        <v>19</v>
      </c>
      <c r="AV28" s="197">
        <v>18</v>
      </c>
      <c r="AW28" s="197">
        <v>46</v>
      </c>
      <c r="AX28" s="195">
        <v>17</v>
      </c>
      <c r="AY28" s="198">
        <v>113</v>
      </c>
      <c r="AZ28" s="199">
        <v>113</v>
      </c>
      <c r="BA28" s="194">
        <v>0</v>
      </c>
      <c r="BB28" s="195">
        <v>0</v>
      </c>
      <c r="BC28" s="195">
        <v>0</v>
      </c>
      <c r="BD28" s="196">
        <v>0</v>
      </c>
      <c r="BE28" s="197">
        <v>1</v>
      </c>
      <c r="BF28" s="197">
        <v>0</v>
      </c>
      <c r="BG28" s="197">
        <v>1</v>
      </c>
      <c r="BH28" s="195">
        <v>0</v>
      </c>
      <c r="BI28" s="198">
        <v>2</v>
      </c>
      <c r="BJ28" s="200">
        <v>2</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0</v>
      </c>
      <c r="CT28" s="197">
        <v>0</v>
      </c>
      <c r="CU28" s="197">
        <v>2</v>
      </c>
      <c r="CV28" s="195">
        <v>2</v>
      </c>
      <c r="CW28" s="198">
        <v>4</v>
      </c>
      <c r="CX28" s="199">
        <v>4</v>
      </c>
      <c r="CY28" s="194">
        <v>0</v>
      </c>
      <c r="CZ28" s="195">
        <v>0</v>
      </c>
      <c r="DA28" s="195">
        <v>0</v>
      </c>
      <c r="DB28" s="196">
        <v>0</v>
      </c>
      <c r="DC28" s="197">
        <v>0</v>
      </c>
      <c r="DD28" s="197">
        <v>0</v>
      </c>
      <c r="DE28" s="197">
        <v>2</v>
      </c>
      <c r="DF28" s="195">
        <v>2</v>
      </c>
      <c r="DG28" s="198">
        <v>4</v>
      </c>
      <c r="DH28" s="200">
        <v>4</v>
      </c>
      <c r="DI28" s="201">
        <v>0</v>
      </c>
      <c r="DJ28" s="195">
        <v>0</v>
      </c>
      <c r="DK28" s="195">
        <v>0</v>
      </c>
      <c r="DL28" s="196">
        <v>0</v>
      </c>
      <c r="DM28" s="197">
        <v>0</v>
      </c>
      <c r="DN28" s="197">
        <v>0</v>
      </c>
      <c r="DO28" s="197">
        <v>0</v>
      </c>
      <c r="DP28" s="195">
        <v>0</v>
      </c>
      <c r="DQ28" s="198">
        <v>0</v>
      </c>
      <c r="DR28" s="200">
        <v>0</v>
      </c>
      <c r="DS28" s="201">
        <v>0</v>
      </c>
      <c r="DT28" s="195">
        <v>0</v>
      </c>
      <c r="DU28" s="195">
        <v>0</v>
      </c>
      <c r="DV28" s="196">
        <v>15</v>
      </c>
      <c r="DW28" s="197">
        <v>26</v>
      </c>
      <c r="DX28" s="197">
        <v>75</v>
      </c>
      <c r="DY28" s="197">
        <v>121</v>
      </c>
      <c r="DZ28" s="195">
        <v>72</v>
      </c>
      <c r="EA28" s="198">
        <v>309</v>
      </c>
      <c r="EB28" s="200">
        <v>309</v>
      </c>
      <c r="EC28" s="37"/>
    </row>
    <row r="29" spans="2:133" ht="21" customHeight="1" x14ac:dyDescent="0.2">
      <c r="B29" s="62" t="s">
        <v>26</v>
      </c>
      <c r="C29" s="194">
        <v>0</v>
      </c>
      <c r="D29" s="195">
        <v>0</v>
      </c>
      <c r="E29" s="195">
        <v>0</v>
      </c>
      <c r="F29" s="196">
        <v>0</v>
      </c>
      <c r="G29" s="197">
        <v>10</v>
      </c>
      <c r="H29" s="197">
        <v>42</v>
      </c>
      <c r="I29" s="197">
        <v>80</v>
      </c>
      <c r="J29" s="195">
        <v>42</v>
      </c>
      <c r="K29" s="198">
        <v>174</v>
      </c>
      <c r="L29" s="199">
        <v>174</v>
      </c>
      <c r="M29" s="194">
        <v>0</v>
      </c>
      <c r="N29" s="195">
        <v>0</v>
      </c>
      <c r="O29" s="198">
        <v>0</v>
      </c>
      <c r="P29" s="196">
        <v>0</v>
      </c>
      <c r="Q29" s="197">
        <v>10</v>
      </c>
      <c r="R29" s="197">
        <v>41</v>
      </c>
      <c r="S29" s="197">
        <v>78</v>
      </c>
      <c r="T29" s="195">
        <v>42</v>
      </c>
      <c r="U29" s="198">
        <v>171</v>
      </c>
      <c r="V29" s="200">
        <v>171</v>
      </c>
      <c r="W29" s="201">
        <v>0</v>
      </c>
      <c r="X29" s="195">
        <v>0</v>
      </c>
      <c r="Y29" s="198">
        <v>0</v>
      </c>
      <c r="Z29" s="201">
        <v>0</v>
      </c>
      <c r="AA29" s="197">
        <v>0</v>
      </c>
      <c r="AB29" s="197">
        <v>1</v>
      </c>
      <c r="AC29" s="197">
        <v>2</v>
      </c>
      <c r="AD29" s="195">
        <v>0</v>
      </c>
      <c r="AE29" s="198">
        <v>3</v>
      </c>
      <c r="AF29" s="202">
        <v>3</v>
      </c>
      <c r="AG29" s="201">
        <v>0</v>
      </c>
      <c r="AH29" s="195">
        <v>0</v>
      </c>
      <c r="AI29" s="198">
        <v>0</v>
      </c>
      <c r="AJ29" s="201">
        <v>13</v>
      </c>
      <c r="AK29" s="197">
        <v>24</v>
      </c>
      <c r="AL29" s="197">
        <v>19</v>
      </c>
      <c r="AM29" s="197">
        <v>20</v>
      </c>
      <c r="AN29" s="195">
        <v>14</v>
      </c>
      <c r="AO29" s="198">
        <v>90</v>
      </c>
      <c r="AP29" s="202">
        <v>90</v>
      </c>
      <c r="AQ29" s="201">
        <v>0</v>
      </c>
      <c r="AR29" s="195">
        <v>0</v>
      </c>
      <c r="AS29" s="198">
        <v>0</v>
      </c>
      <c r="AT29" s="196">
        <v>13</v>
      </c>
      <c r="AU29" s="197">
        <v>24</v>
      </c>
      <c r="AV29" s="197">
        <v>19</v>
      </c>
      <c r="AW29" s="197">
        <v>19</v>
      </c>
      <c r="AX29" s="195">
        <v>14</v>
      </c>
      <c r="AY29" s="198">
        <v>89</v>
      </c>
      <c r="AZ29" s="199">
        <v>89</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0</v>
      </c>
      <c r="BS29" s="198">
        <v>0</v>
      </c>
      <c r="BT29" s="199">
        <v>0</v>
      </c>
      <c r="BU29" s="194">
        <v>0</v>
      </c>
      <c r="BV29" s="195">
        <v>0</v>
      </c>
      <c r="BW29" s="195">
        <v>0</v>
      </c>
      <c r="BX29" s="196">
        <v>0</v>
      </c>
      <c r="BY29" s="197">
        <v>0</v>
      </c>
      <c r="BZ29" s="197">
        <v>0</v>
      </c>
      <c r="CA29" s="197">
        <v>0</v>
      </c>
      <c r="CB29" s="195">
        <v>0</v>
      </c>
      <c r="CC29" s="198">
        <v>0</v>
      </c>
      <c r="CD29" s="200">
        <v>0</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1</v>
      </c>
      <c r="CU29" s="197">
        <v>0</v>
      </c>
      <c r="CV29" s="195">
        <v>2</v>
      </c>
      <c r="CW29" s="198">
        <v>3</v>
      </c>
      <c r="CX29" s="199">
        <v>3</v>
      </c>
      <c r="CY29" s="194">
        <v>0</v>
      </c>
      <c r="CZ29" s="195">
        <v>0</v>
      </c>
      <c r="DA29" s="195">
        <v>0</v>
      </c>
      <c r="DB29" s="196">
        <v>0</v>
      </c>
      <c r="DC29" s="197">
        <v>0</v>
      </c>
      <c r="DD29" s="197">
        <v>1</v>
      </c>
      <c r="DE29" s="197">
        <v>0</v>
      </c>
      <c r="DF29" s="195">
        <v>2</v>
      </c>
      <c r="DG29" s="198">
        <v>3</v>
      </c>
      <c r="DH29" s="200">
        <v>3</v>
      </c>
      <c r="DI29" s="201">
        <v>0</v>
      </c>
      <c r="DJ29" s="195">
        <v>0</v>
      </c>
      <c r="DK29" s="195">
        <v>0</v>
      </c>
      <c r="DL29" s="196">
        <v>0</v>
      </c>
      <c r="DM29" s="197">
        <v>0</v>
      </c>
      <c r="DN29" s="197">
        <v>0</v>
      </c>
      <c r="DO29" s="197">
        <v>0</v>
      </c>
      <c r="DP29" s="195">
        <v>0</v>
      </c>
      <c r="DQ29" s="198">
        <v>0</v>
      </c>
      <c r="DR29" s="200">
        <v>0</v>
      </c>
      <c r="DS29" s="201">
        <v>0</v>
      </c>
      <c r="DT29" s="195">
        <v>0</v>
      </c>
      <c r="DU29" s="195">
        <v>0</v>
      </c>
      <c r="DV29" s="196">
        <v>13</v>
      </c>
      <c r="DW29" s="197">
        <v>34</v>
      </c>
      <c r="DX29" s="197">
        <v>62</v>
      </c>
      <c r="DY29" s="197">
        <v>99</v>
      </c>
      <c r="DZ29" s="195">
        <v>58</v>
      </c>
      <c r="EA29" s="198">
        <v>266</v>
      </c>
      <c r="EB29" s="200">
        <v>266</v>
      </c>
      <c r="EC29" s="37"/>
    </row>
    <row r="30" spans="2:133" ht="21" customHeight="1" x14ac:dyDescent="0.2">
      <c r="B30" s="62" t="s">
        <v>27</v>
      </c>
      <c r="C30" s="194">
        <v>0</v>
      </c>
      <c r="D30" s="195">
        <v>0</v>
      </c>
      <c r="E30" s="195">
        <v>0</v>
      </c>
      <c r="F30" s="196">
        <v>2</v>
      </c>
      <c r="G30" s="197">
        <v>2</v>
      </c>
      <c r="H30" s="197">
        <v>37</v>
      </c>
      <c r="I30" s="197">
        <v>58</v>
      </c>
      <c r="J30" s="195">
        <v>41</v>
      </c>
      <c r="K30" s="198">
        <v>140</v>
      </c>
      <c r="L30" s="199">
        <v>140</v>
      </c>
      <c r="M30" s="194">
        <v>0</v>
      </c>
      <c r="N30" s="195">
        <v>0</v>
      </c>
      <c r="O30" s="198">
        <v>0</v>
      </c>
      <c r="P30" s="196">
        <v>2</v>
      </c>
      <c r="Q30" s="197">
        <v>2</v>
      </c>
      <c r="R30" s="197">
        <v>35</v>
      </c>
      <c r="S30" s="197">
        <v>58</v>
      </c>
      <c r="T30" s="195">
        <v>41</v>
      </c>
      <c r="U30" s="198">
        <v>138</v>
      </c>
      <c r="V30" s="200">
        <v>138</v>
      </c>
      <c r="W30" s="201">
        <v>0</v>
      </c>
      <c r="X30" s="195">
        <v>0</v>
      </c>
      <c r="Y30" s="198">
        <v>0</v>
      </c>
      <c r="Z30" s="201">
        <v>0</v>
      </c>
      <c r="AA30" s="197">
        <v>0</v>
      </c>
      <c r="AB30" s="197">
        <v>2</v>
      </c>
      <c r="AC30" s="197">
        <v>0</v>
      </c>
      <c r="AD30" s="195">
        <v>0</v>
      </c>
      <c r="AE30" s="198">
        <v>2</v>
      </c>
      <c r="AF30" s="202">
        <v>2</v>
      </c>
      <c r="AG30" s="201">
        <v>0</v>
      </c>
      <c r="AH30" s="195">
        <v>0</v>
      </c>
      <c r="AI30" s="198">
        <v>0</v>
      </c>
      <c r="AJ30" s="201">
        <v>7</v>
      </c>
      <c r="AK30" s="197">
        <v>22</v>
      </c>
      <c r="AL30" s="197">
        <v>19</v>
      </c>
      <c r="AM30" s="197">
        <v>21</v>
      </c>
      <c r="AN30" s="195">
        <v>10</v>
      </c>
      <c r="AO30" s="198">
        <v>79</v>
      </c>
      <c r="AP30" s="202">
        <v>79</v>
      </c>
      <c r="AQ30" s="201">
        <v>0</v>
      </c>
      <c r="AR30" s="195">
        <v>0</v>
      </c>
      <c r="AS30" s="198">
        <v>0</v>
      </c>
      <c r="AT30" s="196">
        <v>7</v>
      </c>
      <c r="AU30" s="197">
        <v>20</v>
      </c>
      <c r="AV30" s="197">
        <v>18</v>
      </c>
      <c r="AW30" s="197">
        <v>20</v>
      </c>
      <c r="AX30" s="195">
        <v>10</v>
      </c>
      <c r="AY30" s="198">
        <v>75</v>
      </c>
      <c r="AZ30" s="199">
        <v>75</v>
      </c>
      <c r="BA30" s="194">
        <v>0</v>
      </c>
      <c r="BB30" s="195">
        <v>0</v>
      </c>
      <c r="BC30" s="195">
        <v>0</v>
      </c>
      <c r="BD30" s="196">
        <v>0</v>
      </c>
      <c r="BE30" s="197">
        <v>2</v>
      </c>
      <c r="BF30" s="197">
        <v>1</v>
      </c>
      <c r="BG30" s="197">
        <v>1</v>
      </c>
      <c r="BH30" s="195">
        <v>0</v>
      </c>
      <c r="BI30" s="198">
        <v>4</v>
      </c>
      <c r="BJ30" s="200">
        <v>4</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2</v>
      </c>
      <c r="CV30" s="195">
        <v>2</v>
      </c>
      <c r="CW30" s="198">
        <v>4</v>
      </c>
      <c r="CX30" s="199">
        <v>4</v>
      </c>
      <c r="CY30" s="194">
        <v>0</v>
      </c>
      <c r="CZ30" s="195">
        <v>0</v>
      </c>
      <c r="DA30" s="195">
        <v>0</v>
      </c>
      <c r="DB30" s="196">
        <v>0</v>
      </c>
      <c r="DC30" s="197">
        <v>0</v>
      </c>
      <c r="DD30" s="197">
        <v>0</v>
      </c>
      <c r="DE30" s="197">
        <v>2</v>
      </c>
      <c r="DF30" s="195">
        <v>0</v>
      </c>
      <c r="DG30" s="198">
        <v>2</v>
      </c>
      <c r="DH30" s="200">
        <v>2</v>
      </c>
      <c r="DI30" s="201">
        <v>0</v>
      </c>
      <c r="DJ30" s="195">
        <v>0</v>
      </c>
      <c r="DK30" s="195">
        <v>0</v>
      </c>
      <c r="DL30" s="196">
        <v>0</v>
      </c>
      <c r="DM30" s="197">
        <v>0</v>
      </c>
      <c r="DN30" s="197">
        <v>0</v>
      </c>
      <c r="DO30" s="197">
        <v>0</v>
      </c>
      <c r="DP30" s="195">
        <v>2</v>
      </c>
      <c r="DQ30" s="198">
        <v>2</v>
      </c>
      <c r="DR30" s="200">
        <v>2</v>
      </c>
      <c r="DS30" s="201">
        <v>0</v>
      </c>
      <c r="DT30" s="195">
        <v>0</v>
      </c>
      <c r="DU30" s="195">
        <v>0</v>
      </c>
      <c r="DV30" s="196">
        <v>9</v>
      </c>
      <c r="DW30" s="197">
        <v>24</v>
      </c>
      <c r="DX30" s="197">
        <v>54</v>
      </c>
      <c r="DY30" s="197">
        <v>81</v>
      </c>
      <c r="DZ30" s="195">
        <v>53</v>
      </c>
      <c r="EA30" s="198">
        <v>221</v>
      </c>
      <c r="EB30" s="200">
        <v>221</v>
      </c>
      <c r="EC30" s="37"/>
    </row>
    <row r="31" spans="2:133" ht="21" customHeight="1" x14ac:dyDescent="0.2">
      <c r="B31" s="62" t="s">
        <v>28</v>
      </c>
      <c r="C31" s="194">
        <v>0</v>
      </c>
      <c r="D31" s="195">
        <v>0</v>
      </c>
      <c r="E31" s="195">
        <v>0</v>
      </c>
      <c r="F31" s="196">
        <v>0</v>
      </c>
      <c r="G31" s="197">
        <v>1</v>
      </c>
      <c r="H31" s="197">
        <v>13</v>
      </c>
      <c r="I31" s="197">
        <v>16</v>
      </c>
      <c r="J31" s="195">
        <v>12</v>
      </c>
      <c r="K31" s="198">
        <v>42</v>
      </c>
      <c r="L31" s="199">
        <v>42</v>
      </c>
      <c r="M31" s="194">
        <v>0</v>
      </c>
      <c r="N31" s="195">
        <v>0</v>
      </c>
      <c r="O31" s="198">
        <v>0</v>
      </c>
      <c r="P31" s="196">
        <v>0</v>
      </c>
      <c r="Q31" s="197">
        <v>1</v>
      </c>
      <c r="R31" s="197">
        <v>13</v>
      </c>
      <c r="S31" s="197">
        <v>16</v>
      </c>
      <c r="T31" s="195">
        <v>11</v>
      </c>
      <c r="U31" s="198">
        <v>41</v>
      </c>
      <c r="V31" s="200">
        <v>41</v>
      </c>
      <c r="W31" s="201">
        <v>0</v>
      </c>
      <c r="X31" s="195">
        <v>0</v>
      </c>
      <c r="Y31" s="198">
        <v>0</v>
      </c>
      <c r="Z31" s="201">
        <v>0</v>
      </c>
      <c r="AA31" s="197">
        <v>0</v>
      </c>
      <c r="AB31" s="197">
        <v>0</v>
      </c>
      <c r="AC31" s="197">
        <v>0</v>
      </c>
      <c r="AD31" s="195">
        <v>1</v>
      </c>
      <c r="AE31" s="198">
        <v>1</v>
      </c>
      <c r="AF31" s="202">
        <v>1</v>
      </c>
      <c r="AG31" s="201">
        <v>0</v>
      </c>
      <c r="AH31" s="195">
        <v>0</v>
      </c>
      <c r="AI31" s="198">
        <v>0</v>
      </c>
      <c r="AJ31" s="201">
        <v>3</v>
      </c>
      <c r="AK31" s="197">
        <v>10</v>
      </c>
      <c r="AL31" s="197">
        <v>10</v>
      </c>
      <c r="AM31" s="197">
        <v>11</v>
      </c>
      <c r="AN31" s="195">
        <v>5</v>
      </c>
      <c r="AO31" s="198">
        <v>39</v>
      </c>
      <c r="AP31" s="202">
        <v>39</v>
      </c>
      <c r="AQ31" s="201">
        <v>0</v>
      </c>
      <c r="AR31" s="195">
        <v>0</v>
      </c>
      <c r="AS31" s="198">
        <v>0</v>
      </c>
      <c r="AT31" s="196">
        <v>3</v>
      </c>
      <c r="AU31" s="197">
        <v>10</v>
      </c>
      <c r="AV31" s="197">
        <v>10</v>
      </c>
      <c r="AW31" s="197">
        <v>11</v>
      </c>
      <c r="AX31" s="195">
        <v>5</v>
      </c>
      <c r="AY31" s="198">
        <v>39</v>
      </c>
      <c r="AZ31" s="199">
        <v>39</v>
      </c>
      <c r="BA31" s="194">
        <v>0</v>
      </c>
      <c r="BB31" s="195">
        <v>0</v>
      </c>
      <c r="BC31" s="195">
        <v>0</v>
      </c>
      <c r="BD31" s="196">
        <v>0</v>
      </c>
      <c r="BE31" s="197">
        <v>0</v>
      </c>
      <c r="BF31" s="197">
        <v>0</v>
      </c>
      <c r="BG31" s="197">
        <v>0</v>
      </c>
      <c r="BH31" s="195">
        <v>0</v>
      </c>
      <c r="BI31" s="198">
        <v>0</v>
      </c>
      <c r="BJ31" s="200">
        <v>0</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3</v>
      </c>
      <c r="DW31" s="197">
        <v>11</v>
      </c>
      <c r="DX31" s="197">
        <v>23</v>
      </c>
      <c r="DY31" s="197">
        <v>27</v>
      </c>
      <c r="DZ31" s="195">
        <v>17</v>
      </c>
      <c r="EA31" s="198">
        <v>81</v>
      </c>
      <c r="EB31" s="200">
        <v>81</v>
      </c>
      <c r="EC31" s="37"/>
    </row>
    <row r="32" spans="2:133" ht="21" customHeight="1" x14ac:dyDescent="0.2">
      <c r="B32" s="62" t="s">
        <v>29</v>
      </c>
      <c r="C32" s="194">
        <v>0</v>
      </c>
      <c r="D32" s="195">
        <v>0</v>
      </c>
      <c r="E32" s="195">
        <v>0</v>
      </c>
      <c r="F32" s="196">
        <v>1</v>
      </c>
      <c r="G32" s="197">
        <v>3</v>
      </c>
      <c r="H32" s="197">
        <v>12</v>
      </c>
      <c r="I32" s="197">
        <v>30</v>
      </c>
      <c r="J32" s="195">
        <v>19</v>
      </c>
      <c r="K32" s="198">
        <v>65</v>
      </c>
      <c r="L32" s="199">
        <v>65</v>
      </c>
      <c r="M32" s="194">
        <v>0</v>
      </c>
      <c r="N32" s="195">
        <v>0</v>
      </c>
      <c r="O32" s="198">
        <v>0</v>
      </c>
      <c r="P32" s="196">
        <v>1</v>
      </c>
      <c r="Q32" s="197">
        <v>3</v>
      </c>
      <c r="R32" s="197">
        <v>12</v>
      </c>
      <c r="S32" s="197">
        <v>30</v>
      </c>
      <c r="T32" s="195">
        <v>19</v>
      </c>
      <c r="U32" s="198">
        <v>65</v>
      </c>
      <c r="V32" s="200">
        <v>65</v>
      </c>
      <c r="W32" s="201">
        <v>0</v>
      </c>
      <c r="X32" s="195">
        <v>0</v>
      </c>
      <c r="Y32" s="198">
        <v>0</v>
      </c>
      <c r="Z32" s="201">
        <v>0</v>
      </c>
      <c r="AA32" s="197">
        <v>0</v>
      </c>
      <c r="AB32" s="197">
        <v>0</v>
      </c>
      <c r="AC32" s="197">
        <v>0</v>
      </c>
      <c r="AD32" s="195">
        <v>0</v>
      </c>
      <c r="AE32" s="198">
        <v>0</v>
      </c>
      <c r="AF32" s="202">
        <v>0</v>
      </c>
      <c r="AG32" s="201">
        <v>0</v>
      </c>
      <c r="AH32" s="195">
        <v>0</v>
      </c>
      <c r="AI32" s="198">
        <v>0</v>
      </c>
      <c r="AJ32" s="201">
        <v>3</v>
      </c>
      <c r="AK32" s="197">
        <v>4</v>
      </c>
      <c r="AL32" s="197">
        <v>10</v>
      </c>
      <c r="AM32" s="197">
        <v>17</v>
      </c>
      <c r="AN32" s="195">
        <v>9</v>
      </c>
      <c r="AO32" s="198">
        <v>43</v>
      </c>
      <c r="AP32" s="202">
        <v>43</v>
      </c>
      <c r="AQ32" s="201">
        <v>0</v>
      </c>
      <c r="AR32" s="195">
        <v>0</v>
      </c>
      <c r="AS32" s="198">
        <v>0</v>
      </c>
      <c r="AT32" s="196">
        <v>3</v>
      </c>
      <c r="AU32" s="197">
        <v>4</v>
      </c>
      <c r="AV32" s="197">
        <v>10</v>
      </c>
      <c r="AW32" s="197">
        <v>17</v>
      </c>
      <c r="AX32" s="195">
        <v>8</v>
      </c>
      <c r="AY32" s="198">
        <v>42</v>
      </c>
      <c r="AZ32" s="199">
        <v>42</v>
      </c>
      <c r="BA32" s="194">
        <v>0</v>
      </c>
      <c r="BB32" s="195">
        <v>0</v>
      </c>
      <c r="BC32" s="195">
        <v>0</v>
      </c>
      <c r="BD32" s="196">
        <v>0</v>
      </c>
      <c r="BE32" s="197">
        <v>0</v>
      </c>
      <c r="BF32" s="197">
        <v>0</v>
      </c>
      <c r="BG32" s="197">
        <v>0</v>
      </c>
      <c r="BH32" s="195">
        <v>1</v>
      </c>
      <c r="BI32" s="198">
        <v>1</v>
      </c>
      <c r="BJ32" s="200">
        <v>1</v>
      </c>
      <c r="BK32" s="201">
        <v>0</v>
      </c>
      <c r="BL32" s="195">
        <v>0</v>
      </c>
      <c r="BM32" s="195">
        <v>0</v>
      </c>
      <c r="BN32" s="196">
        <v>0</v>
      </c>
      <c r="BO32" s="197">
        <v>0</v>
      </c>
      <c r="BP32" s="197">
        <v>0</v>
      </c>
      <c r="BQ32" s="197">
        <v>0</v>
      </c>
      <c r="BR32" s="195">
        <v>0</v>
      </c>
      <c r="BS32" s="198">
        <v>0</v>
      </c>
      <c r="BT32" s="199">
        <v>0</v>
      </c>
      <c r="BU32" s="194">
        <v>0</v>
      </c>
      <c r="BV32" s="195">
        <v>0</v>
      </c>
      <c r="BW32" s="195">
        <v>0</v>
      </c>
      <c r="BX32" s="196">
        <v>0</v>
      </c>
      <c r="BY32" s="197">
        <v>0</v>
      </c>
      <c r="BZ32" s="197">
        <v>0</v>
      </c>
      <c r="CA32" s="197">
        <v>0</v>
      </c>
      <c r="CB32" s="195">
        <v>0</v>
      </c>
      <c r="CC32" s="198">
        <v>0</v>
      </c>
      <c r="CD32" s="200">
        <v>0</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1</v>
      </c>
      <c r="CV32" s="195">
        <v>0</v>
      </c>
      <c r="CW32" s="198">
        <v>1</v>
      </c>
      <c r="CX32" s="199">
        <v>1</v>
      </c>
      <c r="CY32" s="194">
        <v>0</v>
      </c>
      <c r="CZ32" s="195">
        <v>0</v>
      </c>
      <c r="DA32" s="195">
        <v>0</v>
      </c>
      <c r="DB32" s="196">
        <v>0</v>
      </c>
      <c r="DC32" s="197">
        <v>0</v>
      </c>
      <c r="DD32" s="197">
        <v>0</v>
      </c>
      <c r="DE32" s="197">
        <v>1</v>
      </c>
      <c r="DF32" s="195">
        <v>0</v>
      </c>
      <c r="DG32" s="198">
        <v>1</v>
      </c>
      <c r="DH32" s="200">
        <v>1</v>
      </c>
      <c r="DI32" s="201">
        <v>0</v>
      </c>
      <c r="DJ32" s="195">
        <v>0</v>
      </c>
      <c r="DK32" s="195">
        <v>0</v>
      </c>
      <c r="DL32" s="196">
        <v>0</v>
      </c>
      <c r="DM32" s="197">
        <v>0</v>
      </c>
      <c r="DN32" s="197">
        <v>0</v>
      </c>
      <c r="DO32" s="197">
        <v>0</v>
      </c>
      <c r="DP32" s="195">
        <v>0</v>
      </c>
      <c r="DQ32" s="198">
        <v>0</v>
      </c>
      <c r="DR32" s="200">
        <v>0</v>
      </c>
      <c r="DS32" s="201">
        <v>0</v>
      </c>
      <c r="DT32" s="195">
        <v>0</v>
      </c>
      <c r="DU32" s="195">
        <v>0</v>
      </c>
      <c r="DV32" s="196">
        <v>4</v>
      </c>
      <c r="DW32" s="197">
        <v>7</v>
      </c>
      <c r="DX32" s="197">
        <v>22</v>
      </c>
      <c r="DY32" s="197">
        <v>48</v>
      </c>
      <c r="DZ32" s="195">
        <v>27</v>
      </c>
      <c r="EA32" s="198">
        <v>108</v>
      </c>
      <c r="EB32" s="200">
        <v>108</v>
      </c>
      <c r="EC32" s="37"/>
    </row>
    <row r="33" spans="2:133" ht="21" customHeight="1" x14ac:dyDescent="0.2">
      <c r="B33" s="62" t="s">
        <v>30</v>
      </c>
      <c r="C33" s="194">
        <v>0</v>
      </c>
      <c r="D33" s="195">
        <v>0</v>
      </c>
      <c r="E33" s="195">
        <v>0</v>
      </c>
      <c r="F33" s="196">
        <v>1</v>
      </c>
      <c r="G33" s="197">
        <v>1</v>
      </c>
      <c r="H33" s="197">
        <v>25</v>
      </c>
      <c r="I33" s="197">
        <v>26</v>
      </c>
      <c r="J33" s="195">
        <v>13</v>
      </c>
      <c r="K33" s="198">
        <v>66</v>
      </c>
      <c r="L33" s="199">
        <v>66</v>
      </c>
      <c r="M33" s="194">
        <v>0</v>
      </c>
      <c r="N33" s="195">
        <v>0</v>
      </c>
      <c r="O33" s="198">
        <v>0</v>
      </c>
      <c r="P33" s="196">
        <v>1</v>
      </c>
      <c r="Q33" s="197">
        <v>1</v>
      </c>
      <c r="R33" s="197">
        <v>25</v>
      </c>
      <c r="S33" s="197">
        <v>26</v>
      </c>
      <c r="T33" s="195">
        <v>13</v>
      </c>
      <c r="U33" s="198">
        <v>66</v>
      </c>
      <c r="V33" s="200">
        <v>66</v>
      </c>
      <c r="W33" s="201">
        <v>0</v>
      </c>
      <c r="X33" s="195">
        <v>0</v>
      </c>
      <c r="Y33" s="198">
        <v>0</v>
      </c>
      <c r="Z33" s="201">
        <v>0</v>
      </c>
      <c r="AA33" s="197">
        <v>0</v>
      </c>
      <c r="AB33" s="197">
        <v>0</v>
      </c>
      <c r="AC33" s="197">
        <v>0</v>
      </c>
      <c r="AD33" s="195">
        <v>0</v>
      </c>
      <c r="AE33" s="198">
        <v>0</v>
      </c>
      <c r="AF33" s="202">
        <v>0</v>
      </c>
      <c r="AG33" s="201">
        <v>0</v>
      </c>
      <c r="AH33" s="195">
        <v>0</v>
      </c>
      <c r="AI33" s="198">
        <v>0</v>
      </c>
      <c r="AJ33" s="201">
        <v>10</v>
      </c>
      <c r="AK33" s="197">
        <v>3</v>
      </c>
      <c r="AL33" s="197">
        <v>13</v>
      </c>
      <c r="AM33" s="197">
        <v>16</v>
      </c>
      <c r="AN33" s="195">
        <v>6</v>
      </c>
      <c r="AO33" s="198">
        <v>48</v>
      </c>
      <c r="AP33" s="202">
        <v>48</v>
      </c>
      <c r="AQ33" s="201">
        <v>0</v>
      </c>
      <c r="AR33" s="195">
        <v>0</v>
      </c>
      <c r="AS33" s="198">
        <v>0</v>
      </c>
      <c r="AT33" s="196">
        <v>10</v>
      </c>
      <c r="AU33" s="197">
        <v>3</v>
      </c>
      <c r="AV33" s="197">
        <v>12</v>
      </c>
      <c r="AW33" s="197">
        <v>16</v>
      </c>
      <c r="AX33" s="195">
        <v>6</v>
      </c>
      <c r="AY33" s="198">
        <v>47</v>
      </c>
      <c r="AZ33" s="199">
        <v>47</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1</v>
      </c>
      <c r="CT33" s="197">
        <v>1</v>
      </c>
      <c r="CU33" s="197">
        <v>0</v>
      </c>
      <c r="CV33" s="195">
        <v>2</v>
      </c>
      <c r="CW33" s="198">
        <v>4</v>
      </c>
      <c r="CX33" s="199">
        <v>4</v>
      </c>
      <c r="CY33" s="194">
        <v>0</v>
      </c>
      <c r="CZ33" s="195">
        <v>0</v>
      </c>
      <c r="DA33" s="195">
        <v>0</v>
      </c>
      <c r="DB33" s="196">
        <v>0</v>
      </c>
      <c r="DC33" s="197">
        <v>1</v>
      </c>
      <c r="DD33" s="197">
        <v>1</v>
      </c>
      <c r="DE33" s="197">
        <v>0</v>
      </c>
      <c r="DF33" s="195">
        <v>1</v>
      </c>
      <c r="DG33" s="198">
        <v>3</v>
      </c>
      <c r="DH33" s="200">
        <v>3</v>
      </c>
      <c r="DI33" s="201">
        <v>0</v>
      </c>
      <c r="DJ33" s="195">
        <v>0</v>
      </c>
      <c r="DK33" s="195">
        <v>0</v>
      </c>
      <c r="DL33" s="196">
        <v>0</v>
      </c>
      <c r="DM33" s="197">
        <v>0</v>
      </c>
      <c r="DN33" s="197">
        <v>0</v>
      </c>
      <c r="DO33" s="197">
        <v>0</v>
      </c>
      <c r="DP33" s="195">
        <v>1</v>
      </c>
      <c r="DQ33" s="198">
        <v>1</v>
      </c>
      <c r="DR33" s="200">
        <v>1</v>
      </c>
      <c r="DS33" s="201">
        <v>0</v>
      </c>
      <c r="DT33" s="195">
        <v>0</v>
      </c>
      <c r="DU33" s="195">
        <v>0</v>
      </c>
      <c r="DV33" s="196">
        <v>11</v>
      </c>
      <c r="DW33" s="197">
        <v>5</v>
      </c>
      <c r="DX33" s="197">
        <v>39</v>
      </c>
      <c r="DY33" s="197">
        <v>41</v>
      </c>
      <c r="DZ33" s="195">
        <v>21</v>
      </c>
      <c r="EA33" s="198">
        <v>117</v>
      </c>
      <c r="EB33" s="200">
        <v>117</v>
      </c>
      <c r="EC33" s="37"/>
    </row>
    <row r="34" spans="2:133" ht="21" customHeight="1" x14ac:dyDescent="0.2">
      <c r="B34" s="62" t="s">
        <v>31</v>
      </c>
      <c r="C34" s="194">
        <v>0</v>
      </c>
      <c r="D34" s="195">
        <v>0</v>
      </c>
      <c r="E34" s="195">
        <v>0</v>
      </c>
      <c r="F34" s="196">
        <v>0</v>
      </c>
      <c r="G34" s="197">
        <v>3</v>
      </c>
      <c r="H34" s="197">
        <v>31</v>
      </c>
      <c r="I34" s="197">
        <v>28</v>
      </c>
      <c r="J34" s="195">
        <v>22</v>
      </c>
      <c r="K34" s="198">
        <v>84</v>
      </c>
      <c r="L34" s="199">
        <v>84</v>
      </c>
      <c r="M34" s="194">
        <v>0</v>
      </c>
      <c r="N34" s="195">
        <v>0</v>
      </c>
      <c r="O34" s="198">
        <v>0</v>
      </c>
      <c r="P34" s="196">
        <v>0</v>
      </c>
      <c r="Q34" s="197">
        <v>3</v>
      </c>
      <c r="R34" s="197">
        <v>31</v>
      </c>
      <c r="S34" s="197">
        <v>28</v>
      </c>
      <c r="T34" s="195">
        <v>22</v>
      </c>
      <c r="U34" s="198">
        <v>84</v>
      </c>
      <c r="V34" s="200">
        <v>84</v>
      </c>
      <c r="W34" s="201">
        <v>0</v>
      </c>
      <c r="X34" s="195">
        <v>0</v>
      </c>
      <c r="Y34" s="198">
        <v>0</v>
      </c>
      <c r="Z34" s="201">
        <v>0</v>
      </c>
      <c r="AA34" s="197">
        <v>0</v>
      </c>
      <c r="AB34" s="197">
        <v>0</v>
      </c>
      <c r="AC34" s="197">
        <v>0</v>
      </c>
      <c r="AD34" s="195">
        <v>0</v>
      </c>
      <c r="AE34" s="198">
        <v>0</v>
      </c>
      <c r="AF34" s="202">
        <v>0</v>
      </c>
      <c r="AG34" s="201">
        <v>0</v>
      </c>
      <c r="AH34" s="195">
        <v>0</v>
      </c>
      <c r="AI34" s="198">
        <v>0</v>
      </c>
      <c r="AJ34" s="201">
        <v>2</v>
      </c>
      <c r="AK34" s="197">
        <v>11</v>
      </c>
      <c r="AL34" s="197">
        <v>6</v>
      </c>
      <c r="AM34" s="197">
        <v>11</v>
      </c>
      <c r="AN34" s="195">
        <v>6</v>
      </c>
      <c r="AO34" s="198">
        <v>36</v>
      </c>
      <c r="AP34" s="202">
        <v>36</v>
      </c>
      <c r="AQ34" s="201">
        <v>0</v>
      </c>
      <c r="AR34" s="195">
        <v>0</v>
      </c>
      <c r="AS34" s="198">
        <v>0</v>
      </c>
      <c r="AT34" s="196">
        <v>2</v>
      </c>
      <c r="AU34" s="197">
        <v>11</v>
      </c>
      <c r="AV34" s="197">
        <v>6</v>
      </c>
      <c r="AW34" s="197">
        <v>11</v>
      </c>
      <c r="AX34" s="195">
        <v>6</v>
      </c>
      <c r="AY34" s="198">
        <v>36</v>
      </c>
      <c r="AZ34" s="199">
        <v>36</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0</v>
      </c>
      <c r="BR34" s="195">
        <v>0</v>
      </c>
      <c r="BS34" s="198">
        <v>0</v>
      </c>
      <c r="BT34" s="199">
        <v>0</v>
      </c>
      <c r="BU34" s="194">
        <v>0</v>
      </c>
      <c r="BV34" s="195">
        <v>0</v>
      </c>
      <c r="BW34" s="195">
        <v>0</v>
      </c>
      <c r="BX34" s="196">
        <v>0</v>
      </c>
      <c r="BY34" s="197">
        <v>0</v>
      </c>
      <c r="BZ34" s="197">
        <v>0</v>
      </c>
      <c r="CA34" s="197">
        <v>0</v>
      </c>
      <c r="CB34" s="195">
        <v>0</v>
      </c>
      <c r="CC34" s="198">
        <v>0</v>
      </c>
      <c r="CD34" s="200">
        <v>0</v>
      </c>
      <c r="CE34" s="201">
        <v>0</v>
      </c>
      <c r="CF34" s="195">
        <v>0</v>
      </c>
      <c r="CG34" s="195">
        <v>0</v>
      </c>
      <c r="CH34" s="196">
        <v>0</v>
      </c>
      <c r="CI34" s="197">
        <v>0</v>
      </c>
      <c r="CJ34" s="197">
        <v>0</v>
      </c>
      <c r="CK34" s="197">
        <v>0</v>
      </c>
      <c r="CL34" s="195">
        <v>0</v>
      </c>
      <c r="CM34" s="198">
        <v>0</v>
      </c>
      <c r="CN34" s="200">
        <v>0</v>
      </c>
      <c r="CO34" s="201">
        <v>0</v>
      </c>
      <c r="CP34" s="195">
        <v>0</v>
      </c>
      <c r="CQ34" s="195">
        <v>0</v>
      </c>
      <c r="CR34" s="196">
        <v>1</v>
      </c>
      <c r="CS34" s="197">
        <v>0</v>
      </c>
      <c r="CT34" s="197">
        <v>0</v>
      </c>
      <c r="CU34" s="197">
        <v>1</v>
      </c>
      <c r="CV34" s="195">
        <v>0</v>
      </c>
      <c r="CW34" s="198">
        <v>2</v>
      </c>
      <c r="CX34" s="199">
        <v>2</v>
      </c>
      <c r="CY34" s="194">
        <v>0</v>
      </c>
      <c r="CZ34" s="195">
        <v>0</v>
      </c>
      <c r="DA34" s="195">
        <v>0</v>
      </c>
      <c r="DB34" s="196">
        <v>1</v>
      </c>
      <c r="DC34" s="197">
        <v>0</v>
      </c>
      <c r="DD34" s="197">
        <v>0</v>
      </c>
      <c r="DE34" s="197">
        <v>1</v>
      </c>
      <c r="DF34" s="195">
        <v>0</v>
      </c>
      <c r="DG34" s="198">
        <v>2</v>
      </c>
      <c r="DH34" s="200">
        <v>2</v>
      </c>
      <c r="DI34" s="201">
        <v>0</v>
      </c>
      <c r="DJ34" s="195">
        <v>0</v>
      </c>
      <c r="DK34" s="195">
        <v>0</v>
      </c>
      <c r="DL34" s="196">
        <v>0</v>
      </c>
      <c r="DM34" s="197">
        <v>0</v>
      </c>
      <c r="DN34" s="197">
        <v>0</v>
      </c>
      <c r="DO34" s="197">
        <v>0</v>
      </c>
      <c r="DP34" s="195">
        <v>0</v>
      </c>
      <c r="DQ34" s="198">
        <v>0</v>
      </c>
      <c r="DR34" s="200">
        <v>0</v>
      </c>
      <c r="DS34" s="201">
        <v>0</v>
      </c>
      <c r="DT34" s="195">
        <v>0</v>
      </c>
      <c r="DU34" s="195">
        <v>0</v>
      </c>
      <c r="DV34" s="196">
        <v>3</v>
      </c>
      <c r="DW34" s="197">
        <v>14</v>
      </c>
      <c r="DX34" s="197">
        <v>37</v>
      </c>
      <c r="DY34" s="197">
        <v>40</v>
      </c>
      <c r="DZ34" s="195">
        <v>28</v>
      </c>
      <c r="EA34" s="198">
        <v>122</v>
      </c>
      <c r="EB34" s="200">
        <v>122</v>
      </c>
      <c r="EC34" s="37"/>
    </row>
    <row r="35" spans="2:133" ht="21" customHeight="1" x14ac:dyDescent="0.2">
      <c r="B35" s="62" t="s">
        <v>32</v>
      </c>
      <c r="C35" s="194">
        <v>0</v>
      </c>
      <c r="D35" s="195">
        <v>0</v>
      </c>
      <c r="E35" s="195">
        <v>0</v>
      </c>
      <c r="F35" s="196">
        <v>2</v>
      </c>
      <c r="G35" s="197">
        <v>0</v>
      </c>
      <c r="H35" s="197">
        <v>12</v>
      </c>
      <c r="I35" s="197">
        <v>22</v>
      </c>
      <c r="J35" s="195">
        <v>14</v>
      </c>
      <c r="K35" s="198">
        <v>50</v>
      </c>
      <c r="L35" s="199">
        <v>50</v>
      </c>
      <c r="M35" s="194">
        <v>0</v>
      </c>
      <c r="N35" s="195">
        <v>0</v>
      </c>
      <c r="O35" s="198">
        <v>0</v>
      </c>
      <c r="P35" s="196">
        <v>2</v>
      </c>
      <c r="Q35" s="197">
        <v>0</v>
      </c>
      <c r="R35" s="197">
        <v>12</v>
      </c>
      <c r="S35" s="197">
        <v>22</v>
      </c>
      <c r="T35" s="195">
        <v>13</v>
      </c>
      <c r="U35" s="198">
        <v>49</v>
      </c>
      <c r="V35" s="200">
        <v>49</v>
      </c>
      <c r="W35" s="201">
        <v>0</v>
      </c>
      <c r="X35" s="195">
        <v>0</v>
      </c>
      <c r="Y35" s="198">
        <v>0</v>
      </c>
      <c r="Z35" s="201">
        <v>0</v>
      </c>
      <c r="AA35" s="197">
        <v>0</v>
      </c>
      <c r="AB35" s="197">
        <v>0</v>
      </c>
      <c r="AC35" s="197">
        <v>0</v>
      </c>
      <c r="AD35" s="195">
        <v>1</v>
      </c>
      <c r="AE35" s="198">
        <v>1</v>
      </c>
      <c r="AF35" s="202">
        <v>1</v>
      </c>
      <c r="AG35" s="201">
        <v>0</v>
      </c>
      <c r="AH35" s="195">
        <v>0</v>
      </c>
      <c r="AI35" s="198">
        <v>0</v>
      </c>
      <c r="AJ35" s="201">
        <v>1</v>
      </c>
      <c r="AK35" s="197">
        <v>9</v>
      </c>
      <c r="AL35" s="197">
        <v>12</v>
      </c>
      <c r="AM35" s="197">
        <v>19</v>
      </c>
      <c r="AN35" s="195">
        <v>6</v>
      </c>
      <c r="AO35" s="198">
        <v>47</v>
      </c>
      <c r="AP35" s="202">
        <v>47</v>
      </c>
      <c r="AQ35" s="201">
        <v>0</v>
      </c>
      <c r="AR35" s="195">
        <v>0</v>
      </c>
      <c r="AS35" s="198">
        <v>0</v>
      </c>
      <c r="AT35" s="196">
        <v>1</v>
      </c>
      <c r="AU35" s="197">
        <v>9</v>
      </c>
      <c r="AV35" s="197">
        <v>12</v>
      </c>
      <c r="AW35" s="197">
        <v>19</v>
      </c>
      <c r="AX35" s="195">
        <v>6</v>
      </c>
      <c r="AY35" s="198">
        <v>47</v>
      </c>
      <c r="AZ35" s="199">
        <v>47</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0</v>
      </c>
      <c r="BP35" s="197">
        <v>0</v>
      </c>
      <c r="BQ35" s="197">
        <v>0</v>
      </c>
      <c r="BR35" s="195">
        <v>0</v>
      </c>
      <c r="BS35" s="198">
        <v>0</v>
      </c>
      <c r="BT35" s="199">
        <v>0</v>
      </c>
      <c r="BU35" s="194">
        <v>0</v>
      </c>
      <c r="BV35" s="195">
        <v>0</v>
      </c>
      <c r="BW35" s="195">
        <v>0</v>
      </c>
      <c r="BX35" s="196">
        <v>0</v>
      </c>
      <c r="BY35" s="197">
        <v>0</v>
      </c>
      <c r="BZ35" s="197">
        <v>0</v>
      </c>
      <c r="CA35" s="197">
        <v>0</v>
      </c>
      <c r="CB35" s="195">
        <v>0</v>
      </c>
      <c r="CC35" s="198">
        <v>0</v>
      </c>
      <c r="CD35" s="200">
        <v>0</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2</v>
      </c>
      <c r="CU35" s="197">
        <v>0</v>
      </c>
      <c r="CV35" s="195">
        <v>1</v>
      </c>
      <c r="CW35" s="198">
        <v>3</v>
      </c>
      <c r="CX35" s="199">
        <v>3</v>
      </c>
      <c r="CY35" s="194">
        <v>0</v>
      </c>
      <c r="CZ35" s="195">
        <v>0</v>
      </c>
      <c r="DA35" s="195">
        <v>0</v>
      </c>
      <c r="DB35" s="196">
        <v>0</v>
      </c>
      <c r="DC35" s="197">
        <v>0</v>
      </c>
      <c r="DD35" s="197">
        <v>2</v>
      </c>
      <c r="DE35" s="197">
        <v>0</v>
      </c>
      <c r="DF35" s="195">
        <v>1</v>
      </c>
      <c r="DG35" s="198">
        <v>3</v>
      </c>
      <c r="DH35" s="200">
        <v>3</v>
      </c>
      <c r="DI35" s="201">
        <v>0</v>
      </c>
      <c r="DJ35" s="195">
        <v>0</v>
      </c>
      <c r="DK35" s="195">
        <v>0</v>
      </c>
      <c r="DL35" s="196">
        <v>0</v>
      </c>
      <c r="DM35" s="197">
        <v>0</v>
      </c>
      <c r="DN35" s="197">
        <v>0</v>
      </c>
      <c r="DO35" s="197">
        <v>0</v>
      </c>
      <c r="DP35" s="195">
        <v>0</v>
      </c>
      <c r="DQ35" s="198">
        <v>0</v>
      </c>
      <c r="DR35" s="200">
        <v>0</v>
      </c>
      <c r="DS35" s="201">
        <v>0</v>
      </c>
      <c r="DT35" s="195">
        <v>0</v>
      </c>
      <c r="DU35" s="195">
        <v>0</v>
      </c>
      <c r="DV35" s="196">
        <v>3</v>
      </c>
      <c r="DW35" s="197">
        <v>9</v>
      </c>
      <c r="DX35" s="197">
        <v>26</v>
      </c>
      <c r="DY35" s="197">
        <v>41</v>
      </c>
      <c r="DZ35" s="195">
        <v>21</v>
      </c>
      <c r="EA35" s="198">
        <v>100</v>
      </c>
      <c r="EB35" s="200">
        <v>100</v>
      </c>
      <c r="EC35" s="37"/>
    </row>
    <row r="36" spans="2:133" ht="21" customHeight="1" x14ac:dyDescent="0.2">
      <c r="B36" s="62" t="s">
        <v>33</v>
      </c>
      <c r="C36" s="194">
        <v>0</v>
      </c>
      <c r="D36" s="195">
        <v>0</v>
      </c>
      <c r="E36" s="195">
        <v>0</v>
      </c>
      <c r="F36" s="196">
        <v>0</v>
      </c>
      <c r="G36" s="197">
        <v>5</v>
      </c>
      <c r="H36" s="197">
        <v>26</v>
      </c>
      <c r="I36" s="197">
        <v>35</v>
      </c>
      <c r="J36" s="195">
        <v>22</v>
      </c>
      <c r="K36" s="198">
        <v>88</v>
      </c>
      <c r="L36" s="199">
        <v>88</v>
      </c>
      <c r="M36" s="194">
        <v>0</v>
      </c>
      <c r="N36" s="195">
        <v>0</v>
      </c>
      <c r="O36" s="198">
        <v>0</v>
      </c>
      <c r="P36" s="196">
        <v>0</v>
      </c>
      <c r="Q36" s="197">
        <v>5</v>
      </c>
      <c r="R36" s="197">
        <v>26</v>
      </c>
      <c r="S36" s="197">
        <v>35</v>
      </c>
      <c r="T36" s="195">
        <v>22</v>
      </c>
      <c r="U36" s="198">
        <v>88</v>
      </c>
      <c r="V36" s="200">
        <v>88</v>
      </c>
      <c r="W36" s="201">
        <v>0</v>
      </c>
      <c r="X36" s="195">
        <v>0</v>
      </c>
      <c r="Y36" s="198">
        <v>0</v>
      </c>
      <c r="Z36" s="201">
        <v>0</v>
      </c>
      <c r="AA36" s="197">
        <v>0</v>
      </c>
      <c r="AB36" s="197">
        <v>0</v>
      </c>
      <c r="AC36" s="197">
        <v>0</v>
      </c>
      <c r="AD36" s="195">
        <v>0</v>
      </c>
      <c r="AE36" s="198">
        <v>0</v>
      </c>
      <c r="AF36" s="202">
        <v>0</v>
      </c>
      <c r="AG36" s="201">
        <v>0</v>
      </c>
      <c r="AH36" s="195">
        <v>0</v>
      </c>
      <c r="AI36" s="198">
        <v>0</v>
      </c>
      <c r="AJ36" s="201">
        <v>8</v>
      </c>
      <c r="AK36" s="197">
        <v>9</v>
      </c>
      <c r="AL36" s="197">
        <v>11</v>
      </c>
      <c r="AM36" s="197">
        <v>16</v>
      </c>
      <c r="AN36" s="195">
        <v>6</v>
      </c>
      <c r="AO36" s="198">
        <v>50</v>
      </c>
      <c r="AP36" s="202">
        <v>50</v>
      </c>
      <c r="AQ36" s="201">
        <v>0</v>
      </c>
      <c r="AR36" s="195">
        <v>0</v>
      </c>
      <c r="AS36" s="198">
        <v>0</v>
      </c>
      <c r="AT36" s="196">
        <v>8</v>
      </c>
      <c r="AU36" s="197">
        <v>9</v>
      </c>
      <c r="AV36" s="197">
        <v>11</v>
      </c>
      <c r="AW36" s="197">
        <v>16</v>
      </c>
      <c r="AX36" s="195">
        <v>6</v>
      </c>
      <c r="AY36" s="198">
        <v>50</v>
      </c>
      <c r="AZ36" s="199">
        <v>50</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2</v>
      </c>
      <c r="CS36" s="197">
        <v>7</v>
      </c>
      <c r="CT36" s="197">
        <v>4</v>
      </c>
      <c r="CU36" s="197">
        <v>8</v>
      </c>
      <c r="CV36" s="195">
        <v>8</v>
      </c>
      <c r="CW36" s="198">
        <v>29</v>
      </c>
      <c r="CX36" s="199">
        <v>29</v>
      </c>
      <c r="CY36" s="194">
        <v>0</v>
      </c>
      <c r="CZ36" s="195">
        <v>0</v>
      </c>
      <c r="DA36" s="195">
        <v>0</v>
      </c>
      <c r="DB36" s="196">
        <v>2</v>
      </c>
      <c r="DC36" s="197">
        <v>7</v>
      </c>
      <c r="DD36" s="197">
        <v>4</v>
      </c>
      <c r="DE36" s="197">
        <v>8</v>
      </c>
      <c r="DF36" s="195">
        <v>8</v>
      </c>
      <c r="DG36" s="198">
        <v>29</v>
      </c>
      <c r="DH36" s="200">
        <v>29</v>
      </c>
      <c r="DI36" s="201">
        <v>0</v>
      </c>
      <c r="DJ36" s="195">
        <v>0</v>
      </c>
      <c r="DK36" s="195">
        <v>0</v>
      </c>
      <c r="DL36" s="196">
        <v>0</v>
      </c>
      <c r="DM36" s="197">
        <v>0</v>
      </c>
      <c r="DN36" s="197">
        <v>0</v>
      </c>
      <c r="DO36" s="197">
        <v>0</v>
      </c>
      <c r="DP36" s="195">
        <v>0</v>
      </c>
      <c r="DQ36" s="198">
        <v>0</v>
      </c>
      <c r="DR36" s="200">
        <v>0</v>
      </c>
      <c r="DS36" s="201">
        <v>0</v>
      </c>
      <c r="DT36" s="195">
        <v>0</v>
      </c>
      <c r="DU36" s="195">
        <v>0</v>
      </c>
      <c r="DV36" s="196">
        <v>10</v>
      </c>
      <c r="DW36" s="197">
        <v>21</v>
      </c>
      <c r="DX36" s="197">
        <v>41</v>
      </c>
      <c r="DY36" s="197">
        <v>59</v>
      </c>
      <c r="DZ36" s="195">
        <v>36</v>
      </c>
      <c r="EA36" s="198">
        <v>167</v>
      </c>
      <c r="EB36" s="200">
        <v>167</v>
      </c>
      <c r="EC36" s="37"/>
    </row>
    <row r="37" spans="2:133" ht="21" customHeight="1" x14ac:dyDescent="0.2">
      <c r="B37" s="62" t="s">
        <v>34</v>
      </c>
      <c r="C37" s="194">
        <v>0</v>
      </c>
      <c r="D37" s="195">
        <v>0</v>
      </c>
      <c r="E37" s="195">
        <v>0</v>
      </c>
      <c r="F37" s="196">
        <v>0</v>
      </c>
      <c r="G37" s="197">
        <v>0</v>
      </c>
      <c r="H37" s="197">
        <v>7</v>
      </c>
      <c r="I37" s="197">
        <v>25</v>
      </c>
      <c r="J37" s="195">
        <v>12</v>
      </c>
      <c r="K37" s="198">
        <v>44</v>
      </c>
      <c r="L37" s="199">
        <v>44</v>
      </c>
      <c r="M37" s="194">
        <v>0</v>
      </c>
      <c r="N37" s="195">
        <v>0</v>
      </c>
      <c r="O37" s="198">
        <v>0</v>
      </c>
      <c r="P37" s="196">
        <v>0</v>
      </c>
      <c r="Q37" s="197">
        <v>0</v>
      </c>
      <c r="R37" s="197">
        <v>7</v>
      </c>
      <c r="S37" s="197">
        <v>25</v>
      </c>
      <c r="T37" s="195">
        <v>12</v>
      </c>
      <c r="U37" s="198">
        <v>44</v>
      </c>
      <c r="V37" s="200">
        <v>44</v>
      </c>
      <c r="W37" s="201">
        <v>0</v>
      </c>
      <c r="X37" s="195">
        <v>0</v>
      </c>
      <c r="Y37" s="198">
        <v>0</v>
      </c>
      <c r="Z37" s="201">
        <v>0</v>
      </c>
      <c r="AA37" s="197">
        <v>0</v>
      </c>
      <c r="AB37" s="197">
        <v>0</v>
      </c>
      <c r="AC37" s="197">
        <v>0</v>
      </c>
      <c r="AD37" s="195">
        <v>0</v>
      </c>
      <c r="AE37" s="198">
        <v>0</v>
      </c>
      <c r="AF37" s="202">
        <v>0</v>
      </c>
      <c r="AG37" s="201">
        <v>0</v>
      </c>
      <c r="AH37" s="195">
        <v>0</v>
      </c>
      <c r="AI37" s="198">
        <v>0</v>
      </c>
      <c r="AJ37" s="201">
        <v>2</v>
      </c>
      <c r="AK37" s="197">
        <v>10</v>
      </c>
      <c r="AL37" s="197">
        <v>10</v>
      </c>
      <c r="AM37" s="197">
        <v>12</v>
      </c>
      <c r="AN37" s="195">
        <v>5</v>
      </c>
      <c r="AO37" s="198">
        <v>39</v>
      </c>
      <c r="AP37" s="202">
        <v>39</v>
      </c>
      <c r="AQ37" s="201">
        <v>0</v>
      </c>
      <c r="AR37" s="195">
        <v>0</v>
      </c>
      <c r="AS37" s="198">
        <v>0</v>
      </c>
      <c r="AT37" s="196">
        <v>2</v>
      </c>
      <c r="AU37" s="197">
        <v>10</v>
      </c>
      <c r="AV37" s="197">
        <v>10</v>
      </c>
      <c r="AW37" s="197">
        <v>12</v>
      </c>
      <c r="AX37" s="195">
        <v>5</v>
      </c>
      <c r="AY37" s="198">
        <v>39</v>
      </c>
      <c r="AZ37" s="199">
        <v>39</v>
      </c>
      <c r="BA37" s="194">
        <v>0</v>
      </c>
      <c r="BB37" s="195">
        <v>0</v>
      </c>
      <c r="BC37" s="195">
        <v>0</v>
      </c>
      <c r="BD37" s="196">
        <v>0</v>
      </c>
      <c r="BE37" s="197">
        <v>0</v>
      </c>
      <c r="BF37" s="197">
        <v>0</v>
      </c>
      <c r="BG37" s="197">
        <v>0</v>
      </c>
      <c r="BH37" s="195">
        <v>0</v>
      </c>
      <c r="BI37" s="198">
        <v>0</v>
      </c>
      <c r="BJ37" s="200">
        <v>0</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1</v>
      </c>
      <c r="CT37" s="197">
        <v>0</v>
      </c>
      <c r="CU37" s="197">
        <v>1</v>
      </c>
      <c r="CV37" s="195">
        <v>1</v>
      </c>
      <c r="CW37" s="198">
        <v>3</v>
      </c>
      <c r="CX37" s="199">
        <v>3</v>
      </c>
      <c r="CY37" s="194">
        <v>0</v>
      </c>
      <c r="CZ37" s="195">
        <v>0</v>
      </c>
      <c r="DA37" s="195">
        <v>0</v>
      </c>
      <c r="DB37" s="196">
        <v>0</v>
      </c>
      <c r="DC37" s="197">
        <v>1</v>
      </c>
      <c r="DD37" s="197">
        <v>0</v>
      </c>
      <c r="DE37" s="197">
        <v>1</v>
      </c>
      <c r="DF37" s="195">
        <v>1</v>
      </c>
      <c r="DG37" s="198">
        <v>3</v>
      </c>
      <c r="DH37" s="200">
        <v>3</v>
      </c>
      <c r="DI37" s="201">
        <v>0</v>
      </c>
      <c r="DJ37" s="195">
        <v>0</v>
      </c>
      <c r="DK37" s="195">
        <v>0</v>
      </c>
      <c r="DL37" s="196">
        <v>0</v>
      </c>
      <c r="DM37" s="197">
        <v>0</v>
      </c>
      <c r="DN37" s="197">
        <v>0</v>
      </c>
      <c r="DO37" s="197">
        <v>0</v>
      </c>
      <c r="DP37" s="195">
        <v>0</v>
      </c>
      <c r="DQ37" s="198">
        <v>0</v>
      </c>
      <c r="DR37" s="200">
        <v>0</v>
      </c>
      <c r="DS37" s="201">
        <v>0</v>
      </c>
      <c r="DT37" s="195">
        <v>0</v>
      </c>
      <c r="DU37" s="195">
        <v>0</v>
      </c>
      <c r="DV37" s="196">
        <v>2</v>
      </c>
      <c r="DW37" s="197">
        <v>11</v>
      </c>
      <c r="DX37" s="197">
        <v>17</v>
      </c>
      <c r="DY37" s="197">
        <v>38</v>
      </c>
      <c r="DZ37" s="195">
        <v>18</v>
      </c>
      <c r="EA37" s="198">
        <v>86</v>
      </c>
      <c r="EB37" s="200">
        <v>86</v>
      </c>
      <c r="EC37" s="37"/>
    </row>
    <row r="38" spans="2:133" ht="21" customHeight="1" x14ac:dyDescent="0.2">
      <c r="B38" s="62" t="s">
        <v>35</v>
      </c>
      <c r="C38" s="194">
        <v>0</v>
      </c>
      <c r="D38" s="195">
        <v>0</v>
      </c>
      <c r="E38" s="195">
        <v>0</v>
      </c>
      <c r="F38" s="196">
        <v>1</v>
      </c>
      <c r="G38" s="197">
        <v>2</v>
      </c>
      <c r="H38" s="197">
        <v>27</v>
      </c>
      <c r="I38" s="197">
        <v>48</v>
      </c>
      <c r="J38" s="195">
        <v>28</v>
      </c>
      <c r="K38" s="198">
        <v>106</v>
      </c>
      <c r="L38" s="199">
        <v>106</v>
      </c>
      <c r="M38" s="194">
        <v>0</v>
      </c>
      <c r="N38" s="195">
        <v>0</v>
      </c>
      <c r="O38" s="198">
        <v>0</v>
      </c>
      <c r="P38" s="196">
        <v>1</v>
      </c>
      <c r="Q38" s="197">
        <v>2</v>
      </c>
      <c r="R38" s="197">
        <v>27</v>
      </c>
      <c r="S38" s="197">
        <v>48</v>
      </c>
      <c r="T38" s="195">
        <v>28</v>
      </c>
      <c r="U38" s="198">
        <v>106</v>
      </c>
      <c r="V38" s="200">
        <v>106</v>
      </c>
      <c r="W38" s="201">
        <v>0</v>
      </c>
      <c r="X38" s="195">
        <v>0</v>
      </c>
      <c r="Y38" s="198">
        <v>0</v>
      </c>
      <c r="Z38" s="201">
        <v>0</v>
      </c>
      <c r="AA38" s="197">
        <v>0</v>
      </c>
      <c r="AB38" s="197">
        <v>0</v>
      </c>
      <c r="AC38" s="197">
        <v>0</v>
      </c>
      <c r="AD38" s="195">
        <v>0</v>
      </c>
      <c r="AE38" s="198">
        <v>0</v>
      </c>
      <c r="AF38" s="202">
        <v>0</v>
      </c>
      <c r="AG38" s="201">
        <v>0</v>
      </c>
      <c r="AH38" s="195">
        <v>0</v>
      </c>
      <c r="AI38" s="198">
        <v>0</v>
      </c>
      <c r="AJ38" s="201">
        <v>17</v>
      </c>
      <c r="AK38" s="197">
        <v>29</v>
      </c>
      <c r="AL38" s="197">
        <v>20</v>
      </c>
      <c r="AM38" s="197">
        <v>21</v>
      </c>
      <c r="AN38" s="195">
        <v>7</v>
      </c>
      <c r="AO38" s="198">
        <v>94</v>
      </c>
      <c r="AP38" s="202">
        <v>94</v>
      </c>
      <c r="AQ38" s="201">
        <v>0</v>
      </c>
      <c r="AR38" s="195">
        <v>0</v>
      </c>
      <c r="AS38" s="198">
        <v>0</v>
      </c>
      <c r="AT38" s="196">
        <v>17</v>
      </c>
      <c r="AU38" s="197">
        <v>29</v>
      </c>
      <c r="AV38" s="197">
        <v>20</v>
      </c>
      <c r="AW38" s="197">
        <v>21</v>
      </c>
      <c r="AX38" s="195">
        <v>7</v>
      </c>
      <c r="AY38" s="198">
        <v>94</v>
      </c>
      <c r="AZ38" s="199">
        <v>94</v>
      </c>
      <c r="BA38" s="194">
        <v>0</v>
      </c>
      <c r="BB38" s="195">
        <v>0</v>
      </c>
      <c r="BC38" s="195">
        <v>0</v>
      </c>
      <c r="BD38" s="196">
        <v>0</v>
      </c>
      <c r="BE38" s="197">
        <v>0</v>
      </c>
      <c r="BF38" s="197">
        <v>0</v>
      </c>
      <c r="BG38" s="197">
        <v>0</v>
      </c>
      <c r="BH38" s="195">
        <v>0</v>
      </c>
      <c r="BI38" s="198">
        <v>0</v>
      </c>
      <c r="BJ38" s="200">
        <v>0</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2</v>
      </c>
      <c r="CS38" s="197">
        <v>4</v>
      </c>
      <c r="CT38" s="197">
        <v>4</v>
      </c>
      <c r="CU38" s="197">
        <v>6</v>
      </c>
      <c r="CV38" s="195">
        <v>12</v>
      </c>
      <c r="CW38" s="198">
        <v>28</v>
      </c>
      <c r="CX38" s="199">
        <v>28</v>
      </c>
      <c r="CY38" s="194">
        <v>0</v>
      </c>
      <c r="CZ38" s="195">
        <v>0</v>
      </c>
      <c r="DA38" s="195">
        <v>0</v>
      </c>
      <c r="DB38" s="196">
        <v>2</v>
      </c>
      <c r="DC38" s="197">
        <v>3</v>
      </c>
      <c r="DD38" s="197">
        <v>4</v>
      </c>
      <c r="DE38" s="197">
        <v>6</v>
      </c>
      <c r="DF38" s="195">
        <v>11</v>
      </c>
      <c r="DG38" s="198">
        <v>26</v>
      </c>
      <c r="DH38" s="200">
        <v>26</v>
      </c>
      <c r="DI38" s="201">
        <v>0</v>
      </c>
      <c r="DJ38" s="195">
        <v>0</v>
      </c>
      <c r="DK38" s="195">
        <v>0</v>
      </c>
      <c r="DL38" s="196">
        <v>0</v>
      </c>
      <c r="DM38" s="197">
        <v>1</v>
      </c>
      <c r="DN38" s="197">
        <v>0</v>
      </c>
      <c r="DO38" s="197">
        <v>0</v>
      </c>
      <c r="DP38" s="195">
        <v>1</v>
      </c>
      <c r="DQ38" s="198">
        <v>2</v>
      </c>
      <c r="DR38" s="200">
        <v>2</v>
      </c>
      <c r="DS38" s="201">
        <v>0</v>
      </c>
      <c r="DT38" s="195">
        <v>0</v>
      </c>
      <c r="DU38" s="195">
        <v>0</v>
      </c>
      <c r="DV38" s="196">
        <v>20</v>
      </c>
      <c r="DW38" s="197">
        <v>34</v>
      </c>
      <c r="DX38" s="197">
        <v>51</v>
      </c>
      <c r="DY38" s="197">
        <v>75</v>
      </c>
      <c r="DZ38" s="195">
        <v>47</v>
      </c>
      <c r="EA38" s="198">
        <v>227</v>
      </c>
      <c r="EB38" s="200">
        <v>227</v>
      </c>
      <c r="EC38" s="37"/>
    </row>
    <row r="39" spans="2:133" ht="21" customHeight="1" x14ac:dyDescent="0.2">
      <c r="B39" s="62" t="s">
        <v>36</v>
      </c>
      <c r="C39" s="194">
        <v>0</v>
      </c>
      <c r="D39" s="195">
        <v>0</v>
      </c>
      <c r="E39" s="195">
        <v>0</v>
      </c>
      <c r="F39" s="196">
        <v>0</v>
      </c>
      <c r="G39" s="197">
        <v>3</v>
      </c>
      <c r="H39" s="197">
        <v>56</v>
      </c>
      <c r="I39" s="197">
        <v>76</v>
      </c>
      <c r="J39" s="195">
        <v>73</v>
      </c>
      <c r="K39" s="198">
        <v>208</v>
      </c>
      <c r="L39" s="199">
        <v>208</v>
      </c>
      <c r="M39" s="194">
        <v>0</v>
      </c>
      <c r="N39" s="195">
        <v>0</v>
      </c>
      <c r="O39" s="198">
        <v>0</v>
      </c>
      <c r="P39" s="196">
        <v>0</v>
      </c>
      <c r="Q39" s="197">
        <v>3</v>
      </c>
      <c r="R39" s="197">
        <v>56</v>
      </c>
      <c r="S39" s="197">
        <v>71</v>
      </c>
      <c r="T39" s="195">
        <v>72</v>
      </c>
      <c r="U39" s="198">
        <v>202</v>
      </c>
      <c r="V39" s="200">
        <v>202</v>
      </c>
      <c r="W39" s="201">
        <v>0</v>
      </c>
      <c r="X39" s="195">
        <v>0</v>
      </c>
      <c r="Y39" s="198">
        <v>0</v>
      </c>
      <c r="Z39" s="201">
        <v>0</v>
      </c>
      <c r="AA39" s="197">
        <v>0</v>
      </c>
      <c r="AB39" s="197">
        <v>0</v>
      </c>
      <c r="AC39" s="197">
        <v>5</v>
      </c>
      <c r="AD39" s="195">
        <v>1</v>
      </c>
      <c r="AE39" s="198">
        <v>6</v>
      </c>
      <c r="AF39" s="202">
        <v>6</v>
      </c>
      <c r="AG39" s="201">
        <v>0</v>
      </c>
      <c r="AH39" s="195">
        <v>0</v>
      </c>
      <c r="AI39" s="198">
        <v>0</v>
      </c>
      <c r="AJ39" s="201">
        <v>19</v>
      </c>
      <c r="AK39" s="197">
        <v>24</v>
      </c>
      <c r="AL39" s="197">
        <v>46</v>
      </c>
      <c r="AM39" s="197">
        <v>43</v>
      </c>
      <c r="AN39" s="195">
        <v>27</v>
      </c>
      <c r="AO39" s="198">
        <v>159</v>
      </c>
      <c r="AP39" s="202">
        <v>159</v>
      </c>
      <c r="AQ39" s="201">
        <v>0</v>
      </c>
      <c r="AR39" s="195">
        <v>0</v>
      </c>
      <c r="AS39" s="198">
        <v>0</v>
      </c>
      <c r="AT39" s="196">
        <v>19</v>
      </c>
      <c r="AU39" s="197">
        <v>24</v>
      </c>
      <c r="AV39" s="197">
        <v>45</v>
      </c>
      <c r="AW39" s="197">
        <v>40</v>
      </c>
      <c r="AX39" s="195">
        <v>26</v>
      </c>
      <c r="AY39" s="198">
        <v>154</v>
      </c>
      <c r="AZ39" s="199">
        <v>154</v>
      </c>
      <c r="BA39" s="194">
        <v>0</v>
      </c>
      <c r="BB39" s="195">
        <v>0</v>
      </c>
      <c r="BC39" s="195">
        <v>0</v>
      </c>
      <c r="BD39" s="196">
        <v>0</v>
      </c>
      <c r="BE39" s="197">
        <v>0</v>
      </c>
      <c r="BF39" s="197">
        <v>1</v>
      </c>
      <c r="BG39" s="197">
        <v>3</v>
      </c>
      <c r="BH39" s="195">
        <v>1</v>
      </c>
      <c r="BI39" s="198">
        <v>5</v>
      </c>
      <c r="BJ39" s="200">
        <v>5</v>
      </c>
      <c r="BK39" s="201">
        <v>0</v>
      </c>
      <c r="BL39" s="195">
        <v>0</v>
      </c>
      <c r="BM39" s="195">
        <v>0</v>
      </c>
      <c r="BN39" s="196">
        <v>0</v>
      </c>
      <c r="BO39" s="197">
        <v>0</v>
      </c>
      <c r="BP39" s="197">
        <v>0</v>
      </c>
      <c r="BQ39" s="197">
        <v>2</v>
      </c>
      <c r="BR39" s="195">
        <v>1</v>
      </c>
      <c r="BS39" s="198">
        <v>3</v>
      </c>
      <c r="BT39" s="199">
        <v>3</v>
      </c>
      <c r="BU39" s="194">
        <v>0</v>
      </c>
      <c r="BV39" s="195">
        <v>0</v>
      </c>
      <c r="BW39" s="195">
        <v>0</v>
      </c>
      <c r="BX39" s="196">
        <v>0</v>
      </c>
      <c r="BY39" s="197">
        <v>0</v>
      </c>
      <c r="BZ39" s="197">
        <v>0</v>
      </c>
      <c r="CA39" s="197">
        <v>2</v>
      </c>
      <c r="CB39" s="195">
        <v>1</v>
      </c>
      <c r="CC39" s="198">
        <v>3</v>
      </c>
      <c r="CD39" s="200">
        <v>3</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5</v>
      </c>
      <c r="CV39" s="195">
        <v>0</v>
      </c>
      <c r="CW39" s="198">
        <v>5</v>
      </c>
      <c r="CX39" s="199">
        <v>5</v>
      </c>
      <c r="CY39" s="194">
        <v>0</v>
      </c>
      <c r="CZ39" s="195">
        <v>0</v>
      </c>
      <c r="DA39" s="195">
        <v>0</v>
      </c>
      <c r="DB39" s="196">
        <v>0</v>
      </c>
      <c r="DC39" s="197">
        <v>0</v>
      </c>
      <c r="DD39" s="197">
        <v>0</v>
      </c>
      <c r="DE39" s="197">
        <v>4</v>
      </c>
      <c r="DF39" s="195">
        <v>0</v>
      </c>
      <c r="DG39" s="198">
        <v>4</v>
      </c>
      <c r="DH39" s="200">
        <v>4</v>
      </c>
      <c r="DI39" s="201">
        <v>0</v>
      </c>
      <c r="DJ39" s="195">
        <v>0</v>
      </c>
      <c r="DK39" s="195">
        <v>0</v>
      </c>
      <c r="DL39" s="196">
        <v>0</v>
      </c>
      <c r="DM39" s="197">
        <v>0</v>
      </c>
      <c r="DN39" s="197">
        <v>0</v>
      </c>
      <c r="DO39" s="197">
        <v>1</v>
      </c>
      <c r="DP39" s="195">
        <v>0</v>
      </c>
      <c r="DQ39" s="198">
        <v>1</v>
      </c>
      <c r="DR39" s="200">
        <v>1</v>
      </c>
      <c r="DS39" s="201">
        <v>0</v>
      </c>
      <c r="DT39" s="195">
        <v>0</v>
      </c>
      <c r="DU39" s="195">
        <v>0</v>
      </c>
      <c r="DV39" s="196">
        <v>19</v>
      </c>
      <c r="DW39" s="197">
        <v>27</v>
      </c>
      <c r="DX39" s="197">
        <v>101</v>
      </c>
      <c r="DY39" s="197">
        <v>125</v>
      </c>
      <c r="DZ39" s="195">
        <v>100</v>
      </c>
      <c r="EA39" s="198">
        <v>372</v>
      </c>
      <c r="EB39" s="200">
        <v>372</v>
      </c>
      <c r="EC39" s="37"/>
    </row>
    <row r="40" spans="2:133" ht="21" customHeight="1" thickBot="1" x14ac:dyDescent="0.25">
      <c r="B40" s="63" t="s">
        <v>37</v>
      </c>
      <c r="C40" s="203">
        <v>0</v>
      </c>
      <c r="D40" s="204">
        <v>0</v>
      </c>
      <c r="E40" s="204">
        <v>0</v>
      </c>
      <c r="F40" s="205">
        <v>0</v>
      </c>
      <c r="G40" s="206">
        <v>0</v>
      </c>
      <c r="H40" s="206">
        <v>10</v>
      </c>
      <c r="I40" s="206">
        <v>5</v>
      </c>
      <c r="J40" s="204">
        <v>6</v>
      </c>
      <c r="K40" s="207">
        <v>21</v>
      </c>
      <c r="L40" s="208">
        <v>21</v>
      </c>
      <c r="M40" s="203">
        <v>0</v>
      </c>
      <c r="N40" s="204">
        <v>0</v>
      </c>
      <c r="O40" s="207">
        <v>0</v>
      </c>
      <c r="P40" s="205">
        <v>0</v>
      </c>
      <c r="Q40" s="206">
        <v>0</v>
      </c>
      <c r="R40" s="206">
        <v>10</v>
      </c>
      <c r="S40" s="206">
        <v>5</v>
      </c>
      <c r="T40" s="204">
        <v>6</v>
      </c>
      <c r="U40" s="207">
        <v>21</v>
      </c>
      <c r="V40" s="209">
        <v>21</v>
      </c>
      <c r="W40" s="210">
        <v>0</v>
      </c>
      <c r="X40" s="204">
        <v>0</v>
      </c>
      <c r="Y40" s="207">
        <v>0</v>
      </c>
      <c r="Z40" s="210">
        <v>0</v>
      </c>
      <c r="AA40" s="206">
        <v>0</v>
      </c>
      <c r="AB40" s="206">
        <v>0</v>
      </c>
      <c r="AC40" s="206">
        <v>0</v>
      </c>
      <c r="AD40" s="204">
        <v>0</v>
      </c>
      <c r="AE40" s="207">
        <v>0</v>
      </c>
      <c r="AF40" s="211">
        <v>0</v>
      </c>
      <c r="AG40" s="210">
        <v>0</v>
      </c>
      <c r="AH40" s="204">
        <v>0</v>
      </c>
      <c r="AI40" s="207">
        <v>0</v>
      </c>
      <c r="AJ40" s="210">
        <v>1</v>
      </c>
      <c r="AK40" s="206">
        <v>0</v>
      </c>
      <c r="AL40" s="206">
        <v>9</v>
      </c>
      <c r="AM40" s="206">
        <v>3</v>
      </c>
      <c r="AN40" s="204">
        <v>1</v>
      </c>
      <c r="AO40" s="207">
        <v>14</v>
      </c>
      <c r="AP40" s="211">
        <v>14</v>
      </c>
      <c r="AQ40" s="210">
        <v>0</v>
      </c>
      <c r="AR40" s="204">
        <v>0</v>
      </c>
      <c r="AS40" s="207">
        <v>0</v>
      </c>
      <c r="AT40" s="205">
        <v>1</v>
      </c>
      <c r="AU40" s="206">
        <v>0</v>
      </c>
      <c r="AV40" s="206">
        <v>9</v>
      </c>
      <c r="AW40" s="206">
        <v>3</v>
      </c>
      <c r="AX40" s="204">
        <v>1</v>
      </c>
      <c r="AY40" s="207">
        <v>14</v>
      </c>
      <c r="AZ40" s="208">
        <v>14</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0</v>
      </c>
      <c r="BR40" s="204">
        <v>0</v>
      </c>
      <c r="BS40" s="207">
        <v>0</v>
      </c>
      <c r="BT40" s="208">
        <v>0</v>
      </c>
      <c r="BU40" s="203">
        <v>0</v>
      </c>
      <c r="BV40" s="204">
        <v>0</v>
      </c>
      <c r="BW40" s="204">
        <v>0</v>
      </c>
      <c r="BX40" s="205">
        <v>0</v>
      </c>
      <c r="BY40" s="206">
        <v>0</v>
      </c>
      <c r="BZ40" s="206">
        <v>0</v>
      </c>
      <c r="CA40" s="206">
        <v>0</v>
      </c>
      <c r="CB40" s="204">
        <v>0</v>
      </c>
      <c r="CC40" s="207">
        <v>0</v>
      </c>
      <c r="CD40" s="209">
        <v>0</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0</v>
      </c>
      <c r="CW40" s="207">
        <v>0</v>
      </c>
      <c r="CX40" s="208">
        <v>0</v>
      </c>
      <c r="CY40" s="203">
        <v>0</v>
      </c>
      <c r="CZ40" s="204">
        <v>0</v>
      </c>
      <c r="DA40" s="204">
        <v>0</v>
      </c>
      <c r="DB40" s="205">
        <v>0</v>
      </c>
      <c r="DC40" s="206">
        <v>0</v>
      </c>
      <c r="DD40" s="206">
        <v>0</v>
      </c>
      <c r="DE40" s="206">
        <v>0</v>
      </c>
      <c r="DF40" s="204">
        <v>0</v>
      </c>
      <c r="DG40" s="207">
        <v>0</v>
      </c>
      <c r="DH40" s="209">
        <v>0</v>
      </c>
      <c r="DI40" s="210">
        <v>0</v>
      </c>
      <c r="DJ40" s="204">
        <v>0</v>
      </c>
      <c r="DK40" s="204">
        <v>0</v>
      </c>
      <c r="DL40" s="205">
        <v>0</v>
      </c>
      <c r="DM40" s="206">
        <v>0</v>
      </c>
      <c r="DN40" s="206">
        <v>0</v>
      </c>
      <c r="DO40" s="206">
        <v>0</v>
      </c>
      <c r="DP40" s="204">
        <v>0</v>
      </c>
      <c r="DQ40" s="207">
        <v>0</v>
      </c>
      <c r="DR40" s="209">
        <v>0</v>
      </c>
      <c r="DS40" s="210">
        <v>0</v>
      </c>
      <c r="DT40" s="204">
        <v>0</v>
      </c>
      <c r="DU40" s="204">
        <v>0</v>
      </c>
      <c r="DV40" s="205">
        <v>1</v>
      </c>
      <c r="DW40" s="206">
        <v>0</v>
      </c>
      <c r="DX40" s="206">
        <v>19</v>
      </c>
      <c r="DY40" s="206">
        <v>8</v>
      </c>
      <c r="DZ40" s="204">
        <v>7</v>
      </c>
      <c r="EA40" s="207">
        <v>35</v>
      </c>
      <c r="EB40" s="209">
        <v>35</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 ref="BU5:BW5"/>
    <mergeCell ref="BX5:CC5"/>
    <mergeCell ref="BA5:BC5"/>
    <mergeCell ref="BD5:BI5"/>
    <mergeCell ref="BJ5:BJ6"/>
    <mergeCell ref="BK5:BM5"/>
    <mergeCell ref="W5:Y5"/>
    <mergeCell ref="Z5:AE5"/>
    <mergeCell ref="AF5:AF6"/>
    <mergeCell ref="BN5:BS5"/>
    <mergeCell ref="BT5:BT6"/>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H1:I1"/>
    <mergeCell ref="K1:L1"/>
    <mergeCell ref="B3:B5"/>
    <mergeCell ref="C3:AF3"/>
    <mergeCell ref="AG3:BJ3"/>
    <mergeCell ref="AG5:AI5"/>
    <mergeCell ref="AJ5:AO5"/>
    <mergeCell ref="AP5:AP6"/>
    <mergeCell ref="AQ5:AS5"/>
    <mergeCell ref="AT5:AY5"/>
    <mergeCell ref="AZ5:AZ6"/>
    <mergeCell ref="C5:E5"/>
    <mergeCell ref="F5:K5"/>
    <mergeCell ref="L5:L6"/>
    <mergeCell ref="M5:O5"/>
    <mergeCell ref="P5:U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24">
        <f>第１表!F2</f>
        <v>5</v>
      </c>
      <c r="G1" s="524"/>
      <c r="H1" s="248">
        <f>第１表!G2</f>
        <v>4</v>
      </c>
      <c r="I1" s="506">
        <f>H1</f>
        <v>4</v>
      </c>
      <c r="J1" s="506"/>
    </row>
    <row r="2" spans="2:299" ht="24" customHeight="1" thickBot="1" x14ac:dyDescent="0.25">
      <c r="B2" s="20" t="s">
        <v>130</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52"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125" t="s">
        <v>4</v>
      </c>
      <c r="C7" s="314">
        <v>19736</v>
      </c>
      <c r="D7" s="78">
        <v>19980</v>
      </c>
      <c r="E7" s="79">
        <v>39716</v>
      </c>
      <c r="F7" s="240"/>
      <c r="G7" s="78">
        <v>30175</v>
      </c>
      <c r="H7" s="78">
        <v>29587</v>
      </c>
      <c r="I7" s="78">
        <v>20321</v>
      </c>
      <c r="J7" s="78">
        <v>17230</v>
      </c>
      <c r="K7" s="78">
        <v>10523</v>
      </c>
      <c r="L7" s="80">
        <v>107836</v>
      </c>
      <c r="M7" s="81">
        <v>147552</v>
      </c>
      <c r="N7" s="66">
        <v>849</v>
      </c>
      <c r="O7" s="67">
        <v>992</v>
      </c>
      <c r="P7" s="68">
        <v>1841</v>
      </c>
      <c r="Q7" s="243"/>
      <c r="R7" s="67">
        <v>1334</v>
      </c>
      <c r="S7" s="67">
        <v>1505</v>
      </c>
      <c r="T7" s="67">
        <v>985</v>
      </c>
      <c r="U7" s="67">
        <v>936</v>
      </c>
      <c r="V7" s="67">
        <v>768</v>
      </c>
      <c r="W7" s="68">
        <v>5528</v>
      </c>
      <c r="X7" s="69">
        <v>7369</v>
      </c>
      <c r="Y7" s="66">
        <v>1912</v>
      </c>
      <c r="Z7" s="67">
        <v>2284</v>
      </c>
      <c r="AA7" s="68">
        <v>4196</v>
      </c>
      <c r="AB7" s="243"/>
      <c r="AC7" s="67">
        <v>2872</v>
      </c>
      <c r="AD7" s="67">
        <v>3379</v>
      </c>
      <c r="AE7" s="67">
        <v>2356</v>
      </c>
      <c r="AF7" s="67">
        <v>2004</v>
      </c>
      <c r="AG7" s="67">
        <v>1453</v>
      </c>
      <c r="AH7" s="68">
        <v>12064</v>
      </c>
      <c r="AI7" s="69">
        <v>16260</v>
      </c>
      <c r="AJ7" s="66">
        <v>3057</v>
      </c>
      <c r="AK7" s="67">
        <v>3325</v>
      </c>
      <c r="AL7" s="68">
        <v>6382</v>
      </c>
      <c r="AM7" s="243"/>
      <c r="AN7" s="67">
        <v>4896</v>
      </c>
      <c r="AO7" s="67">
        <v>4897</v>
      </c>
      <c r="AP7" s="67">
        <v>3305</v>
      </c>
      <c r="AQ7" s="67">
        <v>2829</v>
      </c>
      <c r="AR7" s="67">
        <v>1914</v>
      </c>
      <c r="AS7" s="68">
        <v>17841</v>
      </c>
      <c r="AT7" s="69">
        <v>24223</v>
      </c>
      <c r="AU7" s="66">
        <v>5037</v>
      </c>
      <c r="AV7" s="67">
        <v>4840</v>
      </c>
      <c r="AW7" s="68">
        <v>9877</v>
      </c>
      <c r="AX7" s="243"/>
      <c r="AY7" s="67">
        <v>7620</v>
      </c>
      <c r="AZ7" s="67">
        <v>6929</v>
      </c>
      <c r="BA7" s="67">
        <v>4603</v>
      </c>
      <c r="BB7" s="67">
        <v>3848</v>
      </c>
      <c r="BC7" s="67">
        <v>2378</v>
      </c>
      <c r="BD7" s="68">
        <v>25378</v>
      </c>
      <c r="BE7" s="69">
        <v>35255</v>
      </c>
      <c r="BF7" s="66">
        <v>5588</v>
      </c>
      <c r="BG7" s="67">
        <v>5187</v>
      </c>
      <c r="BH7" s="68">
        <v>10775</v>
      </c>
      <c r="BI7" s="243"/>
      <c r="BJ7" s="67">
        <v>8036</v>
      </c>
      <c r="BK7" s="67">
        <v>7229</v>
      </c>
      <c r="BL7" s="67">
        <v>4989</v>
      </c>
      <c r="BM7" s="67">
        <v>4145</v>
      </c>
      <c r="BN7" s="67">
        <v>2275</v>
      </c>
      <c r="BO7" s="68">
        <v>26674</v>
      </c>
      <c r="BP7" s="69">
        <v>37449</v>
      </c>
      <c r="BQ7" s="66">
        <v>3293</v>
      </c>
      <c r="BR7" s="67">
        <v>3352</v>
      </c>
      <c r="BS7" s="68">
        <v>6645</v>
      </c>
      <c r="BT7" s="243"/>
      <c r="BU7" s="67">
        <v>5417</v>
      </c>
      <c r="BV7" s="67">
        <v>5648</v>
      </c>
      <c r="BW7" s="67">
        <v>4083</v>
      </c>
      <c r="BX7" s="67">
        <v>3468</v>
      </c>
      <c r="BY7" s="67">
        <v>1735</v>
      </c>
      <c r="BZ7" s="68">
        <v>20351</v>
      </c>
      <c r="CA7" s="69">
        <v>26996</v>
      </c>
      <c r="CB7" s="66">
        <v>483</v>
      </c>
      <c r="CC7" s="67">
        <v>743</v>
      </c>
      <c r="CD7" s="68">
        <v>1226</v>
      </c>
      <c r="CE7" s="243"/>
      <c r="CF7" s="67">
        <v>898</v>
      </c>
      <c r="CG7" s="67">
        <v>1315</v>
      </c>
      <c r="CH7" s="67">
        <v>842</v>
      </c>
      <c r="CI7" s="67">
        <v>794</v>
      </c>
      <c r="CJ7" s="67">
        <v>734</v>
      </c>
      <c r="CK7" s="68">
        <v>4583</v>
      </c>
      <c r="CL7" s="69">
        <v>5809</v>
      </c>
      <c r="CM7" s="66">
        <v>20219</v>
      </c>
      <c r="CN7" s="67">
        <v>20723</v>
      </c>
      <c r="CO7" s="68">
        <v>40942</v>
      </c>
      <c r="CP7" s="243"/>
      <c r="CQ7" s="67">
        <v>31073</v>
      </c>
      <c r="CR7" s="67">
        <v>30902</v>
      </c>
      <c r="CS7" s="67">
        <v>21163</v>
      </c>
      <c r="CT7" s="67">
        <v>18024</v>
      </c>
      <c r="CU7" s="67">
        <v>11257</v>
      </c>
      <c r="CV7" s="68">
        <v>112419</v>
      </c>
      <c r="CW7" s="69">
        <v>153361</v>
      </c>
      <c r="CX7" s="122">
        <v>37910</v>
      </c>
      <c r="CY7" s="78">
        <v>43773</v>
      </c>
      <c r="CZ7" s="79">
        <v>81683</v>
      </c>
      <c r="DA7" s="240"/>
      <c r="DB7" s="78">
        <v>55430</v>
      </c>
      <c r="DC7" s="78">
        <v>51805</v>
      </c>
      <c r="DD7" s="78">
        <v>38918</v>
      </c>
      <c r="DE7" s="78">
        <v>38410</v>
      </c>
      <c r="DF7" s="78">
        <v>25627</v>
      </c>
      <c r="DG7" s="80">
        <v>210190</v>
      </c>
      <c r="DH7" s="81">
        <v>291873</v>
      </c>
      <c r="DI7" s="66">
        <v>826</v>
      </c>
      <c r="DJ7" s="67">
        <v>1026</v>
      </c>
      <c r="DK7" s="68">
        <v>1852</v>
      </c>
      <c r="DL7" s="243"/>
      <c r="DM7" s="67">
        <v>998</v>
      </c>
      <c r="DN7" s="67">
        <v>1047</v>
      </c>
      <c r="DO7" s="67">
        <v>690</v>
      </c>
      <c r="DP7" s="67">
        <v>711</v>
      </c>
      <c r="DQ7" s="67">
        <v>585</v>
      </c>
      <c r="DR7" s="68">
        <v>4031</v>
      </c>
      <c r="DS7" s="69">
        <v>5883</v>
      </c>
      <c r="DT7" s="66">
        <v>2521</v>
      </c>
      <c r="DU7" s="67">
        <v>3054</v>
      </c>
      <c r="DV7" s="68">
        <v>5575</v>
      </c>
      <c r="DW7" s="243"/>
      <c r="DX7" s="67">
        <v>2956</v>
      </c>
      <c r="DY7" s="67">
        <v>2926</v>
      </c>
      <c r="DZ7" s="67">
        <v>1835</v>
      </c>
      <c r="EA7" s="67">
        <v>1804</v>
      </c>
      <c r="EB7" s="67">
        <v>1424</v>
      </c>
      <c r="EC7" s="68">
        <v>10945</v>
      </c>
      <c r="ED7" s="69">
        <v>16520</v>
      </c>
      <c r="EE7" s="66">
        <v>5953</v>
      </c>
      <c r="EF7" s="67">
        <v>6488</v>
      </c>
      <c r="EG7" s="68">
        <v>12441</v>
      </c>
      <c r="EH7" s="243"/>
      <c r="EI7" s="67">
        <v>6665</v>
      </c>
      <c r="EJ7" s="67">
        <v>5623</v>
      </c>
      <c r="EK7" s="67">
        <v>3712</v>
      </c>
      <c r="EL7" s="67">
        <v>3388</v>
      </c>
      <c r="EM7" s="67">
        <v>2678</v>
      </c>
      <c r="EN7" s="68">
        <v>22066</v>
      </c>
      <c r="EO7" s="69">
        <v>34507</v>
      </c>
      <c r="EP7" s="66">
        <v>11348</v>
      </c>
      <c r="EQ7" s="67">
        <v>11679</v>
      </c>
      <c r="ER7" s="68">
        <v>23027</v>
      </c>
      <c r="ES7" s="243"/>
      <c r="ET7" s="67">
        <v>13188</v>
      </c>
      <c r="EU7" s="67">
        <v>10749</v>
      </c>
      <c r="EV7" s="67">
        <v>7029</v>
      </c>
      <c r="EW7" s="67">
        <v>6348</v>
      </c>
      <c r="EX7" s="67">
        <v>4429</v>
      </c>
      <c r="EY7" s="68">
        <v>41743</v>
      </c>
      <c r="EZ7" s="69">
        <v>64770</v>
      </c>
      <c r="FA7" s="66">
        <v>11282</v>
      </c>
      <c r="FB7" s="67">
        <v>12907</v>
      </c>
      <c r="FC7" s="68">
        <v>24189</v>
      </c>
      <c r="FD7" s="243"/>
      <c r="FE7" s="67">
        <v>17153</v>
      </c>
      <c r="FF7" s="67">
        <v>14906</v>
      </c>
      <c r="FG7" s="67">
        <v>10725</v>
      </c>
      <c r="FH7" s="67">
        <v>9867</v>
      </c>
      <c r="FI7" s="67">
        <v>6593</v>
      </c>
      <c r="FJ7" s="68">
        <v>59244</v>
      </c>
      <c r="FK7" s="69">
        <v>83433</v>
      </c>
      <c r="FL7" s="66">
        <v>5980</v>
      </c>
      <c r="FM7" s="67">
        <v>8619</v>
      </c>
      <c r="FN7" s="68">
        <v>14599</v>
      </c>
      <c r="FO7" s="243"/>
      <c r="FP7" s="67">
        <v>14470</v>
      </c>
      <c r="FQ7" s="67">
        <v>16554</v>
      </c>
      <c r="FR7" s="67">
        <v>14927</v>
      </c>
      <c r="FS7" s="67">
        <v>16292</v>
      </c>
      <c r="FT7" s="67">
        <v>9918</v>
      </c>
      <c r="FU7" s="68">
        <v>72161</v>
      </c>
      <c r="FV7" s="69">
        <v>86760</v>
      </c>
      <c r="FW7" s="66">
        <v>364</v>
      </c>
      <c r="FX7" s="67">
        <v>673</v>
      </c>
      <c r="FY7" s="68">
        <v>1037</v>
      </c>
      <c r="FZ7" s="243"/>
      <c r="GA7" s="67">
        <v>704</v>
      </c>
      <c r="GB7" s="67">
        <v>1035</v>
      </c>
      <c r="GC7" s="67">
        <v>601</v>
      </c>
      <c r="GD7" s="67">
        <v>575</v>
      </c>
      <c r="GE7" s="67">
        <v>614</v>
      </c>
      <c r="GF7" s="68">
        <v>3529</v>
      </c>
      <c r="GG7" s="69">
        <v>4566</v>
      </c>
      <c r="GH7" s="66">
        <v>38274</v>
      </c>
      <c r="GI7" s="67">
        <v>44446</v>
      </c>
      <c r="GJ7" s="68">
        <v>82720</v>
      </c>
      <c r="GK7" s="243"/>
      <c r="GL7" s="67">
        <v>56134</v>
      </c>
      <c r="GM7" s="67">
        <v>52840</v>
      </c>
      <c r="GN7" s="67">
        <v>39519</v>
      </c>
      <c r="GO7" s="67">
        <v>38985</v>
      </c>
      <c r="GP7" s="67">
        <v>26241</v>
      </c>
      <c r="GQ7" s="68">
        <v>213719</v>
      </c>
      <c r="GR7" s="69">
        <v>296439</v>
      </c>
      <c r="GS7" s="122">
        <v>57646</v>
      </c>
      <c r="GT7" s="78">
        <v>63753</v>
      </c>
      <c r="GU7" s="79">
        <v>121399</v>
      </c>
      <c r="GV7" s="240"/>
      <c r="GW7" s="78">
        <v>85605</v>
      </c>
      <c r="GX7" s="78">
        <v>81392</v>
      </c>
      <c r="GY7" s="78">
        <v>59239</v>
      </c>
      <c r="GZ7" s="78">
        <v>55640</v>
      </c>
      <c r="HA7" s="78">
        <v>36150</v>
      </c>
      <c r="HB7" s="80">
        <v>318026</v>
      </c>
      <c r="HC7" s="81">
        <v>439425</v>
      </c>
      <c r="HD7" s="66">
        <v>1675</v>
      </c>
      <c r="HE7" s="67">
        <v>2018</v>
      </c>
      <c r="HF7" s="68">
        <v>3693</v>
      </c>
      <c r="HG7" s="243"/>
      <c r="HH7" s="67">
        <v>2332</v>
      </c>
      <c r="HI7" s="67">
        <v>2552</v>
      </c>
      <c r="HJ7" s="67">
        <v>1675</v>
      </c>
      <c r="HK7" s="67">
        <v>1647</v>
      </c>
      <c r="HL7" s="67">
        <v>1353</v>
      </c>
      <c r="HM7" s="68">
        <v>9559</v>
      </c>
      <c r="HN7" s="69">
        <v>13252</v>
      </c>
      <c r="HO7" s="66">
        <v>4433</v>
      </c>
      <c r="HP7" s="67">
        <v>5338</v>
      </c>
      <c r="HQ7" s="68">
        <v>9771</v>
      </c>
      <c r="HR7" s="243"/>
      <c r="HS7" s="67">
        <v>5828</v>
      </c>
      <c r="HT7" s="67">
        <v>6305</v>
      </c>
      <c r="HU7" s="67">
        <v>4191</v>
      </c>
      <c r="HV7" s="67">
        <v>3808</v>
      </c>
      <c r="HW7" s="67">
        <v>2877</v>
      </c>
      <c r="HX7" s="68">
        <v>23009</v>
      </c>
      <c r="HY7" s="69">
        <v>32780</v>
      </c>
      <c r="HZ7" s="66">
        <v>9010</v>
      </c>
      <c r="IA7" s="67">
        <v>9813</v>
      </c>
      <c r="IB7" s="68">
        <v>18823</v>
      </c>
      <c r="IC7" s="243"/>
      <c r="ID7" s="67">
        <v>11561</v>
      </c>
      <c r="IE7" s="67">
        <v>10520</v>
      </c>
      <c r="IF7" s="67">
        <v>7017</v>
      </c>
      <c r="IG7" s="67">
        <v>6217</v>
      </c>
      <c r="IH7" s="67">
        <v>4592</v>
      </c>
      <c r="II7" s="68">
        <v>39907</v>
      </c>
      <c r="IJ7" s="69">
        <v>58730</v>
      </c>
      <c r="IK7" s="66">
        <v>16385</v>
      </c>
      <c r="IL7" s="67">
        <v>16519</v>
      </c>
      <c r="IM7" s="68">
        <v>32904</v>
      </c>
      <c r="IN7" s="243"/>
      <c r="IO7" s="67">
        <v>20808</v>
      </c>
      <c r="IP7" s="67">
        <v>17678</v>
      </c>
      <c r="IQ7" s="67">
        <v>11632</v>
      </c>
      <c r="IR7" s="67">
        <v>10196</v>
      </c>
      <c r="IS7" s="67">
        <v>6807</v>
      </c>
      <c r="IT7" s="68">
        <v>67121</v>
      </c>
      <c r="IU7" s="69">
        <v>100025</v>
      </c>
      <c r="IV7" s="66">
        <v>16870</v>
      </c>
      <c r="IW7" s="67">
        <v>18094</v>
      </c>
      <c r="IX7" s="68">
        <v>34964</v>
      </c>
      <c r="IY7" s="243"/>
      <c r="IZ7" s="67">
        <v>25189</v>
      </c>
      <c r="JA7" s="67">
        <v>22135</v>
      </c>
      <c r="JB7" s="67">
        <v>15714</v>
      </c>
      <c r="JC7" s="67">
        <v>14012</v>
      </c>
      <c r="JD7" s="67">
        <v>8868</v>
      </c>
      <c r="JE7" s="68">
        <v>85918</v>
      </c>
      <c r="JF7" s="69">
        <v>120882</v>
      </c>
      <c r="JG7" s="66">
        <v>9273</v>
      </c>
      <c r="JH7" s="67">
        <v>11971</v>
      </c>
      <c r="JI7" s="68">
        <v>21244</v>
      </c>
      <c r="JJ7" s="243"/>
      <c r="JK7" s="67">
        <v>19887</v>
      </c>
      <c r="JL7" s="67">
        <v>22202</v>
      </c>
      <c r="JM7" s="67">
        <v>19010</v>
      </c>
      <c r="JN7" s="67">
        <v>19760</v>
      </c>
      <c r="JO7" s="67">
        <v>11653</v>
      </c>
      <c r="JP7" s="68">
        <v>92512</v>
      </c>
      <c r="JQ7" s="69">
        <v>113756</v>
      </c>
      <c r="JR7" s="66">
        <v>847</v>
      </c>
      <c r="JS7" s="67">
        <v>1416</v>
      </c>
      <c r="JT7" s="68">
        <v>2263</v>
      </c>
      <c r="JU7" s="243"/>
      <c r="JV7" s="67">
        <v>1602</v>
      </c>
      <c r="JW7" s="67">
        <v>2350</v>
      </c>
      <c r="JX7" s="67">
        <v>1443</v>
      </c>
      <c r="JY7" s="67">
        <v>1369</v>
      </c>
      <c r="JZ7" s="67">
        <v>1348</v>
      </c>
      <c r="KA7" s="68">
        <v>8112</v>
      </c>
      <c r="KB7" s="69">
        <v>10375</v>
      </c>
      <c r="KC7" s="66">
        <v>58493</v>
      </c>
      <c r="KD7" s="67">
        <v>65169</v>
      </c>
      <c r="KE7" s="68">
        <v>123662</v>
      </c>
      <c r="KF7" s="243"/>
      <c r="KG7" s="67">
        <v>87207</v>
      </c>
      <c r="KH7" s="67">
        <v>83742</v>
      </c>
      <c r="KI7" s="67">
        <v>60682</v>
      </c>
      <c r="KJ7" s="67">
        <v>57009</v>
      </c>
      <c r="KK7" s="67">
        <v>37498</v>
      </c>
      <c r="KL7" s="68">
        <v>326138</v>
      </c>
      <c r="KM7" s="69">
        <v>449800</v>
      </c>
    </row>
    <row r="8" spans="2:299" ht="21" customHeight="1" x14ac:dyDescent="0.2">
      <c r="B8" s="126" t="s">
        <v>5</v>
      </c>
      <c r="C8" s="315">
        <v>8034</v>
      </c>
      <c r="D8" s="82">
        <v>9277</v>
      </c>
      <c r="E8" s="83">
        <v>17311</v>
      </c>
      <c r="F8" s="241"/>
      <c r="G8" s="82">
        <v>10069</v>
      </c>
      <c r="H8" s="82">
        <v>13069</v>
      </c>
      <c r="I8" s="82">
        <v>8448</v>
      </c>
      <c r="J8" s="82">
        <v>7142</v>
      </c>
      <c r="K8" s="82">
        <v>4366</v>
      </c>
      <c r="L8" s="84">
        <v>43094</v>
      </c>
      <c r="M8" s="85">
        <v>60405</v>
      </c>
      <c r="N8" s="70">
        <v>333</v>
      </c>
      <c r="O8" s="71">
        <v>452</v>
      </c>
      <c r="P8" s="72">
        <v>785</v>
      </c>
      <c r="Q8" s="244"/>
      <c r="R8" s="71">
        <v>398</v>
      </c>
      <c r="S8" s="71">
        <v>675</v>
      </c>
      <c r="T8" s="71">
        <v>402</v>
      </c>
      <c r="U8" s="71">
        <v>384</v>
      </c>
      <c r="V8" s="71">
        <v>317</v>
      </c>
      <c r="W8" s="72">
        <v>2176</v>
      </c>
      <c r="X8" s="73">
        <v>2961</v>
      </c>
      <c r="Y8" s="70">
        <v>724</v>
      </c>
      <c r="Z8" s="71">
        <v>1005</v>
      </c>
      <c r="AA8" s="72">
        <v>1729</v>
      </c>
      <c r="AB8" s="244"/>
      <c r="AC8" s="71">
        <v>863</v>
      </c>
      <c r="AD8" s="71">
        <v>1456</v>
      </c>
      <c r="AE8" s="71">
        <v>1019</v>
      </c>
      <c r="AF8" s="71">
        <v>836</v>
      </c>
      <c r="AG8" s="71">
        <v>623</v>
      </c>
      <c r="AH8" s="72">
        <v>4797</v>
      </c>
      <c r="AI8" s="73">
        <v>6526</v>
      </c>
      <c r="AJ8" s="70">
        <v>1206</v>
      </c>
      <c r="AK8" s="71">
        <v>1508</v>
      </c>
      <c r="AL8" s="72">
        <v>2714</v>
      </c>
      <c r="AM8" s="244"/>
      <c r="AN8" s="71">
        <v>1602</v>
      </c>
      <c r="AO8" s="71">
        <v>2141</v>
      </c>
      <c r="AP8" s="71">
        <v>1326</v>
      </c>
      <c r="AQ8" s="71">
        <v>1154</v>
      </c>
      <c r="AR8" s="71">
        <v>749</v>
      </c>
      <c r="AS8" s="72">
        <v>6972</v>
      </c>
      <c r="AT8" s="73">
        <v>9686</v>
      </c>
      <c r="AU8" s="70">
        <v>2060</v>
      </c>
      <c r="AV8" s="71">
        <v>2219</v>
      </c>
      <c r="AW8" s="72">
        <v>4279</v>
      </c>
      <c r="AX8" s="244"/>
      <c r="AY8" s="71">
        <v>2477</v>
      </c>
      <c r="AZ8" s="71">
        <v>2952</v>
      </c>
      <c r="BA8" s="71">
        <v>1829</v>
      </c>
      <c r="BB8" s="71">
        <v>1600</v>
      </c>
      <c r="BC8" s="71">
        <v>957</v>
      </c>
      <c r="BD8" s="72">
        <v>9815</v>
      </c>
      <c r="BE8" s="73">
        <v>14094</v>
      </c>
      <c r="BF8" s="70">
        <v>2319</v>
      </c>
      <c r="BG8" s="71">
        <v>2443</v>
      </c>
      <c r="BH8" s="72">
        <v>4762</v>
      </c>
      <c r="BI8" s="244"/>
      <c r="BJ8" s="71">
        <v>2809</v>
      </c>
      <c r="BK8" s="71">
        <v>3258</v>
      </c>
      <c r="BL8" s="71">
        <v>2067</v>
      </c>
      <c r="BM8" s="71">
        <v>1702</v>
      </c>
      <c r="BN8" s="71">
        <v>947</v>
      </c>
      <c r="BO8" s="72">
        <v>10783</v>
      </c>
      <c r="BP8" s="73">
        <v>15545</v>
      </c>
      <c r="BQ8" s="70">
        <v>1392</v>
      </c>
      <c r="BR8" s="71">
        <v>1650</v>
      </c>
      <c r="BS8" s="72">
        <v>3042</v>
      </c>
      <c r="BT8" s="244"/>
      <c r="BU8" s="71">
        <v>1920</v>
      </c>
      <c r="BV8" s="71">
        <v>2587</v>
      </c>
      <c r="BW8" s="71">
        <v>1805</v>
      </c>
      <c r="BX8" s="71">
        <v>1466</v>
      </c>
      <c r="BY8" s="71">
        <v>773</v>
      </c>
      <c r="BZ8" s="72">
        <v>8551</v>
      </c>
      <c r="CA8" s="73">
        <v>11593</v>
      </c>
      <c r="CB8" s="70">
        <v>173</v>
      </c>
      <c r="CC8" s="71">
        <v>326</v>
      </c>
      <c r="CD8" s="72">
        <v>499</v>
      </c>
      <c r="CE8" s="244"/>
      <c r="CF8" s="71">
        <v>252</v>
      </c>
      <c r="CG8" s="71">
        <v>592</v>
      </c>
      <c r="CH8" s="71">
        <v>379</v>
      </c>
      <c r="CI8" s="71">
        <v>334</v>
      </c>
      <c r="CJ8" s="71">
        <v>327</v>
      </c>
      <c r="CK8" s="72">
        <v>1884</v>
      </c>
      <c r="CL8" s="73">
        <v>2383</v>
      </c>
      <c r="CM8" s="70">
        <v>8207</v>
      </c>
      <c r="CN8" s="71">
        <v>9603</v>
      </c>
      <c r="CO8" s="72">
        <v>17810</v>
      </c>
      <c r="CP8" s="244"/>
      <c r="CQ8" s="71">
        <v>10321</v>
      </c>
      <c r="CR8" s="71">
        <v>13661</v>
      </c>
      <c r="CS8" s="71">
        <v>8827</v>
      </c>
      <c r="CT8" s="71">
        <v>7476</v>
      </c>
      <c r="CU8" s="71">
        <v>4693</v>
      </c>
      <c r="CV8" s="72">
        <v>44978</v>
      </c>
      <c r="CW8" s="73">
        <v>62788</v>
      </c>
      <c r="CX8" s="123">
        <v>14885</v>
      </c>
      <c r="CY8" s="82">
        <v>19556</v>
      </c>
      <c r="CZ8" s="83">
        <v>34441</v>
      </c>
      <c r="DA8" s="241"/>
      <c r="DB8" s="82">
        <v>19159</v>
      </c>
      <c r="DC8" s="82">
        <v>23465</v>
      </c>
      <c r="DD8" s="82">
        <v>16086</v>
      </c>
      <c r="DE8" s="82">
        <v>15791</v>
      </c>
      <c r="DF8" s="82">
        <v>10714</v>
      </c>
      <c r="DG8" s="84">
        <v>85215</v>
      </c>
      <c r="DH8" s="85">
        <v>119656</v>
      </c>
      <c r="DI8" s="70">
        <v>314</v>
      </c>
      <c r="DJ8" s="71">
        <v>436</v>
      </c>
      <c r="DK8" s="72">
        <v>750</v>
      </c>
      <c r="DL8" s="244"/>
      <c r="DM8" s="71">
        <v>317</v>
      </c>
      <c r="DN8" s="71">
        <v>471</v>
      </c>
      <c r="DO8" s="71">
        <v>265</v>
      </c>
      <c r="DP8" s="71">
        <v>292</v>
      </c>
      <c r="DQ8" s="71">
        <v>251</v>
      </c>
      <c r="DR8" s="72">
        <v>1596</v>
      </c>
      <c r="DS8" s="73">
        <v>2346</v>
      </c>
      <c r="DT8" s="70">
        <v>960</v>
      </c>
      <c r="DU8" s="71">
        <v>1324</v>
      </c>
      <c r="DV8" s="72">
        <v>2284</v>
      </c>
      <c r="DW8" s="244"/>
      <c r="DX8" s="71">
        <v>892</v>
      </c>
      <c r="DY8" s="71">
        <v>1267</v>
      </c>
      <c r="DZ8" s="71">
        <v>725</v>
      </c>
      <c r="EA8" s="71">
        <v>752</v>
      </c>
      <c r="EB8" s="71">
        <v>619</v>
      </c>
      <c r="EC8" s="72">
        <v>4255</v>
      </c>
      <c r="ED8" s="73">
        <v>6539</v>
      </c>
      <c r="EE8" s="70">
        <v>2288</v>
      </c>
      <c r="EF8" s="71">
        <v>2863</v>
      </c>
      <c r="EG8" s="72">
        <v>5151</v>
      </c>
      <c r="EH8" s="244"/>
      <c r="EI8" s="71">
        <v>2203</v>
      </c>
      <c r="EJ8" s="71">
        <v>2416</v>
      </c>
      <c r="EK8" s="71">
        <v>1486</v>
      </c>
      <c r="EL8" s="71">
        <v>1301</v>
      </c>
      <c r="EM8" s="71">
        <v>1107</v>
      </c>
      <c r="EN8" s="72">
        <v>8513</v>
      </c>
      <c r="EO8" s="73">
        <v>13664</v>
      </c>
      <c r="EP8" s="70">
        <v>4404</v>
      </c>
      <c r="EQ8" s="71">
        <v>5076</v>
      </c>
      <c r="ER8" s="72">
        <v>9480</v>
      </c>
      <c r="ES8" s="244"/>
      <c r="ET8" s="71">
        <v>4559</v>
      </c>
      <c r="EU8" s="71">
        <v>4850</v>
      </c>
      <c r="EV8" s="71">
        <v>2811</v>
      </c>
      <c r="EW8" s="71">
        <v>2548</v>
      </c>
      <c r="EX8" s="71">
        <v>1746</v>
      </c>
      <c r="EY8" s="72">
        <v>16514</v>
      </c>
      <c r="EZ8" s="73">
        <v>25994</v>
      </c>
      <c r="FA8" s="70">
        <v>4571</v>
      </c>
      <c r="FB8" s="71">
        <v>5974</v>
      </c>
      <c r="FC8" s="72">
        <v>10545</v>
      </c>
      <c r="FD8" s="244"/>
      <c r="FE8" s="71">
        <v>6188</v>
      </c>
      <c r="FF8" s="71">
        <v>6863</v>
      </c>
      <c r="FG8" s="71">
        <v>4559</v>
      </c>
      <c r="FH8" s="71">
        <v>4142</v>
      </c>
      <c r="FI8" s="71">
        <v>2810</v>
      </c>
      <c r="FJ8" s="72">
        <v>24562</v>
      </c>
      <c r="FK8" s="73">
        <v>35107</v>
      </c>
      <c r="FL8" s="70">
        <v>2348</v>
      </c>
      <c r="FM8" s="71">
        <v>3883</v>
      </c>
      <c r="FN8" s="72">
        <v>6231</v>
      </c>
      <c r="FO8" s="244"/>
      <c r="FP8" s="71">
        <v>5000</v>
      </c>
      <c r="FQ8" s="71">
        <v>7598</v>
      </c>
      <c r="FR8" s="71">
        <v>6240</v>
      </c>
      <c r="FS8" s="71">
        <v>6756</v>
      </c>
      <c r="FT8" s="71">
        <v>4181</v>
      </c>
      <c r="FU8" s="72">
        <v>29775</v>
      </c>
      <c r="FV8" s="73">
        <v>36006</v>
      </c>
      <c r="FW8" s="70">
        <v>147</v>
      </c>
      <c r="FX8" s="71">
        <v>291</v>
      </c>
      <c r="FY8" s="72">
        <v>438</v>
      </c>
      <c r="FZ8" s="244"/>
      <c r="GA8" s="71">
        <v>207</v>
      </c>
      <c r="GB8" s="71">
        <v>466</v>
      </c>
      <c r="GC8" s="71">
        <v>253</v>
      </c>
      <c r="GD8" s="71">
        <v>232</v>
      </c>
      <c r="GE8" s="71">
        <v>248</v>
      </c>
      <c r="GF8" s="72">
        <v>1406</v>
      </c>
      <c r="GG8" s="73">
        <v>1844</v>
      </c>
      <c r="GH8" s="70">
        <v>15032</v>
      </c>
      <c r="GI8" s="71">
        <v>19847</v>
      </c>
      <c r="GJ8" s="72">
        <v>34879</v>
      </c>
      <c r="GK8" s="244"/>
      <c r="GL8" s="71">
        <v>19366</v>
      </c>
      <c r="GM8" s="71">
        <v>23931</v>
      </c>
      <c r="GN8" s="71">
        <v>16339</v>
      </c>
      <c r="GO8" s="71">
        <v>16023</v>
      </c>
      <c r="GP8" s="71">
        <v>10962</v>
      </c>
      <c r="GQ8" s="72">
        <v>86621</v>
      </c>
      <c r="GR8" s="73">
        <v>121500</v>
      </c>
      <c r="GS8" s="123">
        <v>22919</v>
      </c>
      <c r="GT8" s="82">
        <v>28833</v>
      </c>
      <c r="GU8" s="83">
        <v>51752</v>
      </c>
      <c r="GV8" s="241"/>
      <c r="GW8" s="82">
        <v>29228</v>
      </c>
      <c r="GX8" s="82">
        <v>36534</v>
      </c>
      <c r="GY8" s="82">
        <v>24534</v>
      </c>
      <c r="GZ8" s="82">
        <v>22933</v>
      </c>
      <c r="HA8" s="82">
        <v>15080</v>
      </c>
      <c r="HB8" s="84">
        <v>128309</v>
      </c>
      <c r="HC8" s="85">
        <v>180061</v>
      </c>
      <c r="HD8" s="70">
        <v>647</v>
      </c>
      <c r="HE8" s="71">
        <v>888</v>
      </c>
      <c r="HF8" s="72">
        <v>1535</v>
      </c>
      <c r="HG8" s="244"/>
      <c r="HH8" s="71">
        <v>715</v>
      </c>
      <c r="HI8" s="71">
        <v>1146</v>
      </c>
      <c r="HJ8" s="71">
        <v>667</v>
      </c>
      <c r="HK8" s="71">
        <v>676</v>
      </c>
      <c r="HL8" s="71">
        <v>568</v>
      </c>
      <c r="HM8" s="72">
        <v>3772</v>
      </c>
      <c r="HN8" s="73">
        <v>5307</v>
      </c>
      <c r="HO8" s="70">
        <v>1684</v>
      </c>
      <c r="HP8" s="71">
        <v>2329</v>
      </c>
      <c r="HQ8" s="72">
        <v>4013</v>
      </c>
      <c r="HR8" s="244"/>
      <c r="HS8" s="71">
        <v>1755</v>
      </c>
      <c r="HT8" s="71">
        <v>2723</v>
      </c>
      <c r="HU8" s="71">
        <v>1744</v>
      </c>
      <c r="HV8" s="71">
        <v>1588</v>
      </c>
      <c r="HW8" s="71">
        <v>1242</v>
      </c>
      <c r="HX8" s="72">
        <v>9052</v>
      </c>
      <c r="HY8" s="73">
        <v>13065</v>
      </c>
      <c r="HZ8" s="70">
        <v>3494</v>
      </c>
      <c r="IA8" s="71">
        <v>4371</v>
      </c>
      <c r="IB8" s="72">
        <v>7865</v>
      </c>
      <c r="IC8" s="244"/>
      <c r="ID8" s="71">
        <v>3805</v>
      </c>
      <c r="IE8" s="71">
        <v>4557</v>
      </c>
      <c r="IF8" s="71">
        <v>2812</v>
      </c>
      <c r="IG8" s="71">
        <v>2455</v>
      </c>
      <c r="IH8" s="71">
        <v>1856</v>
      </c>
      <c r="II8" s="72">
        <v>15485</v>
      </c>
      <c r="IJ8" s="73">
        <v>23350</v>
      </c>
      <c r="IK8" s="70">
        <v>6464</v>
      </c>
      <c r="IL8" s="71">
        <v>7295</v>
      </c>
      <c r="IM8" s="72">
        <v>13759</v>
      </c>
      <c r="IN8" s="244"/>
      <c r="IO8" s="71">
        <v>7036</v>
      </c>
      <c r="IP8" s="71">
        <v>7802</v>
      </c>
      <c r="IQ8" s="71">
        <v>4640</v>
      </c>
      <c r="IR8" s="71">
        <v>4148</v>
      </c>
      <c r="IS8" s="71">
        <v>2703</v>
      </c>
      <c r="IT8" s="72">
        <v>26329</v>
      </c>
      <c r="IU8" s="73">
        <v>40088</v>
      </c>
      <c r="IV8" s="70">
        <v>6890</v>
      </c>
      <c r="IW8" s="71">
        <v>8417</v>
      </c>
      <c r="IX8" s="72">
        <v>15307</v>
      </c>
      <c r="IY8" s="244"/>
      <c r="IZ8" s="71">
        <v>8997</v>
      </c>
      <c r="JA8" s="71">
        <v>10121</v>
      </c>
      <c r="JB8" s="71">
        <v>6626</v>
      </c>
      <c r="JC8" s="71">
        <v>5844</v>
      </c>
      <c r="JD8" s="71">
        <v>3757</v>
      </c>
      <c r="JE8" s="72">
        <v>35345</v>
      </c>
      <c r="JF8" s="73">
        <v>50652</v>
      </c>
      <c r="JG8" s="70">
        <v>3740</v>
      </c>
      <c r="JH8" s="71">
        <v>5533</v>
      </c>
      <c r="JI8" s="72">
        <v>9273</v>
      </c>
      <c r="JJ8" s="244"/>
      <c r="JK8" s="71">
        <v>6920</v>
      </c>
      <c r="JL8" s="71">
        <v>10185</v>
      </c>
      <c r="JM8" s="71">
        <v>8045</v>
      </c>
      <c r="JN8" s="71">
        <v>8222</v>
      </c>
      <c r="JO8" s="71">
        <v>4954</v>
      </c>
      <c r="JP8" s="72">
        <v>38326</v>
      </c>
      <c r="JQ8" s="73">
        <v>47599</v>
      </c>
      <c r="JR8" s="70">
        <v>320</v>
      </c>
      <c r="JS8" s="71">
        <v>617</v>
      </c>
      <c r="JT8" s="72">
        <v>937</v>
      </c>
      <c r="JU8" s="244"/>
      <c r="JV8" s="71">
        <v>459</v>
      </c>
      <c r="JW8" s="71">
        <v>1058</v>
      </c>
      <c r="JX8" s="71">
        <v>632</v>
      </c>
      <c r="JY8" s="71">
        <v>566</v>
      </c>
      <c r="JZ8" s="71">
        <v>575</v>
      </c>
      <c r="KA8" s="72">
        <v>3290</v>
      </c>
      <c r="KB8" s="73">
        <v>4227</v>
      </c>
      <c r="KC8" s="70">
        <v>23239</v>
      </c>
      <c r="KD8" s="71">
        <v>29450</v>
      </c>
      <c r="KE8" s="72">
        <v>52689</v>
      </c>
      <c r="KF8" s="244"/>
      <c r="KG8" s="71">
        <v>29687</v>
      </c>
      <c r="KH8" s="71">
        <v>37592</v>
      </c>
      <c r="KI8" s="71">
        <v>25166</v>
      </c>
      <c r="KJ8" s="71">
        <v>23499</v>
      </c>
      <c r="KK8" s="71">
        <v>15655</v>
      </c>
      <c r="KL8" s="72">
        <v>131599</v>
      </c>
      <c r="KM8" s="73">
        <v>184288</v>
      </c>
    </row>
    <row r="9" spans="2:299" ht="21" customHeight="1" x14ac:dyDescent="0.2">
      <c r="B9" s="126" t="s">
        <v>6</v>
      </c>
      <c r="C9" s="315">
        <v>2575</v>
      </c>
      <c r="D9" s="82">
        <v>2308</v>
      </c>
      <c r="E9" s="83">
        <v>4883</v>
      </c>
      <c r="F9" s="241"/>
      <c r="G9" s="82">
        <v>4836</v>
      </c>
      <c r="H9" s="82">
        <v>3805</v>
      </c>
      <c r="I9" s="82">
        <v>2834</v>
      </c>
      <c r="J9" s="82">
        <v>2477</v>
      </c>
      <c r="K9" s="82">
        <v>1680</v>
      </c>
      <c r="L9" s="84">
        <v>15632</v>
      </c>
      <c r="M9" s="85">
        <v>20515</v>
      </c>
      <c r="N9" s="70">
        <v>143</v>
      </c>
      <c r="O9" s="71">
        <v>149</v>
      </c>
      <c r="P9" s="72">
        <v>292</v>
      </c>
      <c r="Q9" s="244"/>
      <c r="R9" s="71">
        <v>279</v>
      </c>
      <c r="S9" s="71">
        <v>214</v>
      </c>
      <c r="T9" s="71">
        <v>150</v>
      </c>
      <c r="U9" s="71">
        <v>141</v>
      </c>
      <c r="V9" s="71">
        <v>128</v>
      </c>
      <c r="W9" s="72">
        <v>912</v>
      </c>
      <c r="X9" s="73">
        <v>1204</v>
      </c>
      <c r="Y9" s="70">
        <v>287</v>
      </c>
      <c r="Z9" s="71">
        <v>276</v>
      </c>
      <c r="AA9" s="72">
        <v>563</v>
      </c>
      <c r="AB9" s="244"/>
      <c r="AC9" s="71">
        <v>513</v>
      </c>
      <c r="AD9" s="71">
        <v>492</v>
      </c>
      <c r="AE9" s="71">
        <v>353</v>
      </c>
      <c r="AF9" s="71">
        <v>308</v>
      </c>
      <c r="AG9" s="71">
        <v>241</v>
      </c>
      <c r="AH9" s="72">
        <v>1907</v>
      </c>
      <c r="AI9" s="73">
        <v>2470</v>
      </c>
      <c r="AJ9" s="70">
        <v>404</v>
      </c>
      <c r="AK9" s="71">
        <v>401</v>
      </c>
      <c r="AL9" s="72">
        <v>805</v>
      </c>
      <c r="AM9" s="244"/>
      <c r="AN9" s="71">
        <v>829</v>
      </c>
      <c r="AO9" s="71">
        <v>660</v>
      </c>
      <c r="AP9" s="71">
        <v>464</v>
      </c>
      <c r="AQ9" s="71">
        <v>433</v>
      </c>
      <c r="AR9" s="71">
        <v>332</v>
      </c>
      <c r="AS9" s="72">
        <v>2718</v>
      </c>
      <c r="AT9" s="73">
        <v>3523</v>
      </c>
      <c r="AU9" s="70">
        <v>597</v>
      </c>
      <c r="AV9" s="71">
        <v>528</v>
      </c>
      <c r="AW9" s="72">
        <v>1125</v>
      </c>
      <c r="AX9" s="244"/>
      <c r="AY9" s="71">
        <v>1202</v>
      </c>
      <c r="AZ9" s="71">
        <v>852</v>
      </c>
      <c r="BA9" s="71">
        <v>673</v>
      </c>
      <c r="BB9" s="71">
        <v>509</v>
      </c>
      <c r="BC9" s="71">
        <v>364</v>
      </c>
      <c r="BD9" s="72">
        <v>3600</v>
      </c>
      <c r="BE9" s="73">
        <v>4725</v>
      </c>
      <c r="BF9" s="70">
        <v>726</v>
      </c>
      <c r="BG9" s="71">
        <v>563</v>
      </c>
      <c r="BH9" s="72">
        <v>1289</v>
      </c>
      <c r="BI9" s="244"/>
      <c r="BJ9" s="71">
        <v>1185</v>
      </c>
      <c r="BK9" s="71">
        <v>902</v>
      </c>
      <c r="BL9" s="71">
        <v>657</v>
      </c>
      <c r="BM9" s="71">
        <v>578</v>
      </c>
      <c r="BN9" s="71">
        <v>360</v>
      </c>
      <c r="BO9" s="72">
        <v>3682</v>
      </c>
      <c r="BP9" s="73">
        <v>4971</v>
      </c>
      <c r="BQ9" s="70">
        <v>418</v>
      </c>
      <c r="BR9" s="71">
        <v>391</v>
      </c>
      <c r="BS9" s="72">
        <v>809</v>
      </c>
      <c r="BT9" s="244"/>
      <c r="BU9" s="71">
        <v>828</v>
      </c>
      <c r="BV9" s="71">
        <v>685</v>
      </c>
      <c r="BW9" s="71">
        <v>537</v>
      </c>
      <c r="BX9" s="71">
        <v>508</v>
      </c>
      <c r="BY9" s="71">
        <v>255</v>
      </c>
      <c r="BZ9" s="72">
        <v>2813</v>
      </c>
      <c r="CA9" s="73">
        <v>3622</v>
      </c>
      <c r="CB9" s="70">
        <v>76</v>
      </c>
      <c r="CC9" s="71">
        <v>85</v>
      </c>
      <c r="CD9" s="72">
        <v>161</v>
      </c>
      <c r="CE9" s="244"/>
      <c r="CF9" s="71">
        <v>165</v>
      </c>
      <c r="CG9" s="71">
        <v>190</v>
      </c>
      <c r="CH9" s="71">
        <v>113</v>
      </c>
      <c r="CI9" s="71">
        <v>132</v>
      </c>
      <c r="CJ9" s="71">
        <v>124</v>
      </c>
      <c r="CK9" s="72">
        <v>724</v>
      </c>
      <c r="CL9" s="73">
        <v>885</v>
      </c>
      <c r="CM9" s="70">
        <v>2651</v>
      </c>
      <c r="CN9" s="71">
        <v>2393</v>
      </c>
      <c r="CO9" s="72">
        <v>5044</v>
      </c>
      <c r="CP9" s="244"/>
      <c r="CQ9" s="71">
        <v>5001</v>
      </c>
      <c r="CR9" s="71">
        <v>3995</v>
      </c>
      <c r="CS9" s="71">
        <v>2947</v>
      </c>
      <c r="CT9" s="71">
        <v>2609</v>
      </c>
      <c r="CU9" s="71">
        <v>1804</v>
      </c>
      <c r="CV9" s="72">
        <v>16356</v>
      </c>
      <c r="CW9" s="73">
        <v>21400</v>
      </c>
      <c r="CX9" s="123">
        <v>5049</v>
      </c>
      <c r="CY9" s="82">
        <v>5292</v>
      </c>
      <c r="CZ9" s="83">
        <v>10341</v>
      </c>
      <c r="DA9" s="241"/>
      <c r="DB9" s="82">
        <v>8723</v>
      </c>
      <c r="DC9" s="82">
        <v>6449</v>
      </c>
      <c r="DD9" s="82">
        <v>5291</v>
      </c>
      <c r="DE9" s="82">
        <v>5430</v>
      </c>
      <c r="DF9" s="82">
        <v>3637</v>
      </c>
      <c r="DG9" s="84">
        <v>29530</v>
      </c>
      <c r="DH9" s="85">
        <v>39871</v>
      </c>
      <c r="DI9" s="70">
        <v>113</v>
      </c>
      <c r="DJ9" s="71">
        <v>117</v>
      </c>
      <c r="DK9" s="72">
        <v>230</v>
      </c>
      <c r="DL9" s="244"/>
      <c r="DM9" s="71">
        <v>169</v>
      </c>
      <c r="DN9" s="71">
        <v>117</v>
      </c>
      <c r="DO9" s="71">
        <v>106</v>
      </c>
      <c r="DP9" s="71">
        <v>110</v>
      </c>
      <c r="DQ9" s="71">
        <v>76</v>
      </c>
      <c r="DR9" s="72">
        <v>578</v>
      </c>
      <c r="DS9" s="73">
        <v>808</v>
      </c>
      <c r="DT9" s="70">
        <v>332</v>
      </c>
      <c r="DU9" s="71">
        <v>349</v>
      </c>
      <c r="DV9" s="72">
        <v>681</v>
      </c>
      <c r="DW9" s="244"/>
      <c r="DX9" s="71">
        <v>501</v>
      </c>
      <c r="DY9" s="71">
        <v>379</v>
      </c>
      <c r="DZ9" s="71">
        <v>265</v>
      </c>
      <c r="EA9" s="71">
        <v>267</v>
      </c>
      <c r="EB9" s="71">
        <v>184</v>
      </c>
      <c r="EC9" s="72">
        <v>1596</v>
      </c>
      <c r="ED9" s="73">
        <v>2277</v>
      </c>
      <c r="EE9" s="70">
        <v>753</v>
      </c>
      <c r="EF9" s="71">
        <v>809</v>
      </c>
      <c r="EG9" s="72">
        <v>1562</v>
      </c>
      <c r="EH9" s="244"/>
      <c r="EI9" s="71">
        <v>1061</v>
      </c>
      <c r="EJ9" s="71">
        <v>678</v>
      </c>
      <c r="EK9" s="71">
        <v>465</v>
      </c>
      <c r="EL9" s="71">
        <v>495</v>
      </c>
      <c r="EM9" s="71">
        <v>363</v>
      </c>
      <c r="EN9" s="72">
        <v>3062</v>
      </c>
      <c r="EO9" s="73">
        <v>4624</v>
      </c>
      <c r="EP9" s="70">
        <v>1557</v>
      </c>
      <c r="EQ9" s="71">
        <v>1369</v>
      </c>
      <c r="ER9" s="72">
        <v>2926</v>
      </c>
      <c r="ES9" s="244"/>
      <c r="ET9" s="71">
        <v>2041</v>
      </c>
      <c r="EU9" s="71">
        <v>1314</v>
      </c>
      <c r="EV9" s="71">
        <v>959</v>
      </c>
      <c r="EW9" s="71">
        <v>884</v>
      </c>
      <c r="EX9" s="71">
        <v>642</v>
      </c>
      <c r="EY9" s="72">
        <v>5840</v>
      </c>
      <c r="EZ9" s="73">
        <v>8766</v>
      </c>
      <c r="FA9" s="70">
        <v>1492</v>
      </c>
      <c r="FB9" s="71">
        <v>1601</v>
      </c>
      <c r="FC9" s="72">
        <v>3093</v>
      </c>
      <c r="FD9" s="244"/>
      <c r="FE9" s="71">
        <v>2667</v>
      </c>
      <c r="FF9" s="71">
        <v>1904</v>
      </c>
      <c r="FG9" s="71">
        <v>1458</v>
      </c>
      <c r="FH9" s="71">
        <v>1394</v>
      </c>
      <c r="FI9" s="71">
        <v>952</v>
      </c>
      <c r="FJ9" s="72">
        <v>8375</v>
      </c>
      <c r="FK9" s="73">
        <v>11468</v>
      </c>
      <c r="FL9" s="70">
        <v>802</v>
      </c>
      <c r="FM9" s="71">
        <v>1047</v>
      </c>
      <c r="FN9" s="72">
        <v>1849</v>
      </c>
      <c r="FO9" s="244"/>
      <c r="FP9" s="71">
        <v>2284</v>
      </c>
      <c r="FQ9" s="71">
        <v>2057</v>
      </c>
      <c r="FR9" s="71">
        <v>2038</v>
      </c>
      <c r="FS9" s="71">
        <v>2280</v>
      </c>
      <c r="FT9" s="71">
        <v>1420</v>
      </c>
      <c r="FU9" s="72">
        <v>10079</v>
      </c>
      <c r="FV9" s="73">
        <v>11928</v>
      </c>
      <c r="FW9" s="70">
        <v>53</v>
      </c>
      <c r="FX9" s="71">
        <v>79</v>
      </c>
      <c r="FY9" s="72">
        <v>132</v>
      </c>
      <c r="FZ9" s="244"/>
      <c r="GA9" s="71">
        <v>135</v>
      </c>
      <c r="GB9" s="71">
        <v>135</v>
      </c>
      <c r="GC9" s="71">
        <v>101</v>
      </c>
      <c r="GD9" s="71">
        <v>104</v>
      </c>
      <c r="GE9" s="71">
        <v>97</v>
      </c>
      <c r="GF9" s="72">
        <v>572</v>
      </c>
      <c r="GG9" s="73">
        <v>704</v>
      </c>
      <c r="GH9" s="70">
        <v>5102</v>
      </c>
      <c r="GI9" s="71">
        <v>5371</v>
      </c>
      <c r="GJ9" s="72">
        <v>10473</v>
      </c>
      <c r="GK9" s="244"/>
      <c r="GL9" s="71">
        <v>8858</v>
      </c>
      <c r="GM9" s="71">
        <v>6584</v>
      </c>
      <c r="GN9" s="71">
        <v>5392</v>
      </c>
      <c r="GO9" s="71">
        <v>5534</v>
      </c>
      <c r="GP9" s="71">
        <v>3734</v>
      </c>
      <c r="GQ9" s="72">
        <v>30102</v>
      </c>
      <c r="GR9" s="73">
        <v>40575</v>
      </c>
      <c r="GS9" s="123">
        <v>7624</v>
      </c>
      <c r="GT9" s="82">
        <v>7600</v>
      </c>
      <c r="GU9" s="83">
        <v>15224</v>
      </c>
      <c r="GV9" s="241"/>
      <c r="GW9" s="82">
        <v>13559</v>
      </c>
      <c r="GX9" s="82">
        <v>10254</v>
      </c>
      <c r="GY9" s="82">
        <v>8125</v>
      </c>
      <c r="GZ9" s="82">
        <v>7907</v>
      </c>
      <c r="HA9" s="82">
        <v>5317</v>
      </c>
      <c r="HB9" s="84">
        <v>45162</v>
      </c>
      <c r="HC9" s="85">
        <v>60386</v>
      </c>
      <c r="HD9" s="70">
        <v>256</v>
      </c>
      <c r="HE9" s="71">
        <v>266</v>
      </c>
      <c r="HF9" s="72">
        <v>522</v>
      </c>
      <c r="HG9" s="244"/>
      <c r="HH9" s="71">
        <v>448</v>
      </c>
      <c r="HI9" s="71">
        <v>331</v>
      </c>
      <c r="HJ9" s="71">
        <v>256</v>
      </c>
      <c r="HK9" s="71">
        <v>251</v>
      </c>
      <c r="HL9" s="71">
        <v>204</v>
      </c>
      <c r="HM9" s="72">
        <v>1490</v>
      </c>
      <c r="HN9" s="73">
        <v>2012</v>
      </c>
      <c r="HO9" s="70">
        <v>619</v>
      </c>
      <c r="HP9" s="71">
        <v>625</v>
      </c>
      <c r="HQ9" s="72">
        <v>1244</v>
      </c>
      <c r="HR9" s="244"/>
      <c r="HS9" s="71">
        <v>1014</v>
      </c>
      <c r="HT9" s="71">
        <v>871</v>
      </c>
      <c r="HU9" s="71">
        <v>618</v>
      </c>
      <c r="HV9" s="71">
        <v>575</v>
      </c>
      <c r="HW9" s="71">
        <v>425</v>
      </c>
      <c r="HX9" s="72">
        <v>3503</v>
      </c>
      <c r="HY9" s="73">
        <v>4747</v>
      </c>
      <c r="HZ9" s="70">
        <v>1157</v>
      </c>
      <c r="IA9" s="71">
        <v>1210</v>
      </c>
      <c r="IB9" s="72">
        <v>2367</v>
      </c>
      <c r="IC9" s="244"/>
      <c r="ID9" s="71">
        <v>1890</v>
      </c>
      <c r="IE9" s="71">
        <v>1338</v>
      </c>
      <c r="IF9" s="71">
        <v>929</v>
      </c>
      <c r="IG9" s="71">
        <v>928</v>
      </c>
      <c r="IH9" s="71">
        <v>695</v>
      </c>
      <c r="II9" s="72">
        <v>5780</v>
      </c>
      <c r="IJ9" s="73">
        <v>8147</v>
      </c>
      <c r="IK9" s="70">
        <v>2154</v>
      </c>
      <c r="IL9" s="71">
        <v>1897</v>
      </c>
      <c r="IM9" s="72">
        <v>4051</v>
      </c>
      <c r="IN9" s="244"/>
      <c r="IO9" s="71">
        <v>3243</v>
      </c>
      <c r="IP9" s="71">
        <v>2166</v>
      </c>
      <c r="IQ9" s="71">
        <v>1632</v>
      </c>
      <c r="IR9" s="71">
        <v>1393</v>
      </c>
      <c r="IS9" s="71">
        <v>1006</v>
      </c>
      <c r="IT9" s="72">
        <v>9440</v>
      </c>
      <c r="IU9" s="73">
        <v>13491</v>
      </c>
      <c r="IV9" s="70">
        <v>2218</v>
      </c>
      <c r="IW9" s="71">
        <v>2164</v>
      </c>
      <c r="IX9" s="72">
        <v>4382</v>
      </c>
      <c r="IY9" s="244"/>
      <c r="IZ9" s="71">
        <v>3852</v>
      </c>
      <c r="JA9" s="71">
        <v>2806</v>
      </c>
      <c r="JB9" s="71">
        <v>2115</v>
      </c>
      <c r="JC9" s="71">
        <v>1972</v>
      </c>
      <c r="JD9" s="71">
        <v>1312</v>
      </c>
      <c r="JE9" s="72">
        <v>12057</v>
      </c>
      <c r="JF9" s="73">
        <v>16439</v>
      </c>
      <c r="JG9" s="70">
        <v>1220</v>
      </c>
      <c r="JH9" s="71">
        <v>1438</v>
      </c>
      <c r="JI9" s="72">
        <v>2658</v>
      </c>
      <c r="JJ9" s="244"/>
      <c r="JK9" s="71">
        <v>3112</v>
      </c>
      <c r="JL9" s="71">
        <v>2742</v>
      </c>
      <c r="JM9" s="71">
        <v>2575</v>
      </c>
      <c r="JN9" s="71">
        <v>2788</v>
      </c>
      <c r="JO9" s="71">
        <v>1675</v>
      </c>
      <c r="JP9" s="72">
        <v>12892</v>
      </c>
      <c r="JQ9" s="73">
        <v>15550</v>
      </c>
      <c r="JR9" s="70">
        <v>129</v>
      </c>
      <c r="JS9" s="71">
        <v>164</v>
      </c>
      <c r="JT9" s="72">
        <v>293</v>
      </c>
      <c r="JU9" s="244"/>
      <c r="JV9" s="71">
        <v>300</v>
      </c>
      <c r="JW9" s="71">
        <v>325</v>
      </c>
      <c r="JX9" s="71">
        <v>214</v>
      </c>
      <c r="JY9" s="71">
        <v>236</v>
      </c>
      <c r="JZ9" s="71">
        <v>221</v>
      </c>
      <c r="KA9" s="72">
        <v>1296</v>
      </c>
      <c r="KB9" s="73">
        <v>1589</v>
      </c>
      <c r="KC9" s="70">
        <v>7753</v>
      </c>
      <c r="KD9" s="71">
        <v>7764</v>
      </c>
      <c r="KE9" s="72">
        <v>15517</v>
      </c>
      <c r="KF9" s="244"/>
      <c r="KG9" s="71">
        <v>13859</v>
      </c>
      <c r="KH9" s="71">
        <v>10579</v>
      </c>
      <c r="KI9" s="71">
        <v>8339</v>
      </c>
      <c r="KJ9" s="71">
        <v>8143</v>
      </c>
      <c r="KK9" s="71">
        <v>5538</v>
      </c>
      <c r="KL9" s="72">
        <v>46458</v>
      </c>
      <c r="KM9" s="73">
        <v>61975</v>
      </c>
    </row>
    <row r="10" spans="2:299" ht="21" customHeight="1" x14ac:dyDescent="0.2">
      <c r="B10" s="126" t="s">
        <v>14</v>
      </c>
      <c r="C10" s="315">
        <v>1498</v>
      </c>
      <c r="D10" s="82">
        <v>1875</v>
      </c>
      <c r="E10" s="83">
        <v>3373</v>
      </c>
      <c r="F10" s="241"/>
      <c r="G10" s="82">
        <v>2199</v>
      </c>
      <c r="H10" s="82">
        <v>2481</v>
      </c>
      <c r="I10" s="82">
        <v>1872</v>
      </c>
      <c r="J10" s="82">
        <v>1440</v>
      </c>
      <c r="K10" s="82">
        <v>859</v>
      </c>
      <c r="L10" s="84">
        <v>8851</v>
      </c>
      <c r="M10" s="85">
        <v>12224</v>
      </c>
      <c r="N10" s="70">
        <v>69</v>
      </c>
      <c r="O10" s="71">
        <v>96</v>
      </c>
      <c r="P10" s="72">
        <v>165</v>
      </c>
      <c r="Q10" s="244"/>
      <c r="R10" s="71">
        <v>86</v>
      </c>
      <c r="S10" s="71">
        <v>117</v>
      </c>
      <c r="T10" s="71">
        <v>92</v>
      </c>
      <c r="U10" s="71">
        <v>77</v>
      </c>
      <c r="V10" s="71">
        <v>79</v>
      </c>
      <c r="W10" s="72">
        <v>451</v>
      </c>
      <c r="X10" s="73">
        <v>616</v>
      </c>
      <c r="Y10" s="70">
        <v>172</v>
      </c>
      <c r="Z10" s="71">
        <v>271</v>
      </c>
      <c r="AA10" s="72">
        <v>443</v>
      </c>
      <c r="AB10" s="244"/>
      <c r="AC10" s="71">
        <v>196</v>
      </c>
      <c r="AD10" s="71">
        <v>274</v>
      </c>
      <c r="AE10" s="71">
        <v>217</v>
      </c>
      <c r="AF10" s="71">
        <v>176</v>
      </c>
      <c r="AG10" s="71">
        <v>108</v>
      </c>
      <c r="AH10" s="72">
        <v>971</v>
      </c>
      <c r="AI10" s="73">
        <v>1414</v>
      </c>
      <c r="AJ10" s="70">
        <v>238</v>
      </c>
      <c r="AK10" s="71">
        <v>341</v>
      </c>
      <c r="AL10" s="72">
        <v>579</v>
      </c>
      <c r="AM10" s="244"/>
      <c r="AN10" s="71">
        <v>397</v>
      </c>
      <c r="AO10" s="71">
        <v>423</v>
      </c>
      <c r="AP10" s="71">
        <v>304</v>
      </c>
      <c r="AQ10" s="71">
        <v>236</v>
      </c>
      <c r="AR10" s="71">
        <v>164</v>
      </c>
      <c r="AS10" s="72">
        <v>1524</v>
      </c>
      <c r="AT10" s="73">
        <v>2103</v>
      </c>
      <c r="AU10" s="70">
        <v>433</v>
      </c>
      <c r="AV10" s="71">
        <v>503</v>
      </c>
      <c r="AW10" s="72">
        <v>936</v>
      </c>
      <c r="AX10" s="244"/>
      <c r="AY10" s="71">
        <v>579</v>
      </c>
      <c r="AZ10" s="71">
        <v>619</v>
      </c>
      <c r="BA10" s="71">
        <v>452</v>
      </c>
      <c r="BB10" s="71">
        <v>361</v>
      </c>
      <c r="BC10" s="71">
        <v>214</v>
      </c>
      <c r="BD10" s="72">
        <v>2225</v>
      </c>
      <c r="BE10" s="73">
        <v>3161</v>
      </c>
      <c r="BF10" s="70">
        <v>389</v>
      </c>
      <c r="BG10" s="71">
        <v>426</v>
      </c>
      <c r="BH10" s="72">
        <v>815</v>
      </c>
      <c r="BI10" s="244"/>
      <c r="BJ10" s="71">
        <v>590</v>
      </c>
      <c r="BK10" s="71">
        <v>603</v>
      </c>
      <c r="BL10" s="71">
        <v>469</v>
      </c>
      <c r="BM10" s="71">
        <v>351</v>
      </c>
      <c r="BN10" s="71">
        <v>179</v>
      </c>
      <c r="BO10" s="72">
        <v>2192</v>
      </c>
      <c r="BP10" s="73">
        <v>3007</v>
      </c>
      <c r="BQ10" s="70">
        <v>197</v>
      </c>
      <c r="BR10" s="71">
        <v>238</v>
      </c>
      <c r="BS10" s="72">
        <v>435</v>
      </c>
      <c r="BT10" s="244"/>
      <c r="BU10" s="71">
        <v>351</v>
      </c>
      <c r="BV10" s="71">
        <v>445</v>
      </c>
      <c r="BW10" s="71">
        <v>338</v>
      </c>
      <c r="BX10" s="71">
        <v>239</v>
      </c>
      <c r="BY10" s="71">
        <v>115</v>
      </c>
      <c r="BZ10" s="72">
        <v>1488</v>
      </c>
      <c r="CA10" s="73">
        <v>1923</v>
      </c>
      <c r="CB10" s="70">
        <v>38</v>
      </c>
      <c r="CC10" s="71">
        <v>87</v>
      </c>
      <c r="CD10" s="72">
        <v>125</v>
      </c>
      <c r="CE10" s="244"/>
      <c r="CF10" s="71">
        <v>43</v>
      </c>
      <c r="CG10" s="71">
        <v>108</v>
      </c>
      <c r="CH10" s="71">
        <v>69</v>
      </c>
      <c r="CI10" s="71">
        <v>76</v>
      </c>
      <c r="CJ10" s="71">
        <v>53</v>
      </c>
      <c r="CK10" s="72">
        <v>349</v>
      </c>
      <c r="CL10" s="73">
        <v>474</v>
      </c>
      <c r="CM10" s="70">
        <v>1536</v>
      </c>
      <c r="CN10" s="71">
        <v>1962</v>
      </c>
      <c r="CO10" s="72">
        <v>3498</v>
      </c>
      <c r="CP10" s="244"/>
      <c r="CQ10" s="71">
        <v>2242</v>
      </c>
      <c r="CR10" s="71">
        <v>2589</v>
      </c>
      <c r="CS10" s="71">
        <v>1941</v>
      </c>
      <c r="CT10" s="71">
        <v>1516</v>
      </c>
      <c r="CU10" s="71">
        <v>912</v>
      </c>
      <c r="CV10" s="72">
        <v>9200</v>
      </c>
      <c r="CW10" s="73">
        <v>12698</v>
      </c>
      <c r="CX10" s="123">
        <v>2826</v>
      </c>
      <c r="CY10" s="82">
        <v>4024</v>
      </c>
      <c r="CZ10" s="83">
        <v>6850</v>
      </c>
      <c r="DA10" s="241"/>
      <c r="DB10" s="82">
        <v>3701</v>
      </c>
      <c r="DC10" s="82">
        <v>4110</v>
      </c>
      <c r="DD10" s="82">
        <v>3148</v>
      </c>
      <c r="DE10" s="82">
        <v>3054</v>
      </c>
      <c r="DF10" s="82">
        <v>1889</v>
      </c>
      <c r="DG10" s="84">
        <v>15902</v>
      </c>
      <c r="DH10" s="85">
        <v>22752</v>
      </c>
      <c r="DI10" s="70">
        <v>68</v>
      </c>
      <c r="DJ10" s="71">
        <v>97</v>
      </c>
      <c r="DK10" s="72">
        <v>165</v>
      </c>
      <c r="DL10" s="244"/>
      <c r="DM10" s="71">
        <v>61</v>
      </c>
      <c r="DN10" s="71">
        <v>100</v>
      </c>
      <c r="DO10" s="71">
        <v>67</v>
      </c>
      <c r="DP10" s="71">
        <v>56</v>
      </c>
      <c r="DQ10" s="71">
        <v>40</v>
      </c>
      <c r="DR10" s="72">
        <v>324</v>
      </c>
      <c r="DS10" s="73">
        <v>489</v>
      </c>
      <c r="DT10" s="70">
        <v>221</v>
      </c>
      <c r="DU10" s="71">
        <v>355</v>
      </c>
      <c r="DV10" s="72">
        <v>576</v>
      </c>
      <c r="DW10" s="244"/>
      <c r="DX10" s="71">
        <v>201</v>
      </c>
      <c r="DY10" s="71">
        <v>295</v>
      </c>
      <c r="DZ10" s="71">
        <v>157</v>
      </c>
      <c r="EA10" s="71">
        <v>156</v>
      </c>
      <c r="EB10" s="71">
        <v>126</v>
      </c>
      <c r="EC10" s="72">
        <v>935</v>
      </c>
      <c r="ED10" s="73">
        <v>1511</v>
      </c>
      <c r="EE10" s="70">
        <v>554</v>
      </c>
      <c r="EF10" s="71">
        <v>672</v>
      </c>
      <c r="EG10" s="72">
        <v>1226</v>
      </c>
      <c r="EH10" s="244"/>
      <c r="EI10" s="71">
        <v>494</v>
      </c>
      <c r="EJ10" s="71">
        <v>527</v>
      </c>
      <c r="EK10" s="71">
        <v>355</v>
      </c>
      <c r="EL10" s="71">
        <v>322</v>
      </c>
      <c r="EM10" s="71">
        <v>250</v>
      </c>
      <c r="EN10" s="72">
        <v>1948</v>
      </c>
      <c r="EO10" s="73">
        <v>3174</v>
      </c>
      <c r="EP10" s="70">
        <v>835</v>
      </c>
      <c r="EQ10" s="71">
        <v>1174</v>
      </c>
      <c r="ER10" s="72">
        <v>2009</v>
      </c>
      <c r="ES10" s="244"/>
      <c r="ET10" s="71">
        <v>1026</v>
      </c>
      <c r="EU10" s="71">
        <v>949</v>
      </c>
      <c r="EV10" s="71">
        <v>675</v>
      </c>
      <c r="EW10" s="71">
        <v>542</v>
      </c>
      <c r="EX10" s="71">
        <v>347</v>
      </c>
      <c r="EY10" s="72">
        <v>3539</v>
      </c>
      <c r="EZ10" s="73">
        <v>5548</v>
      </c>
      <c r="FA10" s="70">
        <v>771</v>
      </c>
      <c r="FB10" s="71">
        <v>1098</v>
      </c>
      <c r="FC10" s="72">
        <v>1869</v>
      </c>
      <c r="FD10" s="244"/>
      <c r="FE10" s="71">
        <v>1094</v>
      </c>
      <c r="FF10" s="71">
        <v>1135</v>
      </c>
      <c r="FG10" s="71">
        <v>808</v>
      </c>
      <c r="FH10" s="71">
        <v>785</v>
      </c>
      <c r="FI10" s="71">
        <v>481</v>
      </c>
      <c r="FJ10" s="72">
        <v>4303</v>
      </c>
      <c r="FK10" s="73">
        <v>6172</v>
      </c>
      <c r="FL10" s="70">
        <v>377</v>
      </c>
      <c r="FM10" s="71">
        <v>628</v>
      </c>
      <c r="FN10" s="72">
        <v>1005</v>
      </c>
      <c r="FO10" s="244"/>
      <c r="FP10" s="71">
        <v>825</v>
      </c>
      <c r="FQ10" s="71">
        <v>1104</v>
      </c>
      <c r="FR10" s="71">
        <v>1086</v>
      </c>
      <c r="FS10" s="71">
        <v>1193</v>
      </c>
      <c r="FT10" s="71">
        <v>645</v>
      </c>
      <c r="FU10" s="72">
        <v>4853</v>
      </c>
      <c r="FV10" s="73">
        <v>5858</v>
      </c>
      <c r="FW10" s="70">
        <v>20</v>
      </c>
      <c r="FX10" s="71">
        <v>76</v>
      </c>
      <c r="FY10" s="72">
        <v>96</v>
      </c>
      <c r="FZ10" s="244"/>
      <c r="GA10" s="71">
        <v>45</v>
      </c>
      <c r="GB10" s="71">
        <v>87</v>
      </c>
      <c r="GC10" s="71">
        <v>40</v>
      </c>
      <c r="GD10" s="71">
        <v>45</v>
      </c>
      <c r="GE10" s="71">
        <v>55</v>
      </c>
      <c r="GF10" s="72">
        <v>272</v>
      </c>
      <c r="GG10" s="73">
        <v>368</v>
      </c>
      <c r="GH10" s="70">
        <v>2846</v>
      </c>
      <c r="GI10" s="71">
        <v>4100</v>
      </c>
      <c r="GJ10" s="72">
        <v>6946</v>
      </c>
      <c r="GK10" s="244"/>
      <c r="GL10" s="71">
        <v>3746</v>
      </c>
      <c r="GM10" s="71">
        <v>4197</v>
      </c>
      <c r="GN10" s="71">
        <v>3188</v>
      </c>
      <c r="GO10" s="71">
        <v>3099</v>
      </c>
      <c r="GP10" s="71">
        <v>1944</v>
      </c>
      <c r="GQ10" s="72">
        <v>16174</v>
      </c>
      <c r="GR10" s="73">
        <v>23120</v>
      </c>
      <c r="GS10" s="123">
        <v>4324</v>
      </c>
      <c r="GT10" s="82">
        <v>5899</v>
      </c>
      <c r="GU10" s="83">
        <v>10223</v>
      </c>
      <c r="GV10" s="241"/>
      <c r="GW10" s="82">
        <v>5900</v>
      </c>
      <c r="GX10" s="82">
        <v>6591</v>
      </c>
      <c r="GY10" s="82">
        <v>5020</v>
      </c>
      <c r="GZ10" s="82">
        <v>4494</v>
      </c>
      <c r="HA10" s="82">
        <v>2748</v>
      </c>
      <c r="HB10" s="84">
        <v>24753</v>
      </c>
      <c r="HC10" s="85">
        <v>34976</v>
      </c>
      <c r="HD10" s="70">
        <v>137</v>
      </c>
      <c r="HE10" s="71">
        <v>193</v>
      </c>
      <c r="HF10" s="72">
        <v>330</v>
      </c>
      <c r="HG10" s="244"/>
      <c r="HH10" s="71">
        <v>147</v>
      </c>
      <c r="HI10" s="71">
        <v>217</v>
      </c>
      <c r="HJ10" s="71">
        <v>159</v>
      </c>
      <c r="HK10" s="71">
        <v>133</v>
      </c>
      <c r="HL10" s="71">
        <v>119</v>
      </c>
      <c r="HM10" s="72">
        <v>775</v>
      </c>
      <c r="HN10" s="73">
        <v>1105</v>
      </c>
      <c r="HO10" s="70">
        <v>393</v>
      </c>
      <c r="HP10" s="71">
        <v>626</v>
      </c>
      <c r="HQ10" s="72">
        <v>1019</v>
      </c>
      <c r="HR10" s="244"/>
      <c r="HS10" s="71">
        <v>397</v>
      </c>
      <c r="HT10" s="71">
        <v>569</v>
      </c>
      <c r="HU10" s="71">
        <v>374</v>
      </c>
      <c r="HV10" s="71">
        <v>332</v>
      </c>
      <c r="HW10" s="71">
        <v>234</v>
      </c>
      <c r="HX10" s="72">
        <v>1906</v>
      </c>
      <c r="HY10" s="73">
        <v>2925</v>
      </c>
      <c r="HZ10" s="70">
        <v>792</v>
      </c>
      <c r="IA10" s="71">
        <v>1013</v>
      </c>
      <c r="IB10" s="72">
        <v>1805</v>
      </c>
      <c r="IC10" s="244"/>
      <c r="ID10" s="71">
        <v>891</v>
      </c>
      <c r="IE10" s="71">
        <v>950</v>
      </c>
      <c r="IF10" s="71">
        <v>659</v>
      </c>
      <c r="IG10" s="71">
        <v>558</v>
      </c>
      <c r="IH10" s="71">
        <v>414</v>
      </c>
      <c r="II10" s="72">
        <v>3472</v>
      </c>
      <c r="IJ10" s="73">
        <v>5277</v>
      </c>
      <c r="IK10" s="70">
        <v>1268</v>
      </c>
      <c r="IL10" s="71">
        <v>1677</v>
      </c>
      <c r="IM10" s="72">
        <v>2945</v>
      </c>
      <c r="IN10" s="244"/>
      <c r="IO10" s="71">
        <v>1605</v>
      </c>
      <c r="IP10" s="71">
        <v>1568</v>
      </c>
      <c r="IQ10" s="71">
        <v>1127</v>
      </c>
      <c r="IR10" s="71">
        <v>903</v>
      </c>
      <c r="IS10" s="71">
        <v>561</v>
      </c>
      <c r="IT10" s="72">
        <v>5764</v>
      </c>
      <c r="IU10" s="73">
        <v>8709</v>
      </c>
      <c r="IV10" s="70">
        <v>1160</v>
      </c>
      <c r="IW10" s="71">
        <v>1524</v>
      </c>
      <c r="IX10" s="72">
        <v>2684</v>
      </c>
      <c r="IY10" s="244"/>
      <c r="IZ10" s="71">
        <v>1684</v>
      </c>
      <c r="JA10" s="71">
        <v>1738</v>
      </c>
      <c r="JB10" s="71">
        <v>1277</v>
      </c>
      <c r="JC10" s="71">
        <v>1136</v>
      </c>
      <c r="JD10" s="71">
        <v>660</v>
      </c>
      <c r="JE10" s="72">
        <v>6495</v>
      </c>
      <c r="JF10" s="73">
        <v>9179</v>
      </c>
      <c r="JG10" s="70">
        <v>574</v>
      </c>
      <c r="JH10" s="71">
        <v>866</v>
      </c>
      <c r="JI10" s="72">
        <v>1440</v>
      </c>
      <c r="JJ10" s="244"/>
      <c r="JK10" s="71">
        <v>1176</v>
      </c>
      <c r="JL10" s="71">
        <v>1549</v>
      </c>
      <c r="JM10" s="71">
        <v>1424</v>
      </c>
      <c r="JN10" s="71">
        <v>1432</v>
      </c>
      <c r="JO10" s="71">
        <v>760</v>
      </c>
      <c r="JP10" s="72">
        <v>6341</v>
      </c>
      <c r="JQ10" s="73">
        <v>7781</v>
      </c>
      <c r="JR10" s="70">
        <v>58</v>
      </c>
      <c r="JS10" s="71">
        <v>163</v>
      </c>
      <c r="JT10" s="72">
        <v>221</v>
      </c>
      <c r="JU10" s="244"/>
      <c r="JV10" s="71">
        <v>88</v>
      </c>
      <c r="JW10" s="71">
        <v>195</v>
      </c>
      <c r="JX10" s="71">
        <v>109</v>
      </c>
      <c r="JY10" s="71">
        <v>121</v>
      </c>
      <c r="JZ10" s="71">
        <v>108</v>
      </c>
      <c r="KA10" s="72">
        <v>621</v>
      </c>
      <c r="KB10" s="73">
        <v>842</v>
      </c>
      <c r="KC10" s="70">
        <v>4382</v>
      </c>
      <c r="KD10" s="71">
        <v>6062</v>
      </c>
      <c r="KE10" s="72">
        <v>10444</v>
      </c>
      <c r="KF10" s="244"/>
      <c r="KG10" s="71">
        <v>5988</v>
      </c>
      <c r="KH10" s="71">
        <v>6786</v>
      </c>
      <c r="KI10" s="71">
        <v>5129</v>
      </c>
      <c r="KJ10" s="71">
        <v>4615</v>
      </c>
      <c r="KK10" s="71">
        <v>2856</v>
      </c>
      <c r="KL10" s="72">
        <v>25374</v>
      </c>
      <c r="KM10" s="73">
        <v>35818</v>
      </c>
    </row>
    <row r="11" spans="2:299" ht="21" customHeight="1" x14ac:dyDescent="0.2">
      <c r="B11" s="126" t="s">
        <v>7</v>
      </c>
      <c r="C11" s="315">
        <v>959</v>
      </c>
      <c r="D11" s="82">
        <v>742</v>
      </c>
      <c r="E11" s="83">
        <v>1701</v>
      </c>
      <c r="F11" s="241"/>
      <c r="G11" s="82">
        <v>2328</v>
      </c>
      <c r="H11" s="82">
        <v>1512</v>
      </c>
      <c r="I11" s="82">
        <v>970</v>
      </c>
      <c r="J11" s="82">
        <v>825</v>
      </c>
      <c r="K11" s="82">
        <v>441</v>
      </c>
      <c r="L11" s="84">
        <v>6076</v>
      </c>
      <c r="M11" s="85">
        <v>7777</v>
      </c>
      <c r="N11" s="70">
        <v>39</v>
      </c>
      <c r="O11" s="71">
        <v>24</v>
      </c>
      <c r="P11" s="72">
        <v>63</v>
      </c>
      <c r="Q11" s="244"/>
      <c r="R11" s="71">
        <v>101</v>
      </c>
      <c r="S11" s="71">
        <v>67</v>
      </c>
      <c r="T11" s="71">
        <v>44</v>
      </c>
      <c r="U11" s="71">
        <v>41</v>
      </c>
      <c r="V11" s="71">
        <v>29</v>
      </c>
      <c r="W11" s="72">
        <v>282</v>
      </c>
      <c r="X11" s="73">
        <v>345</v>
      </c>
      <c r="Y11" s="70">
        <v>87</v>
      </c>
      <c r="Z11" s="71">
        <v>82</v>
      </c>
      <c r="AA11" s="72">
        <v>169</v>
      </c>
      <c r="AB11" s="244"/>
      <c r="AC11" s="71">
        <v>234</v>
      </c>
      <c r="AD11" s="71">
        <v>168</v>
      </c>
      <c r="AE11" s="71">
        <v>106</v>
      </c>
      <c r="AF11" s="71">
        <v>80</v>
      </c>
      <c r="AG11" s="71">
        <v>70</v>
      </c>
      <c r="AH11" s="72">
        <v>658</v>
      </c>
      <c r="AI11" s="73">
        <v>827</v>
      </c>
      <c r="AJ11" s="70">
        <v>136</v>
      </c>
      <c r="AK11" s="71">
        <v>121</v>
      </c>
      <c r="AL11" s="72">
        <v>257</v>
      </c>
      <c r="AM11" s="244"/>
      <c r="AN11" s="71">
        <v>385</v>
      </c>
      <c r="AO11" s="71">
        <v>237</v>
      </c>
      <c r="AP11" s="71">
        <v>167</v>
      </c>
      <c r="AQ11" s="71">
        <v>135</v>
      </c>
      <c r="AR11" s="71">
        <v>77</v>
      </c>
      <c r="AS11" s="72">
        <v>1001</v>
      </c>
      <c r="AT11" s="73">
        <v>1258</v>
      </c>
      <c r="AU11" s="70">
        <v>241</v>
      </c>
      <c r="AV11" s="71">
        <v>161</v>
      </c>
      <c r="AW11" s="72">
        <v>402</v>
      </c>
      <c r="AX11" s="244"/>
      <c r="AY11" s="71">
        <v>568</v>
      </c>
      <c r="AZ11" s="71">
        <v>380</v>
      </c>
      <c r="BA11" s="71">
        <v>229</v>
      </c>
      <c r="BB11" s="71">
        <v>192</v>
      </c>
      <c r="BC11" s="71">
        <v>104</v>
      </c>
      <c r="BD11" s="72">
        <v>1473</v>
      </c>
      <c r="BE11" s="73">
        <v>1875</v>
      </c>
      <c r="BF11" s="70">
        <v>283</v>
      </c>
      <c r="BG11" s="71">
        <v>231</v>
      </c>
      <c r="BH11" s="72">
        <v>514</v>
      </c>
      <c r="BI11" s="244"/>
      <c r="BJ11" s="71">
        <v>615</v>
      </c>
      <c r="BK11" s="71">
        <v>367</v>
      </c>
      <c r="BL11" s="71">
        <v>253</v>
      </c>
      <c r="BM11" s="71">
        <v>201</v>
      </c>
      <c r="BN11" s="71">
        <v>95</v>
      </c>
      <c r="BO11" s="72">
        <v>1531</v>
      </c>
      <c r="BP11" s="73">
        <v>2045</v>
      </c>
      <c r="BQ11" s="70">
        <v>173</v>
      </c>
      <c r="BR11" s="71">
        <v>123</v>
      </c>
      <c r="BS11" s="72">
        <v>296</v>
      </c>
      <c r="BT11" s="244"/>
      <c r="BU11" s="71">
        <v>425</v>
      </c>
      <c r="BV11" s="71">
        <v>293</v>
      </c>
      <c r="BW11" s="71">
        <v>171</v>
      </c>
      <c r="BX11" s="71">
        <v>176</v>
      </c>
      <c r="BY11" s="71">
        <v>66</v>
      </c>
      <c r="BZ11" s="72">
        <v>1131</v>
      </c>
      <c r="CA11" s="73">
        <v>1427</v>
      </c>
      <c r="CB11" s="70">
        <v>12</v>
      </c>
      <c r="CC11" s="71">
        <v>15</v>
      </c>
      <c r="CD11" s="72">
        <v>27</v>
      </c>
      <c r="CE11" s="244"/>
      <c r="CF11" s="71">
        <v>63</v>
      </c>
      <c r="CG11" s="71">
        <v>57</v>
      </c>
      <c r="CH11" s="71">
        <v>36</v>
      </c>
      <c r="CI11" s="71">
        <v>40</v>
      </c>
      <c r="CJ11" s="71">
        <v>27</v>
      </c>
      <c r="CK11" s="72">
        <v>223</v>
      </c>
      <c r="CL11" s="73">
        <v>250</v>
      </c>
      <c r="CM11" s="70">
        <v>971</v>
      </c>
      <c r="CN11" s="71">
        <v>757</v>
      </c>
      <c r="CO11" s="72">
        <v>1728</v>
      </c>
      <c r="CP11" s="244"/>
      <c r="CQ11" s="71">
        <v>2391</v>
      </c>
      <c r="CR11" s="71">
        <v>1569</v>
      </c>
      <c r="CS11" s="71">
        <v>1006</v>
      </c>
      <c r="CT11" s="71">
        <v>865</v>
      </c>
      <c r="CU11" s="71">
        <v>468</v>
      </c>
      <c r="CV11" s="72">
        <v>6299</v>
      </c>
      <c r="CW11" s="73">
        <v>8027</v>
      </c>
      <c r="CX11" s="123">
        <v>1876</v>
      </c>
      <c r="CY11" s="82">
        <v>1957</v>
      </c>
      <c r="CZ11" s="83">
        <v>3833</v>
      </c>
      <c r="DA11" s="241"/>
      <c r="DB11" s="82">
        <v>4367</v>
      </c>
      <c r="DC11" s="82">
        <v>2610</v>
      </c>
      <c r="DD11" s="82">
        <v>2009</v>
      </c>
      <c r="DE11" s="82">
        <v>2038</v>
      </c>
      <c r="DF11" s="82">
        <v>1169</v>
      </c>
      <c r="DG11" s="84">
        <v>12193</v>
      </c>
      <c r="DH11" s="85">
        <v>16026</v>
      </c>
      <c r="DI11" s="70">
        <v>36</v>
      </c>
      <c r="DJ11" s="71">
        <v>40</v>
      </c>
      <c r="DK11" s="72">
        <v>76</v>
      </c>
      <c r="DL11" s="244"/>
      <c r="DM11" s="71">
        <v>78</v>
      </c>
      <c r="DN11" s="71">
        <v>43</v>
      </c>
      <c r="DO11" s="71">
        <v>38</v>
      </c>
      <c r="DP11" s="71">
        <v>37</v>
      </c>
      <c r="DQ11" s="71">
        <v>40</v>
      </c>
      <c r="DR11" s="72">
        <v>236</v>
      </c>
      <c r="DS11" s="73">
        <v>312</v>
      </c>
      <c r="DT11" s="70">
        <v>123</v>
      </c>
      <c r="DU11" s="71">
        <v>111</v>
      </c>
      <c r="DV11" s="72">
        <v>234</v>
      </c>
      <c r="DW11" s="244"/>
      <c r="DX11" s="71">
        <v>255</v>
      </c>
      <c r="DY11" s="71">
        <v>172</v>
      </c>
      <c r="DZ11" s="71">
        <v>91</v>
      </c>
      <c r="EA11" s="71">
        <v>97</v>
      </c>
      <c r="EB11" s="71">
        <v>45</v>
      </c>
      <c r="EC11" s="72">
        <v>660</v>
      </c>
      <c r="ED11" s="73">
        <v>894</v>
      </c>
      <c r="EE11" s="70">
        <v>280</v>
      </c>
      <c r="EF11" s="71">
        <v>260</v>
      </c>
      <c r="EG11" s="72">
        <v>540</v>
      </c>
      <c r="EH11" s="244"/>
      <c r="EI11" s="71">
        <v>540</v>
      </c>
      <c r="EJ11" s="71">
        <v>292</v>
      </c>
      <c r="EK11" s="71">
        <v>198</v>
      </c>
      <c r="EL11" s="71">
        <v>200</v>
      </c>
      <c r="EM11" s="71">
        <v>137</v>
      </c>
      <c r="EN11" s="72">
        <v>1367</v>
      </c>
      <c r="EO11" s="73">
        <v>1907</v>
      </c>
      <c r="EP11" s="70">
        <v>560</v>
      </c>
      <c r="EQ11" s="71">
        <v>538</v>
      </c>
      <c r="ER11" s="72">
        <v>1098</v>
      </c>
      <c r="ES11" s="244"/>
      <c r="ET11" s="71">
        <v>1030</v>
      </c>
      <c r="EU11" s="71">
        <v>513</v>
      </c>
      <c r="EV11" s="71">
        <v>349</v>
      </c>
      <c r="EW11" s="71">
        <v>345</v>
      </c>
      <c r="EX11" s="71">
        <v>208</v>
      </c>
      <c r="EY11" s="72">
        <v>2445</v>
      </c>
      <c r="EZ11" s="73">
        <v>3543</v>
      </c>
      <c r="FA11" s="70">
        <v>567</v>
      </c>
      <c r="FB11" s="71">
        <v>600</v>
      </c>
      <c r="FC11" s="72">
        <v>1167</v>
      </c>
      <c r="FD11" s="244"/>
      <c r="FE11" s="71">
        <v>1305</v>
      </c>
      <c r="FF11" s="71">
        <v>720</v>
      </c>
      <c r="FG11" s="71">
        <v>532</v>
      </c>
      <c r="FH11" s="71">
        <v>528</v>
      </c>
      <c r="FI11" s="71">
        <v>299</v>
      </c>
      <c r="FJ11" s="72">
        <v>3384</v>
      </c>
      <c r="FK11" s="73">
        <v>4551</v>
      </c>
      <c r="FL11" s="70">
        <v>310</v>
      </c>
      <c r="FM11" s="71">
        <v>408</v>
      </c>
      <c r="FN11" s="72">
        <v>718</v>
      </c>
      <c r="FO11" s="244"/>
      <c r="FP11" s="71">
        <v>1159</v>
      </c>
      <c r="FQ11" s="71">
        <v>870</v>
      </c>
      <c r="FR11" s="71">
        <v>801</v>
      </c>
      <c r="FS11" s="71">
        <v>831</v>
      </c>
      <c r="FT11" s="71">
        <v>440</v>
      </c>
      <c r="FU11" s="72">
        <v>4101</v>
      </c>
      <c r="FV11" s="73">
        <v>4819</v>
      </c>
      <c r="FW11" s="70">
        <v>11</v>
      </c>
      <c r="FX11" s="71">
        <v>14</v>
      </c>
      <c r="FY11" s="72">
        <v>25</v>
      </c>
      <c r="FZ11" s="244"/>
      <c r="GA11" s="71">
        <v>71</v>
      </c>
      <c r="GB11" s="71">
        <v>58</v>
      </c>
      <c r="GC11" s="71">
        <v>29</v>
      </c>
      <c r="GD11" s="71">
        <v>24</v>
      </c>
      <c r="GE11" s="71">
        <v>29</v>
      </c>
      <c r="GF11" s="72">
        <v>211</v>
      </c>
      <c r="GG11" s="73">
        <v>236</v>
      </c>
      <c r="GH11" s="70">
        <v>1887</v>
      </c>
      <c r="GI11" s="71">
        <v>1971</v>
      </c>
      <c r="GJ11" s="72">
        <v>3858</v>
      </c>
      <c r="GK11" s="244"/>
      <c r="GL11" s="71">
        <v>4438</v>
      </c>
      <c r="GM11" s="71">
        <v>2668</v>
      </c>
      <c r="GN11" s="71">
        <v>2038</v>
      </c>
      <c r="GO11" s="71">
        <v>2062</v>
      </c>
      <c r="GP11" s="71">
        <v>1198</v>
      </c>
      <c r="GQ11" s="72">
        <v>12404</v>
      </c>
      <c r="GR11" s="73">
        <v>16262</v>
      </c>
      <c r="GS11" s="123">
        <v>2835</v>
      </c>
      <c r="GT11" s="82">
        <v>2699</v>
      </c>
      <c r="GU11" s="83">
        <v>5534</v>
      </c>
      <c r="GV11" s="241"/>
      <c r="GW11" s="82">
        <v>6695</v>
      </c>
      <c r="GX11" s="82">
        <v>4122</v>
      </c>
      <c r="GY11" s="82">
        <v>2979</v>
      </c>
      <c r="GZ11" s="82">
        <v>2863</v>
      </c>
      <c r="HA11" s="82">
        <v>1610</v>
      </c>
      <c r="HB11" s="84">
        <v>18269</v>
      </c>
      <c r="HC11" s="85">
        <v>23803</v>
      </c>
      <c r="HD11" s="70">
        <v>75</v>
      </c>
      <c r="HE11" s="71">
        <v>64</v>
      </c>
      <c r="HF11" s="72">
        <v>139</v>
      </c>
      <c r="HG11" s="244"/>
      <c r="HH11" s="71">
        <v>179</v>
      </c>
      <c r="HI11" s="71">
        <v>110</v>
      </c>
      <c r="HJ11" s="71">
        <v>82</v>
      </c>
      <c r="HK11" s="71">
        <v>78</v>
      </c>
      <c r="HL11" s="71">
        <v>69</v>
      </c>
      <c r="HM11" s="72">
        <v>518</v>
      </c>
      <c r="HN11" s="73">
        <v>657</v>
      </c>
      <c r="HO11" s="70">
        <v>210</v>
      </c>
      <c r="HP11" s="71">
        <v>193</v>
      </c>
      <c r="HQ11" s="72">
        <v>403</v>
      </c>
      <c r="HR11" s="244"/>
      <c r="HS11" s="71">
        <v>489</v>
      </c>
      <c r="HT11" s="71">
        <v>340</v>
      </c>
      <c r="HU11" s="71">
        <v>197</v>
      </c>
      <c r="HV11" s="71">
        <v>177</v>
      </c>
      <c r="HW11" s="71">
        <v>115</v>
      </c>
      <c r="HX11" s="72">
        <v>1318</v>
      </c>
      <c r="HY11" s="73">
        <v>1721</v>
      </c>
      <c r="HZ11" s="70">
        <v>416</v>
      </c>
      <c r="IA11" s="71">
        <v>381</v>
      </c>
      <c r="IB11" s="72">
        <v>797</v>
      </c>
      <c r="IC11" s="244"/>
      <c r="ID11" s="71">
        <v>925</v>
      </c>
      <c r="IE11" s="71">
        <v>529</v>
      </c>
      <c r="IF11" s="71">
        <v>365</v>
      </c>
      <c r="IG11" s="71">
        <v>335</v>
      </c>
      <c r="IH11" s="71">
        <v>214</v>
      </c>
      <c r="II11" s="72">
        <v>2368</v>
      </c>
      <c r="IJ11" s="73">
        <v>3165</v>
      </c>
      <c r="IK11" s="70">
        <v>801</v>
      </c>
      <c r="IL11" s="71">
        <v>699</v>
      </c>
      <c r="IM11" s="72">
        <v>1500</v>
      </c>
      <c r="IN11" s="244"/>
      <c r="IO11" s="71">
        <v>1598</v>
      </c>
      <c r="IP11" s="71">
        <v>893</v>
      </c>
      <c r="IQ11" s="71">
        <v>578</v>
      </c>
      <c r="IR11" s="71">
        <v>537</v>
      </c>
      <c r="IS11" s="71">
        <v>312</v>
      </c>
      <c r="IT11" s="72">
        <v>3918</v>
      </c>
      <c r="IU11" s="73">
        <v>5418</v>
      </c>
      <c r="IV11" s="70">
        <v>850</v>
      </c>
      <c r="IW11" s="71">
        <v>831</v>
      </c>
      <c r="IX11" s="72">
        <v>1681</v>
      </c>
      <c r="IY11" s="244"/>
      <c r="IZ11" s="71">
        <v>1920</v>
      </c>
      <c r="JA11" s="71">
        <v>1087</v>
      </c>
      <c r="JB11" s="71">
        <v>785</v>
      </c>
      <c r="JC11" s="71">
        <v>729</v>
      </c>
      <c r="JD11" s="71">
        <v>394</v>
      </c>
      <c r="JE11" s="72">
        <v>4915</v>
      </c>
      <c r="JF11" s="73">
        <v>6596</v>
      </c>
      <c r="JG11" s="70">
        <v>483</v>
      </c>
      <c r="JH11" s="71">
        <v>531</v>
      </c>
      <c r="JI11" s="72">
        <v>1014</v>
      </c>
      <c r="JJ11" s="244"/>
      <c r="JK11" s="71">
        <v>1584</v>
      </c>
      <c r="JL11" s="71">
        <v>1163</v>
      </c>
      <c r="JM11" s="71">
        <v>972</v>
      </c>
      <c r="JN11" s="71">
        <v>1007</v>
      </c>
      <c r="JO11" s="71">
        <v>506</v>
      </c>
      <c r="JP11" s="72">
        <v>5232</v>
      </c>
      <c r="JQ11" s="73">
        <v>6246</v>
      </c>
      <c r="JR11" s="70">
        <v>23</v>
      </c>
      <c r="JS11" s="71">
        <v>29</v>
      </c>
      <c r="JT11" s="72">
        <v>52</v>
      </c>
      <c r="JU11" s="244"/>
      <c r="JV11" s="71">
        <v>134</v>
      </c>
      <c r="JW11" s="71">
        <v>115</v>
      </c>
      <c r="JX11" s="71">
        <v>65</v>
      </c>
      <c r="JY11" s="71">
        <v>64</v>
      </c>
      <c r="JZ11" s="71">
        <v>56</v>
      </c>
      <c r="KA11" s="72">
        <v>434</v>
      </c>
      <c r="KB11" s="73">
        <v>486</v>
      </c>
      <c r="KC11" s="70">
        <v>2858</v>
      </c>
      <c r="KD11" s="71">
        <v>2728</v>
      </c>
      <c r="KE11" s="72">
        <v>5586</v>
      </c>
      <c r="KF11" s="244"/>
      <c r="KG11" s="71">
        <v>6829</v>
      </c>
      <c r="KH11" s="71">
        <v>4237</v>
      </c>
      <c r="KI11" s="71">
        <v>3044</v>
      </c>
      <c r="KJ11" s="71">
        <v>2927</v>
      </c>
      <c r="KK11" s="71">
        <v>1666</v>
      </c>
      <c r="KL11" s="72">
        <v>18703</v>
      </c>
      <c r="KM11" s="73">
        <v>24289</v>
      </c>
    </row>
    <row r="12" spans="2:299" ht="21" customHeight="1" x14ac:dyDescent="0.2">
      <c r="B12" s="126" t="s">
        <v>8</v>
      </c>
      <c r="C12" s="315">
        <v>560</v>
      </c>
      <c r="D12" s="82">
        <v>353</v>
      </c>
      <c r="E12" s="83">
        <v>913</v>
      </c>
      <c r="F12" s="241"/>
      <c r="G12" s="82">
        <v>988</v>
      </c>
      <c r="H12" s="82">
        <v>876</v>
      </c>
      <c r="I12" s="82">
        <v>625</v>
      </c>
      <c r="J12" s="82">
        <v>504</v>
      </c>
      <c r="K12" s="82">
        <v>273</v>
      </c>
      <c r="L12" s="84">
        <v>3266</v>
      </c>
      <c r="M12" s="85">
        <v>4179</v>
      </c>
      <c r="N12" s="70">
        <v>25</v>
      </c>
      <c r="O12" s="71">
        <v>24</v>
      </c>
      <c r="P12" s="72">
        <v>49</v>
      </c>
      <c r="Q12" s="244"/>
      <c r="R12" s="71">
        <v>44</v>
      </c>
      <c r="S12" s="71">
        <v>45</v>
      </c>
      <c r="T12" s="71">
        <v>25</v>
      </c>
      <c r="U12" s="71">
        <v>22</v>
      </c>
      <c r="V12" s="71">
        <v>19</v>
      </c>
      <c r="W12" s="72">
        <v>155</v>
      </c>
      <c r="X12" s="73">
        <v>204</v>
      </c>
      <c r="Y12" s="70">
        <v>53</v>
      </c>
      <c r="Z12" s="71">
        <v>44</v>
      </c>
      <c r="AA12" s="72">
        <v>97</v>
      </c>
      <c r="AB12" s="244"/>
      <c r="AC12" s="71">
        <v>102</v>
      </c>
      <c r="AD12" s="71">
        <v>120</v>
      </c>
      <c r="AE12" s="71">
        <v>74</v>
      </c>
      <c r="AF12" s="71">
        <v>68</v>
      </c>
      <c r="AG12" s="71">
        <v>39</v>
      </c>
      <c r="AH12" s="72">
        <v>403</v>
      </c>
      <c r="AI12" s="73">
        <v>500</v>
      </c>
      <c r="AJ12" s="70">
        <v>103</v>
      </c>
      <c r="AK12" s="71">
        <v>60</v>
      </c>
      <c r="AL12" s="72">
        <v>163</v>
      </c>
      <c r="AM12" s="244"/>
      <c r="AN12" s="71">
        <v>161</v>
      </c>
      <c r="AO12" s="71">
        <v>134</v>
      </c>
      <c r="AP12" s="71">
        <v>109</v>
      </c>
      <c r="AQ12" s="71">
        <v>86</v>
      </c>
      <c r="AR12" s="71">
        <v>54</v>
      </c>
      <c r="AS12" s="72">
        <v>544</v>
      </c>
      <c r="AT12" s="73">
        <v>707</v>
      </c>
      <c r="AU12" s="70">
        <v>143</v>
      </c>
      <c r="AV12" s="71">
        <v>77</v>
      </c>
      <c r="AW12" s="72">
        <v>220</v>
      </c>
      <c r="AX12" s="244"/>
      <c r="AY12" s="71">
        <v>249</v>
      </c>
      <c r="AZ12" s="71">
        <v>222</v>
      </c>
      <c r="BA12" s="71">
        <v>135</v>
      </c>
      <c r="BB12" s="71">
        <v>123</v>
      </c>
      <c r="BC12" s="71">
        <v>58</v>
      </c>
      <c r="BD12" s="72">
        <v>787</v>
      </c>
      <c r="BE12" s="73">
        <v>1007</v>
      </c>
      <c r="BF12" s="70">
        <v>152</v>
      </c>
      <c r="BG12" s="71">
        <v>80</v>
      </c>
      <c r="BH12" s="72">
        <v>232</v>
      </c>
      <c r="BI12" s="244"/>
      <c r="BJ12" s="71">
        <v>260</v>
      </c>
      <c r="BK12" s="71">
        <v>215</v>
      </c>
      <c r="BL12" s="71">
        <v>147</v>
      </c>
      <c r="BM12" s="71">
        <v>108</v>
      </c>
      <c r="BN12" s="71">
        <v>57</v>
      </c>
      <c r="BO12" s="72">
        <v>787</v>
      </c>
      <c r="BP12" s="73">
        <v>1019</v>
      </c>
      <c r="BQ12" s="70">
        <v>84</v>
      </c>
      <c r="BR12" s="71">
        <v>68</v>
      </c>
      <c r="BS12" s="72">
        <v>152</v>
      </c>
      <c r="BT12" s="244"/>
      <c r="BU12" s="71">
        <v>172</v>
      </c>
      <c r="BV12" s="71">
        <v>140</v>
      </c>
      <c r="BW12" s="71">
        <v>135</v>
      </c>
      <c r="BX12" s="71">
        <v>97</v>
      </c>
      <c r="BY12" s="71">
        <v>46</v>
      </c>
      <c r="BZ12" s="72">
        <v>590</v>
      </c>
      <c r="CA12" s="73">
        <v>742</v>
      </c>
      <c r="CB12" s="70">
        <v>16</v>
      </c>
      <c r="CC12" s="71">
        <v>14</v>
      </c>
      <c r="CD12" s="72">
        <v>30</v>
      </c>
      <c r="CE12" s="244"/>
      <c r="CF12" s="71">
        <v>29</v>
      </c>
      <c r="CG12" s="71">
        <v>48</v>
      </c>
      <c r="CH12" s="71">
        <v>24</v>
      </c>
      <c r="CI12" s="71">
        <v>23</v>
      </c>
      <c r="CJ12" s="71">
        <v>12</v>
      </c>
      <c r="CK12" s="72">
        <v>136</v>
      </c>
      <c r="CL12" s="73">
        <v>166</v>
      </c>
      <c r="CM12" s="70">
        <v>576</v>
      </c>
      <c r="CN12" s="71">
        <v>367</v>
      </c>
      <c r="CO12" s="72">
        <v>943</v>
      </c>
      <c r="CP12" s="244"/>
      <c r="CQ12" s="71">
        <v>1017</v>
      </c>
      <c r="CR12" s="71">
        <v>924</v>
      </c>
      <c r="CS12" s="71">
        <v>649</v>
      </c>
      <c r="CT12" s="71">
        <v>527</v>
      </c>
      <c r="CU12" s="71">
        <v>285</v>
      </c>
      <c r="CV12" s="72">
        <v>3402</v>
      </c>
      <c r="CW12" s="73">
        <v>4345</v>
      </c>
      <c r="CX12" s="123">
        <v>1031</v>
      </c>
      <c r="CY12" s="82">
        <v>917</v>
      </c>
      <c r="CZ12" s="83">
        <v>1948</v>
      </c>
      <c r="DA12" s="241"/>
      <c r="DB12" s="82">
        <v>1695</v>
      </c>
      <c r="DC12" s="82">
        <v>1585</v>
      </c>
      <c r="DD12" s="82">
        <v>1290</v>
      </c>
      <c r="DE12" s="82">
        <v>1062</v>
      </c>
      <c r="DF12" s="82">
        <v>634</v>
      </c>
      <c r="DG12" s="84">
        <v>6266</v>
      </c>
      <c r="DH12" s="85">
        <v>8214</v>
      </c>
      <c r="DI12" s="70">
        <v>28</v>
      </c>
      <c r="DJ12" s="71">
        <v>19</v>
      </c>
      <c r="DK12" s="72">
        <v>47</v>
      </c>
      <c r="DL12" s="244"/>
      <c r="DM12" s="71">
        <v>42</v>
      </c>
      <c r="DN12" s="71">
        <v>34</v>
      </c>
      <c r="DO12" s="71">
        <v>17</v>
      </c>
      <c r="DP12" s="71">
        <v>24</v>
      </c>
      <c r="DQ12" s="71">
        <v>13</v>
      </c>
      <c r="DR12" s="72">
        <v>130</v>
      </c>
      <c r="DS12" s="73">
        <v>177</v>
      </c>
      <c r="DT12" s="70">
        <v>74</v>
      </c>
      <c r="DU12" s="71">
        <v>65</v>
      </c>
      <c r="DV12" s="72">
        <v>139</v>
      </c>
      <c r="DW12" s="244"/>
      <c r="DX12" s="71">
        <v>95</v>
      </c>
      <c r="DY12" s="71">
        <v>84</v>
      </c>
      <c r="DZ12" s="71">
        <v>59</v>
      </c>
      <c r="EA12" s="71">
        <v>53</v>
      </c>
      <c r="EB12" s="71">
        <v>39</v>
      </c>
      <c r="EC12" s="72">
        <v>330</v>
      </c>
      <c r="ED12" s="73">
        <v>469</v>
      </c>
      <c r="EE12" s="70">
        <v>157</v>
      </c>
      <c r="EF12" s="71">
        <v>138</v>
      </c>
      <c r="EG12" s="72">
        <v>295</v>
      </c>
      <c r="EH12" s="244"/>
      <c r="EI12" s="71">
        <v>219</v>
      </c>
      <c r="EJ12" s="71">
        <v>158</v>
      </c>
      <c r="EK12" s="71">
        <v>130</v>
      </c>
      <c r="EL12" s="71">
        <v>106</v>
      </c>
      <c r="EM12" s="71">
        <v>63</v>
      </c>
      <c r="EN12" s="72">
        <v>676</v>
      </c>
      <c r="EO12" s="73">
        <v>971</v>
      </c>
      <c r="EP12" s="70">
        <v>333</v>
      </c>
      <c r="EQ12" s="71">
        <v>265</v>
      </c>
      <c r="ER12" s="72">
        <v>598</v>
      </c>
      <c r="ES12" s="244"/>
      <c r="ET12" s="71">
        <v>416</v>
      </c>
      <c r="EU12" s="71">
        <v>330</v>
      </c>
      <c r="EV12" s="71">
        <v>231</v>
      </c>
      <c r="EW12" s="71">
        <v>171</v>
      </c>
      <c r="EX12" s="71">
        <v>117</v>
      </c>
      <c r="EY12" s="72">
        <v>1265</v>
      </c>
      <c r="EZ12" s="73">
        <v>1863</v>
      </c>
      <c r="FA12" s="70">
        <v>284</v>
      </c>
      <c r="FB12" s="71">
        <v>263</v>
      </c>
      <c r="FC12" s="72">
        <v>547</v>
      </c>
      <c r="FD12" s="244"/>
      <c r="FE12" s="71">
        <v>501</v>
      </c>
      <c r="FF12" s="71">
        <v>449</v>
      </c>
      <c r="FG12" s="71">
        <v>363</v>
      </c>
      <c r="FH12" s="71">
        <v>263</v>
      </c>
      <c r="FI12" s="71">
        <v>158</v>
      </c>
      <c r="FJ12" s="72">
        <v>1734</v>
      </c>
      <c r="FK12" s="73">
        <v>2281</v>
      </c>
      <c r="FL12" s="70">
        <v>155</v>
      </c>
      <c r="FM12" s="71">
        <v>167</v>
      </c>
      <c r="FN12" s="72">
        <v>322</v>
      </c>
      <c r="FO12" s="244"/>
      <c r="FP12" s="71">
        <v>422</v>
      </c>
      <c r="FQ12" s="71">
        <v>530</v>
      </c>
      <c r="FR12" s="71">
        <v>490</v>
      </c>
      <c r="FS12" s="71">
        <v>445</v>
      </c>
      <c r="FT12" s="71">
        <v>244</v>
      </c>
      <c r="FU12" s="72">
        <v>2131</v>
      </c>
      <c r="FV12" s="73">
        <v>2453</v>
      </c>
      <c r="FW12" s="70">
        <v>7</v>
      </c>
      <c r="FX12" s="71">
        <v>20</v>
      </c>
      <c r="FY12" s="72">
        <v>27</v>
      </c>
      <c r="FZ12" s="244"/>
      <c r="GA12" s="71">
        <v>18</v>
      </c>
      <c r="GB12" s="71">
        <v>35</v>
      </c>
      <c r="GC12" s="71">
        <v>14</v>
      </c>
      <c r="GD12" s="71">
        <v>18</v>
      </c>
      <c r="GE12" s="71">
        <v>17</v>
      </c>
      <c r="GF12" s="72">
        <v>102</v>
      </c>
      <c r="GG12" s="73">
        <v>129</v>
      </c>
      <c r="GH12" s="70">
        <v>1038</v>
      </c>
      <c r="GI12" s="71">
        <v>937</v>
      </c>
      <c r="GJ12" s="72">
        <v>1975</v>
      </c>
      <c r="GK12" s="244"/>
      <c r="GL12" s="71">
        <v>1713</v>
      </c>
      <c r="GM12" s="71">
        <v>1620</v>
      </c>
      <c r="GN12" s="71">
        <v>1304</v>
      </c>
      <c r="GO12" s="71">
        <v>1080</v>
      </c>
      <c r="GP12" s="71">
        <v>651</v>
      </c>
      <c r="GQ12" s="72">
        <v>6368</v>
      </c>
      <c r="GR12" s="73">
        <v>8343</v>
      </c>
      <c r="GS12" s="123">
        <v>1591</v>
      </c>
      <c r="GT12" s="82">
        <v>1270</v>
      </c>
      <c r="GU12" s="83">
        <v>2861</v>
      </c>
      <c r="GV12" s="241"/>
      <c r="GW12" s="82">
        <v>2683</v>
      </c>
      <c r="GX12" s="82">
        <v>2461</v>
      </c>
      <c r="GY12" s="82">
        <v>1915</v>
      </c>
      <c r="GZ12" s="82">
        <v>1566</v>
      </c>
      <c r="HA12" s="82">
        <v>907</v>
      </c>
      <c r="HB12" s="84">
        <v>9532</v>
      </c>
      <c r="HC12" s="85">
        <v>12393</v>
      </c>
      <c r="HD12" s="70">
        <v>53</v>
      </c>
      <c r="HE12" s="71">
        <v>43</v>
      </c>
      <c r="HF12" s="72">
        <v>96</v>
      </c>
      <c r="HG12" s="244"/>
      <c r="HH12" s="71">
        <v>86</v>
      </c>
      <c r="HI12" s="71">
        <v>79</v>
      </c>
      <c r="HJ12" s="71">
        <v>42</v>
      </c>
      <c r="HK12" s="71">
        <v>46</v>
      </c>
      <c r="HL12" s="71">
        <v>32</v>
      </c>
      <c r="HM12" s="72">
        <v>285</v>
      </c>
      <c r="HN12" s="73">
        <v>381</v>
      </c>
      <c r="HO12" s="70">
        <v>127</v>
      </c>
      <c r="HP12" s="71">
        <v>109</v>
      </c>
      <c r="HQ12" s="72">
        <v>236</v>
      </c>
      <c r="HR12" s="244"/>
      <c r="HS12" s="71">
        <v>197</v>
      </c>
      <c r="HT12" s="71">
        <v>204</v>
      </c>
      <c r="HU12" s="71">
        <v>133</v>
      </c>
      <c r="HV12" s="71">
        <v>121</v>
      </c>
      <c r="HW12" s="71">
        <v>78</v>
      </c>
      <c r="HX12" s="72">
        <v>733</v>
      </c>
      <c r="HY12" s="73">
        <v>969</v>
      </c>
      <c r="HZ12" s="70">
        <v>260</v>
      </c>
      <c r="IA12" s="71">
        <v>198</v>
      </c>
      <c r="IB12" s="72">
        <v>458</v>
      </c>
      <c r="IC12" s="244"/>
      <c r="ID12" s="71">
        <v>380</v>
      </c>
      <c r="IE12" s="71">
        <v>292</v>
      </c>
      <c r="IF12" s="71">
        <v>239</v>
      </c>
      <c r="IG12" s="71">
        <v>192</v>
      </c>
      <c r="IH12" s="71">
        <v>117</v>
      </c>
      <c r="II12" s="72">
        <v>1220</v>
      </c>
      <c r="IJ12" s="73">
        <v>1678</v>
      </c>
      <c r="IK12" s="70">
        <v>476</v>
      </c>
      <c r="IL12" s="71">
        <v>342</v>
      </c>
      <c r="IM12" s="72">
        <v>818</v>
      </c>
      <c r="IN12" s="244"/>
      <c r="IO12" s="71">
        <v>665</v>
      </c>
      <c r="IP12" s="71">
        <v>552</v>
      </c>
      <c r="IQ12" s="71">
        <v>366</v>
      </c>
      <c r="IR12" s="71">
        <v>294</v>
      </c>
      <c r="IS12" s="71">
        <v>175</v>
      </c>
      <c r="IT12" s="72">
        <v>2052</v>
      </c>
      <c r="IU12" s="73">
        <v>2870</v>
      </c>
      <c r="IV12" s="70">
        <v>436</v>
      </c>
      <c r="IW12" s="71">
        <v>343</v>
      </c>
      <c r="IX12" s="72">
        <v>779</v>
      </c>
      <c r="IY12" s="244"/>
      <c r="IZ12" s="71">
        <v>761</v>
      </c>
      <c r="JA12" s="71">
        <v>664</v>
      </c>
      <c r="JB12" s="71">
        <v>510</v>
      </c>
      <c r="JC12" s="71">
        <v>371</v>
      </c>
      <c r="JD12" s="71">
        <v>215</v>
      </c>
      <c r="JE12" s="72">
        <v>2521</v>
      </c>
      <c r="JF12" s="73">
        <v>3300</v>
      </c>
      <c r="JG12" s="70">
        <v>239</v>
      </c>
      <c r="JH12" s="71">
        <v>235</v>
      </c>
      <c r="JI12" s="72">
        <v>474</v>
      </c>
      <c r="JJ12" s="244"/>
      <c r="JK12" s="71">
        <v>594</v>
      </c>
      <c r="JL12" s="71">
        <v>670</v>
      </c>
      <c r="JM12" s="71">
        <v>625</v>
      </c>
      <c r="JN12" s="71">
        <v>542</v>
      </c>
      <c r="JO12" s="71">
        <v>290</v>
      </c>
      <c r="JP12" s="72">
        <v>2721</v>
      </c>
      <c r="JQ12" s="73">
        <v>3195</v>
      </c>
      <c r="JR12" s="70">
        <v>23</v>
      </c>
      <c r="JS12" s="71">
        <v>34</v>
      </c>
      <c r="JT12" s="72">
        <v>57</v>
      </c>
      <c r="JU12" s="244"/>
      <c r="JV12" s="71">
        <v>47</v>
      </c>
      <c r="JW12" s="71">
        <v>83</v>
      </c>
      <c r="JX12" s="71">
        <v>38</v>
      </c>
      <c r="JY12" s="71">
        <v>41</v>
      </c>
      <c r="JZ12" s="71">
        <v>29</v>
      </c>
      <c r="KA12" s="72">
        <v>238</v>
      </c>
      <c r="KB12" s="73">
        <v>295</v>
      </c>
      <c r="KC12" s="70">
        <v>1614</v>
      </c>
      <c r="KD12" s="71">
        <v>1304</v>
      </c>
      <c r="KE12" s="72">
        <v>2918</v>
      </c>
      <c r="KF12" s="244"/>
      <c r="KG12" s="71">
        <v>2730</v>
      </c>
      <c r="KH12" s="71">
        <v>2544</v>
      </c>
      <c r="KI12" s="71">
        <v>1953</v>
      </c>
      <c r="KJ12" s="71">
        <v>1607</v>
      </c>
      <c r="KK12" s="71">
        <v>936</v>
      </c>
      <c r="KL12" s="72">
        <v>9770</v>
      </c>
      <c r="KM12" s="73">
        <v>12688</v>
      </c>
    </row>
    <row r="13" spans="2:299" ht="21" customHeight="1" x14ac:dyDescent="0.2">
      <c r="B13" s="126" t="s">
        <v>9</v>
      </c>
      <c r="C13" s="315">
        <v>677</v>
      </c>
      <c r="D13" s="82">
        <v>400</v>
      </c>
      <c r="E13" s="83">
        <v>1077</v>
      </c>
      <c r="F13" s="241"/>
      <c r="G13" s="82">
        <v>801</v>
      </c>
      <c r="H13" s="82">
        <v>585</v>
      </c>
      <c r="I13" s="82">
        <v>419</v>
      </c>
      <c r="J13" s="82">
        <v>381</v>
      </c>
      <c r="K13" s="82">
        <v>226</v>
      </c>
      <c r="L13" s="84">
        <v>2412</v>
      </c>
      <c r="M13" s="85">
        <v>3489</v>
      </c>
      <c r="N13" s="70">
        <v>22</v>
      </c>
      <c r="O13" s="71">
        <v>12</v>
      </c>
      <c r="P13" s="72">
        <v>34</v>
      </c>
      <c r="Q13" s="244"/>
      <c r="R13" s="71">
        <v>19</v>
      </c>
      <c r="S13" s="71">
        <v>27</v>
      </c>
      <c r="T13" s="71">
        <v>15</v>
      </c>
      <c r="U13" s="71">
        <v>14</v>
      </c>
      <c r="V13" s="71">
        <v>11</v>
      </c>
      <c r="W13" s="72">
        <v>86</v>
      </c>
      <c r="X13" s="73">
        <v>120</v>
      </c>
      <c r="Y13" s="70">
        <v>38</v>
      </c>
      <c r="Z13" s="71">
        <v>28</v>
      </c>
      <c r="AA13" s="72">
        <v>66</v>
      </c>
      <c r="AB13" s="244"/>
      <c r="AC13" s="71">
        <v>48</v>
      </c>
      <c r="AD13" s="71">
        <v>46</v>
      </c>
      <c r="AE13" s="71">
        <v>26</v>
      </c>
      <c r="AF13" s="71">
        <v>26</v>
      </c>
      <c r="AG13" s="71">
        <v>26</v>
      </c>
      <c r="AH13" s="72">
        <v>172</v>
      </c>
      <c r="AI13" s="73">
        <v>238</v>
      </c>
      <c r="AJ13" s="70">
        <v>81</v>
      </c>
      <c r="AK13" s="71">
        <v>49</v>
      </c>
      <c r="AL13" s="72">
        <v>130</v>
      </c>
      <c r="AM13" s="244"/>
      <c r="AN13" s="71">
        <v>101</v>
      </c>
      <c r="AO13" s="71">
        <v>78</v>
      </c>
      <c r="AP13" s="71">
        <v>68</v>
      </c>
      <c r="AQ13" s="71">
        <v>60</v>
      </c>
      <c r="AR13" s="71">
        <v>37</v>
      </c>
      <c r="AS13" s="72">
        <v>344</v>
      </c>
      <c r="AT13" s="73">
        <v>474</v>
      </c>
      <c r="AU13" s="70">
        <v>168</v>
      </c>
      <c r="AV13" s="71">
        <v>76</v>
      </c>
      <c r="AW13" s="72">
        <v>244</v>
      </c>
      <c r="AX13" s="244"/>
      <c r="AY13" s="71">
        <v>186</v>
      </c>
      <c r="AZ13" s="71">
        <v>115</v>
      </c>
      <c r="BA13" s="71">
        <v>75</v>
      </c>
      <c r="BB13" s="71">
        <v>59</v>
      </c>
      <c r="BC13" s="71">
        <v>50</v>
      </c>
      <c r="BD13" s="72">
        <v>485</v>
      </c>
      <c r="BE13" s="73">
        <v>729</v>
      </c>
      <c r="BF13" s="70">
        <v>218</v>
      </c>
      <c r="BG13" s="71">
        <v>137</v>
      </c>
      <c r="BH13" s="72">
        <v>355</v>
      </c>
      <c r="BI13" s="244"/>
      <c r="BJ13" s="71">
        <v>235</v>
      </c>
      <c r="BK13" s="71">
        <v>164</v>
      </c>
      <c r="BL13" s="71">
        <v>116</v>
      </c>
      <c r="BM13" s="71">
        <v>115</v>
      </c>
      <c r="BN13" s="71">
        <v>46</v>
      </c>
      <c r="BO13" s="72">
        <v>676</v>
      </c>
      <c r="BP13" s="73">
        <v>1031</v>
      </c>
      <c r="BQ13" s="70">
        <v>150</v>
      </c>
      <c r="BR13" s="71">
        <v>98</v>
      </c>
      <c r="BS13" s="72">
        <v>248</v>
      </c>
      <c r="BT13" s="244"/>
      <c r="BU13" s="71">
        <v>212</v>
      </c>
      <c r="BV13" s="71">
        <v>155</v>
      </c>
      <c r="BW13" s="71">
        <v>119</v>
      </c>
      <c r="BX13" s="71">
        <v>107</v>
      </c>
      <c r="BY13" s="71">
        <v>56</v>
      </c>
      <c r="BZ13" s="72">
        <v>649</v>
      </c>
      <c r="CA13" s="73">
        <v>897</v>
      </c>
      <c r="CB13" s="70">
        <v>5</v>
      </c>
      <c r="CC13" s="71">
        <v>14</v>
      </c>
      <c r="CD13" s="72">
        <v>19</v>
      </c>
      <c r="CE13" s="244"/>
      <c r="CF13" s="71">
        <v>32</v>
      </c>
      <c r="CG13" s="71">
        <v>18</v>
      </c>
      <c r="CH13" s="71">
        <v>14</v>
      </c>
      <c r="CI13" s="71">
        <v>15</v>
      </c>
      <c r="CJ13" s="71">
        <v>7</v>
      </c>
      <c r="CK13" s="72">
        <v>86</v>
      </c>
      <c r="CL13" s="73">
        <v>105</v>
      </c>
      <c r="CM13" s="70">
        <v>682</v>
      </c>
      <c r="CN13" s="71">
        <v>414</v>
      </c>
      <c r="CO13" s="72">
        <v>1096</v>
      </c>
      <c r="CP13" s="244"/>
      <c r="CQ13" s="71">
        <v>833</v>
      </c>
      <c r="CR13" s="71">
        <v>603</v>
      </c>
      <c r="CS13" s="71">
        <v>433</v>
      </c>
      <c r="CT13" s="71">
        <v>396</v>
      </c>
      <c r="CU13" s="71">
        <v>233</v>
      </c>
      <c r="CV13" s="72">
        <v>2498</v>
      </c>
      <c r="CW13" s="73">
        <v>3594</v>
      </c>
      <c r="CX13" s="123">
        <v>1380</v>
      </c>
      <c r="CY13" s="82">
        <v>970</v>
      </c>
      <c r="CZ13" s="83">
        <v>2350</v>
      </c>
      <c r="DA13" s="241"/>
      <c r="DB13" s="82">
        <v>1688</v>
      </c>
      <c r="DC13" s="82">
        <v>1157</v>
      </c>
      <c r="DD13" s="82">
        <v>952</v>
      </c>
      <c r="DE13" s="82">
        <v>1008</v>
      </c>
      <c r="DF13" s="82">
        <v>698</v>
      </c>
      <c r="DG13" s="84">
        <v>5503</v>
      </c>
      <c r="DH13" s="85">
        <v>7853</v>
      </c>
      <c r="DI13" s="70">
        <v>21</v>
      </c>
      <c r="DJ13" s="71">
        <v>13</v>
      </c>
      <c r="DK13" s="72">
        <v>34</v>
      </c>
      <c r="DL13" s="244"/>
      <c r="DM13" s="71">
        <v>8</v>
      </c>
      <c r="DN13" s="71">
        <v>16</v>
      </c>
      <c r="DO13" s="71">
        <v>12</v>
      </c>
      <c r="DP13" s="71">
        <v>8</v>
      </c>
      <c r="DQ13" s="71">
        <v>15</v>
      </c>
      <c r="DR13" s="72">
        <v>59</v>
      </c>
      <c r="DS13" s="73">
        <v>93</v>
      </c>
      <c r="DT13" s="70">
        <v>73</v>
      </c>
      <c r="DU13" s="71">
        <v>53</v>
      </c>
      <c r="DV13" s="72">
        <v>126</v>
      </c>
      <c r="DW13" s="244"/>
      <c r="DX13" s="71">
        <v>70</v>
      </c>
      <c r="DY13" s="71">
        <v>43</v>
      </c>
      <c r="DZ13" s="71">
        <v>29</v>
      </c>
      <c r="EA13" s="71">
        <v>33</v>
      </c>
      <c r="EB13" s="71">
        <v>24</v>
      </c>
      <c r="EC13" s="72">
        <v>199</v>
      </c>
      <c r="ED13" s="73">
        <v>325</v>
      </c>
      <c r="EE13" s="70">
        <v>188</v>
      </c>
      <c r="EF13" s="71">
        <v>133</v>
      </c>
      <c r="EG13" s="72">
        <v>321</v>
      </c>
      <c r="EH13" s="244"/>
      <c r="EI13" s="71">
        <v>173</v>
      </c>
      <c r="EJ13" s="71">
        <v>97</v>
      </c>
      <c r="EK13" s="71">
        <v>70</v>
      </c>
      <c r="EL13" s="71">
        <v>58</v>
      </c>
      <c r="EM13" s="71">
        <v>63</v>
      </c>
      <c r="EN13" s="72">
        <v>461</v>
      </c>
      <c r="EO13" s="73">
        <v>782</v>
      </c>
      <c r="EP13" s="70">
        <v>383</v>
      </c>
      <c r="EQ13" s="71">
        <v>243</v>
      </c>
      <c r="ER13" s="72">
        <v>626</v>
      </c>
      <c r="ES13" s="244"/>
      <c r="ET13" s="71">
        <v>327</v>
      </c>
      <c r="EU13" s="71">
        <v>198</v>
      </c>
      <c r="EV13" s="71">
        <v>138</v>
      </c>
      <c r="EW13" s="71">
        <v>161</v>
      </c>
      <c r="EX13" s="71">
        <v>107</v>
      </c>
      <c r="EY13" s="72">
        <v>931</v>
      </c>
      <c r="EZ13" s="73">
        <v>1557</v>
      </c>
      <c r="FA13" s="70">
        <v>452</v>
      </c>
      <c r="FB13" s="71">
        <v>286</v>
      </c>
      <c r="FC13" s="72">
        <v>738</v>
      </c>
      <c r="FD13" s="244"/>
      <c r="FE13" s="71">
        <v>520</v>
      </c>
      <c r="FF13" s="71">
        <v>335</v>
      </c>
      <c r="FG13" s="71">
        <v>245</v>
      </c>
      <c r="FH13" s="71">
        <v>234</v>
      </c>
      <c r="FI13" s="71">
        <v>178</v>
      </c>
      <c r="FJ13" s="72">
        <v>1512</v>
      </c>
      <c r="FK13" s="73">
        <v>2250</v>
      </c>
      <c r="FL13" s="70">
        <v>263</v>
      </c>
      <c r="FM13" s="71">
        <v>242</v>
      </c>
      <c r="FN13" s="72">
        <v>505</v>
      </c>
      <c r="FO13" s="244"/>
      <c r="FP13" s="71">
        <v>590</v>
      </c>
      <c r="FQ13" s="71">
        <v>468</v>
      </c>
      <c r="FR13" s="71">
        <v>458</v>
      </c>
      <c r="FS13" s="71">
        <v>514</v>
      </c>
      <c r="FT13" s="71">
        <v>311</v>
      </c>
      <c r="FU13" s="72">
        <v>2341</v>
      </c>
      <c r="FV13" s="73">
        <v>2846</v>
      </c>
      <c r="FW13" s="70">
        <v>5</v>
      </c>
      <c r="FX13" s="71">
        <v>14</v>
      </c>
      <c r="FY13" s="72">
        <v>19</v>
      </c>
      <c r="FZ13" s="244"/>
      <c r="GA13" s="71">
        <v>11</v>
      </c>
      <c r="GB13" s="71">
        <v>16</v>
      </c>
      <c r="GC13" s="71">
        <v>14</v>
      </c>
      <c r="GD13" s="71">
        <v>12</v>
      </c>
      <c r="GE13" s="71">
        <v>10</v>
      </c>
      <c r="GF13" s="72">
        <v>63</v>
      </c>
      <c r="GG13" s="73">
        <v>82</v>
      </c>
      <c r="GH13" s="70">
        <v>1385</v>
      </c>
      <c r="GI13" s="71">
        <v>984</v>
      </c>
      <c r="GJ13" s="72">
        <v>2369</v>
      </c>
      <c r="GK13" s="244"/>
      <c r="GL13" s="71">
        <v>1699</v>
      </c>
      <c r="GM13" s="71">
        <v>1173</v>
      </c>
      <c r="GN13" s="71">
        <v>966</v>
      </c>
      <c r="GO13" s="71">
        <v>1020</v>
      </c>
      <c r="GP13" s="71">
        <v>708</v>
      </c>
      <c r="GQ13" s="72">
        <v>5566</v>
      </c>
      <c r="GR13" s="73">
        <v>7935</v>
      </c>
      <c r="GS13" s="123">
        <v>2057</v>
      </c>
      <c r="GT13" s="82">
        <v>1370</v>
      </c>
      <c r="GU13" s="83">
        <v>3427</v>
      </c>
      <c r="GV13" s="241"/>
      <c r="GW13" s="82">
        <v>2489</v>
      </c>
      <c r="GX13" s="82">
        <v>1742</v>
      </c>
      <c r="GY13" s="82">
        <v>1371</v>
      </c>
      <c r="GZ13" s="82">
        <v>1389</v>
      </c>
      <c r="HA13" s="82">
        <v>924</v>
      </c>
      <c r="HB13" s="84">
        <v>7915</v>
      </c>
      <c r="HC13" s="85">
        <v>11342</v>
      </c>
      <c r="HD13" s="70">
        <v>43</v>
      </c>
      <c r="HE13" s="71">
        <v>25</v>
      </c>
      <c r="HF13" s="72">
        <v>68</v>
      </c>
      <c r="HG13" s="244"/>
      <c r="HH13" s="71">
        <v>27</v>
      </c>
      <c r="HI13" s="71">
        <v>43</v>
      </c>
      <c r="HJ13" s="71">
        <v>27</v>
      </c>
      <c r="HK13" s="71">
        <v>22</v>
      </c>
      <c r="HL13" s="71">
        <v>26</v>
      </c>
      <c r="HM13" s="72">
        <v>145</v>
      </c>
      <c r="HN13" s="73">
        <v>213</v>
      </c>
      <c r="HO13" s="70">
        <v>111</v>
      </c>
      <c r="HP13" s="71">
        <v>81</v>
      </c>
      <c r="HQ13" s="72">
        <v>192</v>
      </c>
      <c r="HR13" s="244"/>
      <c r="HS13" s="71">
        <v>118</v>
      </c>
      <c r="HT13" s="71">
        <v>89</v>
      </c>
      <c r="HU13" s="71">
        <v>55</v>
      </c>
      <c r="HV13" s="71">
        <v>59</v>
      </c>
      <c r="HW13" s="71">
        <v>50</v>
      </c>
      <c r="HX13" s="72">
        <v>371</v>
      </c>
      <c r="HY13" s="73">
        <v>563</v>
      </c>
      <c r="HZ13" s="70">
        <v>269</v>
      </c>
      <c r="IA13" s="71">
        <v>182</v>
      </c>
      <c r="IB13" s="72">
        <v>451</v>
      </c>
      <c r="IC13" s="244"/>
      <c r="ID13" s="71">
        <v>274</v>
      </c>
      <c r="IE13" s="71">
        <v>175</v>
      </c>
      <c r="IF13" s="71">
        <v>138</v>
      </c>
      <c r="IG13" s="71">
        <v>118</v>
      </c>
      <c r="IH13" s="71">
        <v>100</v>
      </c>
      <c r="II13" s="72">
        <v>805</v>
      </c>
      <c r="IJ13" s="73">
        <v>1256</v>
      </c>
      <c r="IK13" s="70">
        <v>551</v>
      </c>
      <c r="IL13" s="71">
        <v>319</v>
      </c>
      <c r="IM13" s="72">
        <v>870</v>
      </c>
      <c r="IN13" s="244"/>
      <c r="IO13" s="71">
        <v>513</v>
      </c>
      <c r="IP13" s="71">
        <v>313</v>
      </c>
      <c r="IQ13" s="71">
        <v>213</v>
      </c>
      <c r="IR13" s="71">
        <v>220</v>
      </c>
      <c r="IS13" s="71">
        <v>157</v>
      </c>
      <c r="IT13" s="72">
        <v>1416</v>
      </c>
      <c r="IU13" s="73">
        <v>2286</v>
      </c>
      <c r="IV13" s="70">
        <v>670</v>
      </c>
      <c r="IW13" s="71">
        <v>423</v>
      </c>
      <c r="IX13" s="72">
        <v>1093</v>
      </c>
      <c r="IY13" s="244"/>
      <c r="IZ13" s="71">
        <v>755</v>
      </c>
      <c r="JA13" s="71">
        <v>499</v>
      </c>
      <c r="JB13" s="71">
        <v>361</v>
      </c>
      <c r="JC13" s="71">
        <v>349</v>
      </c>
      <c r="JD13" s="71">
        <v>224</v>
      </c>
      <c r="JE13" s="72">
        <v>2188</v>
      </c>
      <c r="JF13" s="73">
        <v>3281</v>
      </c>
      <c r="JG13" s="70">
        <v>413</v>
      </c>
      <c r="JH13" s="71">
        <v>340</v>
      </c>
      <c r="JI13" s="72">
        <v>753</v>
      </c>
      <c r="JJ13" s="244"/>
      <c r="JK13" s="71">
        <v>802</v>
      </c>
      <c r="JL13" s="71">
        <v>623</v>
      </c>
      <c r="JM13" s="71">
        <v>577</v>
      </c>
      <c r="JN13" s="71">
        <v>621</v>
      </c>
      <c r="JO13" s="71">
        <v>367</v>
      </c>
      <c r="JP13" s="72">
        <v>2990</v>
      </c>
      <c r="JQ13" s="73">
        <v>3743</v>
      </c>
      <c r="JR13" s="70">
        <v>10</v>
      </c>
      <c r="JS13" s="71">
        <v>28</v>
      </c>
      <c r="JT13" s="72">
        <v>38</v>
      </c>
      <c r="JU13" s="244"/>
      <c r="JV13" s="71">
        <v>43</v>
      </c>
      <c r="JW13" s="71">
        <v>34</v>
      </c>
      <c r="JX13" s="71">
        <v>28</v>
      </c>
      <c r="JY13" s="71">
        <v>27</v>
      </c>
      <c r="JZ13" s="71">
        <v>17</v>
      </c>
      <c r="KA13" s="72">
        <v>149</v>
      </c>
      <c r="KB13" s="73">
        <v>187</v>
      </c>
      <c r="KC13" s="70">
        <v>2067</v>
      </c>
      <c r="KD13" s="71">
        <v>1398</v>
      </c>
      <c r="KE13" s="72">
        <v>3465</v>
      </c>
      <c r="KF13" s="244"/>
      <c r="KG13" s="71">
        <v>2532</v>
      </c>
      <c r="KH13" s="71">
        <v>1776</v>
      </c>
      <c r="KI13" s="71">
        <v>1399</v>
      </c>
      <c r="KJ13" s="71">
        <v>1416</v>
      </c>
      <c r="KK13" s="71">
        <v>941</v>
      </c>
      <c r="KL13" s="72">
        <v>8064</v>
      </c>
      <c r="KM13" s="73">
        <v>11529</v>
      </c>
    </row>
    <row r="14" spans="2:299" ht="21" customHeight="1" x14ac:dyDescent="0.2">
      <c r="B14" s="126" t="s">
        <v>10</v>
      </c>
      <c r="C14" s="315">
        <v>1451</v>
      </c>
      <c r="D14" s="82">
        <v>994</v>
      </c>
      <c r="E14" s="83">
        <v>2445</v>
      </c>
      <c r="F14" s="241"/>
      <c r="G14" s="82">
        <v>1719</v>
      </c>
      <c r="H14" s="82">
        <v>1028</v>
      </c>
      <c r="I14" s="82">
        <v>666</v>
      </c>
      <c r="J14" s="82">
        <v>618</v>
      </c>
      <c r="K14" s="82">
        <v>445</v>
      </c>
      <c r="L14" s="84">
        <v>4476</v>
      </c>
      <c r="M14" s="85">
        <v>6921</v>
      </c>
      <c r="N14" s="70">
        <v>63</v>
      </c>
      <c r="O14" s="71">
        <v>56</v>
      </c>
      <c r="P14" s="72">
        <v>119</v>
      </c>
      <c r="Q14" s="244"/>
      <c r="R14" s="71">
        <v>82</v>
      </c>
      <c r="S14" s="71">
        <v>49</v>
      </c>
      <c r="T14" s="71">
        <v>28</v>
      </c>
      <c r="U14" s="71">
        <v>30</v>
      </c>
      <c r="V14" s="71">
        <v>28</v>
      </c>
      <c r="W14" s="72">
        <v>217</v>
      </c>
      <c r="X14" s="73">
        <v>336</v>
      </c>
      <c r="Y14" s="70">
        <v>135</v>
      </c>
      <c r="Z14" s="71">
        <v>105</v>
      </c>
      <c r="AA14" s="72">
        <v>240</v>
      </c>
      <c r="AB14" s="244"/>
      <c r="AC14" s="71">
        <v>182</v>
      </c>
      <c r="AD14" s="71">
        <v>115</v>
      </c>
      <c r="AE14" s="71">
        <v>69</v>
      </c>
      <c r="AF14" s="71">
        <v>65</v>
      </c>
      <c r="AG14" s="71">
        <v>65</v>
      </c>
      <c r="AH14" s="72">
        <v>496</v>
      </c>
      <c r="AI14" s="73">
        <v>736</v>
      </c>
      <c r="AJ14" s="70">
        <v>222</v>
      </c>
      <c r="AK14" s="71">
        <v>169</v>
      </c>
      <c r="AL14" s="72">
        <v>391</v>
      </c>
      <c r="AM14" s="244"/>
      <c r="AN14" s="71">
        <v>274</v>
      </c>
      <c r="AO14" s="71">
        <v>166</v>
      </c>
      <c r="AP14" s="71">
        <v>103</v>
      </c>
      <c r="AQ14" s="71">
        <v>92</v>
      </c>
      <c r="AR14" s="71">
        <v>64</v>
      </c>
      <c r="AS14" s="72">
        <v>699</v>
      </c>
      <c r="AT14" s="73">
        <v>1090</v>
      </c>
      <c r="AU14" s="70">
        <v>363</v>
      </c>
      <c r="AV14" s="71">
        <v>229</v>
      </c>
      <c r="AW14" s="72">
        <v>592</v>
      </c>
      <c r="AX14" s="244"/>
      <c r="AY14" s="71">
        <v>418</v>
      </c>
      <c r="AZ14" s="71">
        <v>231</v>
      </c>
      <c r="BA14" s="71">
        <v>134</v>
      </c>
      <c r="BB14" s="71">
        <v>130</v>
      </c>
      <c r="BC14" s="71">
        <v>107</v>
      </c>
      <c r="BD14" s="72">
        <v>1020</v>
      </c>
      <c r="BE14" s="73">
        <v>1612</v>
      </c>
      <c r="BF14" s="70">
        <v>428</v>
      </c>
      <c r="BG14" s="71">
        <v>275</v>
      </c>
      <c r="BH14" s="72">
        <v>703</v>
      </c>
      <c r="BI14" s="244"/>
      <c r="BJ14" s="71">
        <v>441</v>
      </c>
      <c r="BK14" s="71">
        <v>251</v>
      </c>
      <c r="BL14" s="71">
        <v>176</v>
      </c>
      <c r="BM14" s="71">
        <v>140</v>
      </c>
      <c r="BN14" s="71">
        <v>96</v>
      </c>
      <c r="BO14" s="72">
        <v>1104</v>
      </c>
      <c r="BP14" s="73">
        <v>1807</v>
      </c>
      <c r="BQ14" s="70">
        <v>240</v>
      </c>
      <c r="BR14" s="71">
        <v>160</v>
      </c>
      <c r="BS14" s="72">
        <v>400</v>
      </c>
      <c r="BT14" s="244"/>
      <c r="BU14" s="71">
        <v>322</v>
      </c>
      <c r="BV14" s="71">
        <v>216</v>
      </c>
      <c r="BW14" s="71">
        <v>156</v>
      </c>
      <c r="BX14" s="71">
        <v>161</v>
      </c>
      <c r="BY14" s="71">
        <v>85</v>
      </c>
      <c r="BZ14" s="72">
        <v>940</v>
      </c>
      <c r="CA14" s="73">
        <v>1340</v>
      </c>
      <c r="CB14" s="70">
        <v>49</v>
      </c>
      <c r="CC14" s="71">
        <v>29</v>
      </c>
      <c r="CD14" s="72">
        <v>78</v>
      </c>
      <c r="CE14" s="244"/>
      <c r="CF14" s="71">
        <v>75</v>
      </c>
      <c r="CG14" s="71">
        <v>43</v>
      </c>
      <c r="CH14" s="71">
        <v>29</v>
      </c>
      <c r="CI14" s="71">
        <v>25</v>
      </c>
      <c r="CJ14" s="71">
        <v>35</v>
      </c>
      <c r="CK14" s="72">
        <v>207</v>
      </c>
      <c r="CL14" s="73">
        <v>285</v>
      </c>
      <c r="CM14" s="70">
        <v>1500</v>
      </c>
      <c r="CN14" s="71">
        <v>1023</v>
      </c>
      <c r="CO14" s="72">
        <v>2523</v>
      </c>
      <c r="CP14" s="244"/>
      <c r="CQ14" s="71">
        <v>1794</v>
      </c>
      <c r="CR14" s="71">
        <v>1071</v>
      </c>
      <c r="CS14" s="71">
        <v>695</v>
      </c>
      <c r="CT14" s="71">
        <v>643</v>
      </c>
      <c r="CU14" s="71">
        <v>480</v>
      </c>
      <c r="CV14" s="72">
        <v>4683</v>
      </c>
      <c r="CW14" s="73">
        <v>7206</v>
      </c>
      <c r="CX14" s="123">
        <v>2985</v>
      </c>
      <c r="CY14" s="82">
        <v>2199</v>
      </c>
      <c r="CZ14" s="83">
        <v>5184</v>
      </c>
      <c r="DA14" s="241"/>
      <c r="DB14" s="82">
        <v>3180</v>
      </c>
      <c r="DC14" s="82">
        <v>1751</v>
      </c>
      <c r="DD14" s="82">
        <v>1534</v>
      </c>
      <c r="DE14" s="82">
        <v>1489</v>
      </c>
      <c r="DF14" s="82">
        <v>1252</v>
      </c>
      <c r="DG14" s="84">
        <v>9206</v>
      </c>
      <c r="DH14" s="85">
        <v>14390</v>
      </c>
      <c r="DI14" s="70">
        <v>50</v>
      </c>
      <c r="DJ14" s="71">
        <v>62</v>
      </c>
      <c r="DK14" s="72">
        <v>112</v>
      </c>
      <c r="DL14" s="244"/>
      <c r="DM14" s="71">
        <v>67</v>
      </c>
      <c r="DN14" s="71">
        <v>26</v>
      </c>
      <c r="DO14" s="71">
        <v>24</v>
      </c>
      <c r="DP14" s="71">
        <v>21</v>
      </c>
      <c r="DQ14" s="71">
        <v>22</v>
      </c>
      <c r="DR14" s="72">
        <v>160</v>
      </c>
      <c r="DS14" s="73">
        <v>272</v>
      </c>
      <c r="DT14" s="70">
        <v>202</v>
      </c>
      <c r="DU14" s="71">
        <v>145</v>
      </c>
      <c r="DV14" s="72">
        <v>347</v>
      </c>
      <c r="DW14" s="244"/>
      <c r="DX14" s="71">
        <v>178</v>
      </c>
      <c r="DY14" s="71">
        <v>94</v>
      </c>
      <c r="DZ14" s="71">
        <v>55</v>
      </c>
      <c r="EA14" s="71">
        <v>47</v>
      </c>
      <c r="EB14" s="71">
        <v>70</v>
      </c>
      <c r="EC14" s="72">
        <v>444</v>
      </c>
      <c r="ED14" s="73">
        <v>791</v>
      </c>
      <c r="EE14" s="70">
        <v>455</v>
      </c>
      <c r="EF14" s="71">
        <v>297</v>
      </c>
      <c r="EG14" s="72">
        <v>752</v>
      </c>
      <c r="EH14" s="244"/>
      <c r="EI14" s="71">
        <v>383</v>
      </c>
      <c r="EJ14" s="71">
        <v>181</v>
      </c>
      <c r="EK14" s="71">
        <v>137</v>
      </c>
      <c r="EL14" s="71">
        <v>120</v>
      </c>
      <c r="EM14" s="71">
        <v>109</v>
      </c>
      <c r="EN14" s="72">
        <v>930</v>
      </c>
      <c r="EO14" s="73">
        <v>1682</v>
      </c>
      <c r="EP14" s="70">
        <v>852</v>
      </c>
      <c r="EQ14" s="71">
        <v>564</v>
      </c>
      <c r="ER14" s="72">
        <v>1416</v>
      </c>
      <c r="ES14" s="244"/>
      <c r="ET14" s="71">
        <v>641</v>
      </c>
      <c r="EU14" s="71">
        <v>330</v>
      </c>
      <c r="EV14" s="71">
        <v>258</v>
      </c>
      <c r="EW14" s="71">
        <v>238</v>
      </c>
      <c r="EX14" s="71">
        <v>211</v>
      </c>
      <c r="EY14" s="72">
        <v>1678</v>
      </c>
      <c r="EZ14" s="73">
        <v>3094</v>
      </c>
      <c r="FA14" s="70">
        <v>922</v>
      </c>
      <c r="FB14" s="71">
        <v>624</v>
      </c>
      <c r="FC14" s="72">
        <v>1546</v>
      </c>
      <c r="FD14" s="244"/>
      <c r="FE14" s="71">
        <v>1018</v>
      </c>
      <c r="FF14" s="71">
        <v>489</v>
      </c>
      <c r="FG14" s="71">
        <v>430</v>
      </c>
      <c r="FH14" s="71">
        <v>347</v>
      </c>
      <c r="FI14" s="71">
        <v>324</v>
      </c>
      <c r="FJ14" s="72">
        <v>2608</v>
      </c>
      <c r="FK14" s="73">
        <v>4154</v>
      </c>
      <c r="FL14" s="70">
        <v>504</v>
      </c>
      <c r="FM14" s="71">
        <v>507</v>
      </c>
      <c r="FN14" s="72">
        <v>1011</v>
      </c>
      <c r="FO14" s="244"/>
      <c r="FP14" s="71">
        <v>893</v>
      </c>
      <c r="FQ14" s="71">
        <v>631</v>
      </c>
      <c r="FR14" s="71">
        <v>630</v>
      </c>
      <c r="FS14" s="71">
        <v>716</v>
      </c>
      <c r="FT14" s="71">
        <v>516</v>
      </c>
      <c r="FU14" s="72">
        <v>3386</v>
      </c>
      <c r="FV14" s="73">
        <v>4397</v>
      </c>
      <c r="FW14" s="70">
        <v>33</v>
      </c>
      <c r="FX14" s="71">
        <v>38</v>
      </c>
      <c r="FY14" s="72">
        <v>71</v>
      </c>
      <c r="FZ14" s="244"/>
      <c r="GA14" s="71">
        <v>57</v>
      </c>
      <c r="GB14" s="71">
        <v>29</v>
      </c>
      <c r="GC14" s="71">
        <v>18</v>
      </c>
      <c r="GD14" s="71">
        <v>24</v>
      </c>
      <c r="GE14" s="71">
        <v>31</v>
      </c>
      <c r="GF14" s="72">
        <v>159</v>
      </c>
      <c r="GG14" s="73">
        <v>230</v>
      </c>
      <c r="GH14" s="70">
        <v>3018</v>
      </c>
      <c r="GI14" s="71">
        <v>2237</v>
      </c>
      <c r="GJ14" s="72">
        <v>5255</v>
      </c>
      <c r="GK14" s="244"/>
      <c r="GL14" s="71">
        <v>3237</v>
      </c>
      <c r="GM14" s="71">
        <v>1780</v>
      </c>
      <c r="GN14" s="71">
        <v>1552</v>
      </c>
      <c r="GO14" s="71">
        <v>1513</v>
      </c>
      <c r="GP14" s="71">
        <v>1283</v>
      </c>
      <c r="GQ14" s="72">
        <v>9365</v>
      </c>
      <c r="GR14" s="73">
        <v>14620</v>
      </c>
      <c r="GS14" s="123">
        <v>4436</v>
      </c>
      <c r="GT14" s="82">
        <v>3193</v>
      </c>
      <c r="GU14" s="83">
        <v>7629</v>
      </c>
      <c r="GV14" s="241"/>
      <c r="GW14" s="82">
        <v>4899</v>
      </c>
      <c r="GX14" s="82">
        <v>2779</v>
      </c>
      <c r="GY14" s="82">
        <v>2200</v>
      </c>
      <c r="GZ14" s="82">
        <v>2107</v>
      </c>
      <c r="HA14" s="82">
        <v>1697</v>
      </c>
      <c r="HB14" s="84">
        <v>13682</v>
      </c>
      <c r="HC14" s="85">
        <v>21311</v>
      </c>
      <c r="HD14" s="70">
        <v>113</v>
      </c>
      <c r="HE14" s="71">
        <v>118</v>
      </c>
      <c r="HF14" s="72">
        <v>231</v>
      </c>
      <c r="HG14" s="244"/>
      <c r="HH14" s="71">
        <v>149</v>
      </c>
      <c r="HI14" s="71">
        <v>75</v>
      </c>
      <c r="HJ14" s="71">
        <v>52</v>
      </c>
      <c r="HK14" s="71">
        <v>51</v>
      </c>
      <c r="HL14" s="71">
        <v>50</v>
      </c>
      <c r="HM14" s="72">
        <v>377</v>
      </c>
      <c r="HN14" s="73">
        <v>608</v>
      </c>
      <c r="HO14" s="70">
        <v>337</v>
      </c>
      <c r="HP14" s="71">
        <v>250</v>
      </c>
      <c r="HQ14" s="72">
        <v>587</v>
      </c>
      <c r="HR14" s="244"/>
      <c r="HS14" s="71">
        <v>360</v>
      </c>
      <c r="HT14" s="71">
        <v>209</v>
      </c>
      <c r="HU14" s="71">
        <v>124</v>
      </c>
      <c r="HV14" s="71">
        <v>112</v>
      </c>
      <c r="HW14" s="71">
        <v>135</v>
      </c>
      <c r="HX14" s="72">
        <v>940</v>
      </c>
      <c r="HY14" s="73">
        <v>1527</v>
      </c>
      <c r="HZ14" s="70">
        <v>677</v>
      </c>
      <c r="IA14" s="71">
        <v>466</v>
      </c>
      <c r="IB14" s="72">
        <v>1143</v>
      </c>
      <c r="IC14" s="244"/>
      <c r="ID14" s="71">
        <v>657</v>
      </c>
      <c r="IE14" s="71">
        <v>347</v>
      </c>
      <c r="IF14" s="71">
        <v>240</v>
      </c>
      <c r="IG14" s="71">
        <v>212</v>
      </c>
      <c r="IH14" s="71">
        <v>173</v>
      </c>
      <c r="II14" s="72">
        <v>1629</v>
      </c>
      <c r="IJ14" s="73">
        <v>2772</v>
      </c>
      <c r="IK14" s="70">
        <v>1215</v>
      </c>
      <c r="IL14" s="71">
        <v>793</v>
      </c>
      <c r="IM14" s="72">
        <v>2008</v>
      </c>
      <c r="IN14" s="244"/>
      <c r="IO14" s="71">
        <v>1059</v>
      </c>
      <c r="IP14" s="71">
        <v>561</v>
      </c>
      <c r="IQ14" s="71">
        <v>392</v>
      </c>
      <c r="IR14" s="71">
        <v>368</v>
      </c>
      <c r="IS14" s="71">
        <v>318</v>
      </c>
      <c r="IT14" s="72">
        <v>2698</v>
      </c>
      <c r="IU14" s="73">
        <v>4706</v>
      </c>
      <c r="IV14" s="70">
        <v>1350</v>
      </c>
      <c r="IW14" s="71">
        <v>899</v>
      </c>
      <c r="IX14" s="72">
        <v>2249</v>
      </c>
      <c r="IY14" s="244"/>
      <c r="IZ14" s="71">
        <v>1459</v>
      </c>
      <c r="JA14" s="71">
        <v>740</v>
      </c>
      <c r="JB14" s="71">
        <v>606</v>
      </c>
      <c r="JC14" s="71">
        <v>487</v>
      </c>
      <c r="JD14" s="71">
        <v>420</v>
      </c>
      <c r="JE14" s="72">
        <v>3712</v>
      </c>
      <c r="JF14" s="73">
        <v>5961</v>
      </c>
      <c r="JG14" s="70">
        <v>744</v>
      </c>
      <c r="JH14" s="71">
        <v>667</v>
      </c>
      <c r="JI14" s="72">
        <v>1411</v>
      </c>
      <c r="JJ14" s="244"/>
      <c r="JK14" s="71">
        <v>1215</v>
      </c>
      <c r="JL14" s="71">
        <v>847</v>
      </c>
      <c r="JM14" s="71">
        <v>786</v>
      </c>
      <c r="JN14" s="71">
        <v>877</v>
      </c>
      <c r="JO14" s="71">
        <v>601</v>
      </c>
      <c r="JP14" s="72">
        <v>4326</v>
      </c>
      <c r="JQ14" s="73">
        <v>5737</v>
      </c>
      <c r="JR14" s="70">
        <v>82</v>
      </c>
      <c r="JS14" s="71">
        <v>67</v>
      </c>
      <c r="JT14" s="72">
        <v>149</v>
      </c>
      <c r="JU14" s="244"/>
      <c r="JV14" s="71">
        <v>132</v>
      </c>
      <c r="JW14" s="71">
        <v>72</v>
      </c>
      <c r="JX14" s="71">
        <v>47</v>
      </c>
      <c r="JY14" s="71">
        <v>49</v>
      </c>
      <c r="JZ14" s="71">
        <v>66</v>
      </c>
      <c r="KA14" s="72">
        <v>366</v>
      </c>
      <c r="KB14" s="73">
        <v>515</v>
      </c>
      <c r="KC14" s="70">
        <v>4518</v>
      </c>
      <c r="KD14" s="71">
        <v>3260</v>
      </c>
      <c r="KE14" s="72">
        <v>7778</v>
      </c>
      <c r="KF14" s="244"/>
      <c r="KG14" s="71">
        <v>5031</v>
      </c>
      <c r="KH14" s="71">
        <v>2851</v>
      </c>
      <c r="KI14" s="71">
        <v>2247</v>
      </c>
      <c r="KJ14" s="71">
        <v>2156</v>
      </c>
      <c r="KK14" s="71">
        <v>1763</v>
      </c>
      <c r="KL14" s="72">
        <v>14048</v>
      </c>
      <c r="KM14" s="73">
        <v>21826</v>
      </c>
    </row>
    <row r="15" spans="2:299" ht="21" customHeight="1" x14ac:dyDescent="0.2">
      <c r="B15" s="126" t="s">
        <v>11</v>
      </c>
      <c r="C15" s="315">
        <v>451</v>
      </c>
      <c r="D15" s="82">
        <v>344</v>
      </c>
      <c r="E15" s="83">
        <v>795</v>
      </c>
      <c r="F15" s="241"/>
      <c r="G15" s="82">
        <v>843</v>
      </c>
      <c r="H15" s="82">
        <v>549</v>
      </c>
      <c r="I15" s="82">
        <v>459</v>
      </c>
      <c r="J15" s="82">
        <v>395</v>
      </c>
      <c r="K15" s="82">
        <v>220</v>
      </c>
      <c r="L15" s="84">
        <v>2466</v>
      </c>
      <c r="M15" s="85">
        <v>3261</v>
      </c>
      <c r="N15" s="70">
        <v>16</v>
      </c>
      <c r="O15" s="71">
        <v>18</v>
      </c>
      <c r="P15" s="72">
        <v>34</v>
      </c>
      <c r="Q15" s="244"/>
      <c r="R15" s="71">
        <v>46</v>
      </c>
      <c r="S15" s="71">
        <v>24</v>
      </c>
      <c r="T15" s="71">
        <v>21</v>
      </c>
      <c r="U15" s="71">
        <v>17</v>
      </c>
      <c r="V15" s="71">
        <v>16</v>
      </c>
      <c r="W15" s="72">
        <v>124</v>
      </c>
      <c r="X15" s="73">
        <v>158</v>
      </c>
      <c r="Y15" s="70">
        <v>52</v>
      </c>
      <c r="Z15" s="71">
        <v>40</v>
      </c>
      <c r="AA15" s="72">
        <v>92</v>
      </c>
      <c r="AB15" s="244"/>
      <c r="AC15" s="71">
        <v>88</v>
      </c>
      <c r="AD15" s="71">
        <v>64</v>
      </c>
      <c r="AE15" s="71">
        <v>60</v>
      </c>
      <c r="AF15" s="71">
        <v>39</v>
      </c>
      <c r="AG15" s="71">
        <v>30</v>
      </c>
      <c r="AH15" s="72">
        <v>281</v>
      </c>
      <c r="AI15" s="73">
        <v>373</v>
      </c>
      <c r="AJ15" s="70">
        <v>63</v>
      </c>
      <c r="AK15" s="71">
        <v>63</v>
      </c>
      <c r="AL15" s="72">
        <v>126</v>
      </c>
      <c r="AM15" s="244"/>
      <c r="AN15" s="71">
        <v>152</v>
      </c>
      <c r="AO15" s="71">
        <v>103</v>
      </c>
      <c r="AP15" s="71">
        <v>73</v>
      </c>
      <c r="AQ15" s="71">
        <v>68</v>
      </c>
      <c r="AR15" s="71">
        <v>33</v>
      </c>
      <c r="AS15" s="72">
        <v>429</v>
      </c>
      <c r="AT15" s="73">
        <v>555</v>
      </c>
      <c r="AU15" s="70">
        <v>123</v>
      </c>
      <c r="AV15" s="71">
        <v>79</v>
      </c>
      <c r="AW15" s="72">
        <v>202</v>
      </c>
      <c r="AX15" s="244"/>
      <c r="AY15" s="71">
        <v>208</v>
      </c>
      <c r="AZ15" s="71">
        <v>124</v>
      </c>
      <c r="BA15" s="71">
        <v>106</v>
      </c>
      <c r="BB15" s="71">
        <v>91</v>
      </c>
      <c r="BC15" s="71">
        <v>55</v>
      </c>
      <c r="BD15" s="72">
        <v>584</v>
      </c>
      <c r="BE15" s="73">
        <v>786</v>
      </c>
      <c r="BF15" s="70">
        <v>118</v>
      </c>
      <c r="BG15" s="71">
        <v>95</v>
      </c>
      <c r="BH15" s="72">
        <v>213</v>
      </c>
      <c r="BI15" s="244"/>
      <c r="BJ15" s="71">
        <v>194</v>
      </c>
      <c r="BK15" s="71">
        <v>129</v>
      </c>
      <c r="BL15" s="71">
        <v>111</v>
      </c>
      <c r="BM15" s="71">
        <v>106</v>
      </c>
      <c r="BN15" s="71">
        <v>48</v>
      </c>
      <c r="BO15" s="72">
        <v>588</v>
      </c>
      <c r="BP15" s="73">
        <v>801</v>
      </c>
      <c r="BQ15" s="70">
        <v>79</v>
      </c>
      <c r="BR15" s="71">
        <v>49</v>
      </c>
      <c r="BS15" s="72">
        <v>128</v>
      </c>
      <c r="BT15" s="244"/>
      <c r="BU15" s="71">
        <v>155</v>
      </c>
      <c r="BV15" s="71">
        <v>105</v>
      </c>
      <c r="BW15" s="71">
        <v>88</v>
      </c>
      <c r="BX15" s="71">
        <v>74</v>
      </c>
      <c r="BY15" s="71">
        <v>38</v>
      </c>
      <c r="BZ15" s="72">
        <v>460</v>
      </c>
      <c r="CA15" s="73">
        <v>588</v>
      </c>
      <c r="CB15" s="70">
        <v>11</v>
      </c>
      <c r="CC15" s="71">
        <v>10</v>
      </c>
      <c r="CD15" s="72">
        <v>21</v>
      </c>
      <c r="CE15" s="244"/>
      <c r="CF15" s="71">
        <v>35</v>
      </c>
      <c r="CG15" s="71">
        <v>21</v>
      </c>
      <c r="CH15" s="71">
        <v>11</v>
      </c>
      <c r="CI15" s="71">
        <v>16</v>
      </c>
      <c r="CJ15" s="71">
        <v>12</v>
      </c>
      <c r="CK15" s="72">
        <v>95</v>
      </c>
      <c r="CL15" s="73">
        <v>116</v>
      </c>
      <c r="CM15" s="70">
        <v>462</v>
      </c>
      <c r="CN15" s="71">
        <v>354</v>
      </c>
      <c r="CO15" s="72">
        <v>816</v>
      </c>
      <c r="CP15" s="244"/>
      <c r="CQ15" s="71">
        <v>878</v>
      </c>
      <c r="CR15" s="71">
        <v>570</v>
      </c>
      <c r="CS15" s="71">
        <v>470</v>
      </c>
      <c r="CT15" s="71">
        <v>411</v>
      </c>
      <c r="CU15" s="71">
        <v>232</v>
      </c>
      <c r="CV15" s="72">
        <v>2561</v>
      </c>
      <c r="CW15" s="73">
        <v>3377</v>
      </c>
      <c r="CX15" s="123">
        <v>944</v>
      </c>
      <c r="CY15" s="82">
        <v>756</v>
      </c>
      <c r="CZ15" s="83">
        <v>1700</v>
      </c>
      <c r="DA15" s="241"/>
      <c r="DB15" s="82">
        <v>1763</v>
      </c>
      <c r="DC15" s="82">
        <v>1036</v>
      </c>
      <c r="DD15" s="82">
        <v>915</v>
      </c>
      <c r="DE15" s="82">
        <v>950</v>
      </c>
      <c r="DF15" s="82">
        <v>531</v>
      </c>
      <c r="DG15" s="84">
        <v>5195</v>
      </c>
      <c r="DH15" s="85">
        <v>6895</v>
      </c>
      <c r="DI15" s="70">
        <v>18</v>
      </c>
      <c r="DJ15" s="71">
        <v>15</v>
      </c>
      <c r="DK15" s="72">
        <v>33</v>
      </c>
      <c r="DL15" s="244"/>
      <c r="DM15" s="71">
        <v>44</v>
      </c>
      <c r="DN15" s="71">
        <v>19</v>
      </c>
      <c r="DO15" s="71">
        <v>16</v>
      </c>
      <c r="DP15" s="71">
        <v>20</v>
      </c>
      <c r="DQ15" s="71">
        <v>13</v>
      </c>
      <c r="DR15" s="72">
        <v>112</v>
      </c>
      <c r="DS15" s="73">
        <v>145</v>
      </c>
      <c r="DT15" s="70">
        <v>68</v>
      </c>
      <c r="DU15" s="71">
        <v>55</v>
      </c>
      <c r="DV15" s="72">
        <v>123</v>
      </c>
      <c r="DW15" s="244"/>
      <c r="DX15" s="71">
        <v>101</v>
      </c>
      <c r="DY15" s="71">
        <v>41</v>
      </c>
      <c r="DZ15" s="71">
        <v>48</v>
      </c>
      <c r="EA15" s="71">
        <v>39</v>
      </c>
      <c r="EB15" s="71">
        <v>29</v>
      </c>
      <c r="EC15" s="72">
        <v>258</v>
      </c>
      <c r="ED15" s="73">
        <v>381</v>
      </c>
      <c r="EE15" s="70">
        <v>123</v>
      </c>
      <c r="EF15" s="71">
        <v>105</v>
      </c>
      <c r="EG15" s="72">
        <v>228</v>
      </c>
      <c r="EH15" s="244"/>
      <c r="EI15" s="71">
        <v>161</v>
      </c>
      <c r="EJ15" s="71">
        <v>112</v>
      </c>
      <c r="EK15" s="71">
        <v>99</v>
      </c>
      <c r="EL15" s="71">
        <v>78</v>
      </c>
      <c r="EM15" s="71">
        <v>47</v>
      </c>
      <c r="EN15" s="72">
        <v>497</v>
      </c>
      <c r="EO15" s="73">
        <v>725</v>
      </c>
      <c r="EP15" s="70">
        <v>282</v>
      </c>
      <c r="EQ15" s="71">
        <v>206</v>
      </c>
      <c r="ER15" s="72">
        <v>488</v>
      </c>
      <c r="ES15" s="244"/>
      <c r="ET15" s="71">
        <v>413</v>
      </c>
      <c r="EU15" s="71">
        <v>189</v>
      </c>
      <c r="EV15" s="71">
        <v>146</v>
      </c>
      <c r="EW15" s="71">
        <v>152</v>
      </c>
      <c r="EX15" s="71">
        <v>84</v>
      </c>
      <c r="EY15" s="72">
        <v>984</v>
      </c>
      <c r="EZ15" s="73">
        <v>1472</v>
      </c>
      <c r="FA15" s="70">
        <v>287</v>
      </c>
      <c r="FB15" s="71">
        <v>211</v>
      </c>
      <c r="FC15" s="72">
        <v>498</v>
      </c>
      <c r="FD15" s="244"/>
      <c r="FE15" s="71">
        <v>561</v>
      </c>
      <c r="FF15" s="71">
        <v>300</v>
      </c>
      <c r="FG15" s="71">
        <v>247</v>
      </c>
      <c r="FH15" s="71">
        <v>239</v>
      </c>
      <c r="FI15" s="71">
        <v>139</v>
      </c>
      <c r="FJ15" s="72">
        <v>1486</v>
      </c>
      <c r="FK15" s="73">
        <v>1984</v>
      </c>
      <c r="FL15" s="70">
        <v>166</v>
      </c>
      <c r="FM15" s="71">
        <v>164</v>
      </c>
      <c r="FN15" s="72">
        <v>330</v>
      </c>
      <c r="FO15" s="244"/>
      <c r="FP15" s="71">
        <v>483</v>
      </c>
      <c r="FQ15" s="71">
        <v>375</v>
      </c>
      <c r="FR15" s="71">
        <v>359</v>
      </c>
      <c r="FS15" s="71">
        <v>422</v>
      </c>
      <c r="FT15" s="71">
        <v>219</v>
      </c>
      <c r="FU15" s="72">
        <v>1858</v>
      </c>
      <c r="FV15" s="73">
        <v>2188</v>
      </c>
      <c r="FW15" s="70">
        <v>10</v>
      </c>
      <c r="FX15" s="71">
        <v>9</v>
      </c>
      <c r="FY15" s="72">
        <v>19</v>
      </c>
      <c r="FZ15" s="244"/>
      <c r="GA15" s="71">
        <v>23</v>
      </c>
      <c r="GB15" s="71">
        <v>17</v>
      </c>
      <c r="GC15" s="71">
        <v>16</v>
      </c>
      <c r="GD15" s="71">
        <v>10</v>
      </c>
      <c r="GE15" s="71">
        <v>11</v>
      </c>
      <c r="GF15" s="72">
        <v>77</v>
      </c>
      <c r="GG15" s="73">
        <v>96</v>
      </c>
      <c r="GH15" s="70">
        <v>954</v>
      </c>
      <c r="GI15" s="71">
        <v>765</v>
      </c>
      <c r="GJ15" s="72">
        <v>1719</v>
      </c>
      <c r="GK15" s="244"/>
      <c r="GL15" s="71">
        <v>1786</v>
      </c>
      <c r="GM15" s="71">
        <v>1053</v>
      </c>
      <c r="GN15" s="71">
        <v>931</v>
      </c>
      <c r="GO15" s="71">
        <v>960</v>
      </c>
      <c r="GP15" s="71">
        <v>542</v>
      </c>
      <c r="GQ15" s="72">
        <v>5272</v>
      </c>
      <c r="GR15" s="73">
        <v>6991</v>
      </c>
      <c r="GS15" s="123">
        <v>1395</v>
      </c>
      <c r="GT15" s="82">
        <v>1100</v>
      </c>
      <c r="GU15" s="83">
        <v>2495</v>
      </c>
      <c r="GV15" s="241"/>
      <c r="GW15" s="82">
        <v>2606</v>
      </c>
      <c r="GX15" s="82">
        <v>1585</v>
      </c>
      <c r="GY15" s="82">
        <v>1374</v>
      </c>
      <c r="GZ15" s="82">
        <v>1345</v>
      </c>
      <c r="HA15" s="82">
        <v>751</v>
      </c>
      <c r="HB15" s="84">
        <v>7661</v>
      </c>
      <c r="HC15" s="85">
        <v>10156</v>
      </c>
      <c r="HD15" s="70">
        <v>34</v>
      </c>
      <c r="HE15" s="71">
        <v>33</v>
      </c>
      <c r="HF15" s="72">
        <v>67</v>
      </c>
      <c r="HG15" s="244"/>
      <c r="HH15" s="71">
        <v>90</v>
      </c>
      <c r="HI15" s="71">
        <v>43</v>
      </c>
      <c r="HJ15" s="71">
        <v>37</v>
      </c>
      <c r="HK15" s="71">
        <v>37</v>
      </c>
      <c r="HL15" s="71">
        <v>29</v>
      </c>
      <c r="HM15" s="72">
        <v>236</v>
      </c>
      <c r="HN15" s="73">
        <v>303</v>
      </c>
      <c r="HO15" s="70">
        <v>120</v>
      </c>
      <c r="HP15" s="71">
        <v>95</v>
      </c>
      <c r="HQ15" s="72">
        <v>215</v>
      </c>
      <c r="HR15" s="244"/>
      <c r="HS15" s="71">
        <v>189</v>
      </c>
      <c r="HT15" s="71">
        <v>105</v>
      </c>
      <c r="HU15" s="71">
        <v>108</v>
      </c>
      <c r="HV15" s="71">
        <v>78</v>
      </c>
      <c r="HW15" s="71">
        <v>59</v>
      </c>
      <c r="HX15" s="72">
        <v>539</v>
      </c>
      <c r="HY15" s="73">
        <v>754</v>
      </c>
      <c r="HZ15" s="70">
        <v>186</v>
      </c>
      <c r="IA15" s="71">
        <v>168</v>
      </c>
      <c r="IB15" s="72">
        <v>354</v>
      </c>
      <c r="IC15" s="244"/>
      <c r="ID15" s="71">
        <v>313</v>
      </c>
      <c r="IE15" s="71">
        <v>215</v>
      </c>
      <c r="IF15" s="71">
        <v>172</v>
      </c>
      <c r="IG15" s="71">
        <v>146</v>
      </c>
      <c r="IH15" s="71">
        <v>80</v>
      </c>
      <c r="II15" s="72">
        <v>926</v>
      </c>
      <c r="IJ15" s="73">
        <v>1280</v>
      </c>
      <c r="IK15" s="70">
        <v>405</v>
      </c>
      <c r="IL15" s="71">
        <v>285</v>
      </c>
      <c r="IM15" s="72">
        <v>690</v>
      </c>
      <c r="IN15" s="244"/>
      <c r="IO15" s="71">
        <v>621</v>
      </c>
      <c r="IP15" s="71">
        <v>313</v>
      </c>
      <c r="IQ15" s="71">
        <v>252</v>
      </c>
      <c r="IR15" s="71">
        <v>243</v>
      </c>
      <c r="IS15" s="71">
        <v>139</v>
      </c>
      <c r="IT15" s="72">
        <v>1568</v>
      </c>
      <c r="IU15" s="73">
        <v>2258</v>
      </c>
      <c r="IV15" s="70">
        <v>405</v>
      </c>
      <c r="IW15" s="71">
        <v>306</v>
      </c>
      <c r="IX15" s="72">
        <v>711</v>
      </c>
      <c r="IY15" s="244"/>
      <c r="IZ15" s="71">
        <v>755</v>
      </c>
      <c r="JA15" s="71">
        <v>429</v>
      </c>
      <c r="JB15" s="71">
        <v>358</v>
      </c>
      <c r="JC15" s="71">
        <v>345</v>
      </c>
      <c r="JD15" s="71">
        <v>187</v>
      </c>
      <c r="JE15" s="72">
        <v>2074</v>
      </c>
      <c r="JF15" s="73">
        <v>2785</v>
      </c>
      <c r="JG15" s="70">
        <v>245</v>
      </c>
      <c r="JH15" s="71">
        <v>213</v>
      </c>
      <c r="JI15" s="72">
        <v>458</v>
      </c>
      <c r="JJ15" s="244"/>
      <c r="JK15" s="71">
        <v>638</v>
      </c>
      <c r="JL15" s="71">
        <v>480</v>
      </c>
      <c r="JM15" s="71">
        <v>447</v>
      </c>
      <c r="JN15" s="71">
        <v>496</v>
      </c>
      <c r="JO15" s="71">
        <v>257</v>
      </c>
      <c r="JP15" s="72">
        <v>2318</v>
      </c>
      <c r="JQ15" s="73">
        <v>2776</v>
      </c>
      <c r="JR15" s="70">
        <v>21</v>
      </c>
      <c r="JS15" s="71">
        <v>19</v>
      </c>
      <c r="JT15" s="72">
        <v>40</v>
      </c>
      <c r="JU15" s="244"/>
      <c r="JV15" s="71">
        <v>58</v>
      </c>
      <c r="JW15" s="71">
        <v>38</v>
      </c>
      <c r="JX15" s="71">
        <v>27</v>
      </c>
      <c r="JY15" s="71">
        <v>26</v>
      </c>
      <c r="JZ15" s="71">
        <v>23</v>
      </c>
      <c r="KA15" s="72">
        <v>172</v>
      </c>
      <c r="KB15" s="73">
        <v>212</v>
      </c>
      <c r="KC15" s="70">
        <v>1416</v>
      </c>
      <c r="KD15" s="71">
        <v>1119</v>
      </c>
      <c r="KE15" s="72">
        <v>2535</v>
      </c>
      <c r="KF15" s="244"/>
      <c r="KG15" s="71">
        <v>2664</v>
      </c>
      <c r="KH15" s="71">
        <v>1623</v>
      </c>
      <c r="KI15" s="71">
        <v>1401</v>
      </c>
      <c r="KJ15" s="71">
        <v>1371</v>
      </c>
      <c r="KK15" s="71">
        <v>774</v>
      </c>
      <c r="KL15" s="72">
        <v>7833</v>
      </c>
      <c r="KM15" s="73">
        <v>10368</v>
      </c>
    </row>
    <row r="16" spans="2:299" ht="21" customHeight="1" x14ac:dyDescent="0.2">
      <c r="B16" s="126" t="s">
        <v>12</v>
      </c>
      <c r="C16" s="315">
        <v>693</v>
      </c>
      <c r="D16" s="82">
        <v>616</v>
      </c>
      <c r="E16" s="83">
        <v>1309</v>
      </c>
      <c r="F16" s="241"/>
      <c r="G16" s="82">
        <v>691</v>
      </c>
      <c r="H16" s="82">
        <v>626</v>
      </c>
      <c r="I16" s="82">
        <v>473</v>
      </c>
      <c r="J16" s="82">
        <v>461</v>
      </c>
      <c r="K16" s="82">
        <v>222</v>
      </c>
      <c r="L16" s="84">
        <v>2473</v>
      </c>
      <c r="M16" s="85">
        <v>3782</v>
      </c>
      <c r="N16" s="86">
        <v>24</v>
      </c>
      <c r="O16" s="71">
        <v>29</v>
      </c>
      <c r="P16" s="72">
        <v>53</v>
      </c>
      <c r="Q16" s="244"/>
      <c r="R16" s="71">
        <v>18</v>
      </c>
      <c r="S16" s="71">
        <v>29</v>
      </c>
      <c r="T16" s="71">
        <v>20</v>
      </c>
      <c r="U16" s="71">
        <v>24</v>
      </c>
      <c r="V16" s="71">
        <v>10</v>
      </c>
      <c r="W16" s="72">
        <v>101</v>
      </c>
      <c r="X16" s="73">
        <v>154</v>
      </c>
      <c r="Y16" s="70">
        <v>57</v>
      </c>
      <c r="Z16" s="71">
        <v>72</v>
      </c>
      <c r="AA16" s="72">
        <v>129</v>
      </c>
      <c r="AB16" s="244"/>
      <c r="AC16" s="71">
        <v>51</v>
      </c>
      <c r="AD16" s="71">
        <v>45</v>
      </c>
      <c r="AE16" s="71">
        <v>40</v>
      </c>
      <c r="AF16" s="71">
        <v>38</v>
      </c>
      <c r="AG16" s="71">
        <v>23</v>
      </c>
      <c r="AH16" s="72">
        <v>197</v>
      </c>
      <c r="AI16" s="73">
        <v>326</v>
      </c>
      <c r="AJ16" s="86">
        <v>89</v>
      </c>
      <c r="AK16" s="71">
        <v>92</v>
      </c>
      <c r="AL16" s="72">
        <v>181</v>
      </c>
      <c r="AM16" s="244"/>
      <c r="AN16" s="71">
        <v>91</v>
      </c>
      <c r="AO16" s="71">
        <v>96</v>
      </c>
      <c r="AP16" s="71">
        <v>79</v>
      </c>
      <c r="AQ16" s="71">
        <v>61</v>
      </c>
      <c r="AR16" s="71">
        <v>50</v>
      </c>
      <c r="AS16" s="72">
        <v>377</v>
      </c>
      <c r="AT16" s="73">
        <v>558</v>
      </c>
      <c r="AU16" s="70">
        <v>181</v>
      </c>
      <c r="AV16" s="71">
        <v>154</v>
      </c>
      <c r="AW16" s="72">
        <v>335</v>
      </c>
      <c r="AX16" s="244"/>
      <c r="AY16" s="71">
        <v>167</v>
      </c>
      <c r="AZ16" s="71">
        <v>165</v>
      </c>
      <c r="BA16" s="71">
        <v>104</v>
      </c>
      <c r="BB16" s="71">
        <v>92</v>
      </c>
      <c r="BC16" s="71">
        <v>55</v>
      </c>
      <c r="BD16" s="72">
        <v>583</v>
      </c>
      <c r="BE16" s="73">
        <v>918</v>
      </c>
      <c r="BF16" s="86">
        <v>207</v>
      </c>
      <c r="BG16" s="71">
        <v>141</v>
      </c>
      <c r="BH16" s="72">
        <v>348</v>
      </c>
      <c r="BI16" s="244"/>
      <c r="BJ16" s="71">
        <v>214</v>
      </c>
      <c r="BK16" s="71">
        <v>155</v>
      </c>
      <c r="BL16" s="71">
        <v>138</v>
      </c>
      <c r="BM16" s="71">
        <v>137</v>
      </c>
      <c r="BN16" s="71">
        <v>53</v>
      </c>
      <c r="BO16" s="72">
        <v>697</v>
      </c>
      <c r="BP16" s="73">
        <v>1045</v>
      </c>
      <c r="BQ16" s="70">
        <v>135</v>
      </c>
      <c r="BR16" s="71">
        <v>128</v>
      </c>
      <c r="BS16" s="72">
        <v>263</v>
      </c>
      <c r="BT16" s="244"/>
      <c r="BU16" s="71">
        <v>150</v>
      </c>
      <c r="BV16" s="71">
        <v>136</v>
      </c>
      <c r="BW16" s="71">
        <v>92</v>
      </c>
      <c r="BX16" s="71">
        <v>109</v>
      </c>
      <c r="BY16" s="71">
        <v>31</v>
      </c>
      <c r="BZ16" s="72">
        <v>518</v>
      </c>
      <c r="CA16" s="73">
        <v>781</v>
      </c>
      <c r="CB16" s="70">
        <v>18</v>
      </c>
      <c r="CC16" s="71">
        <v>28</v>
      </c>
      <c r="CD16" s="72">
        <v>46</v>
      </c>
      <c r="CE16" s="244"/>
      <c r="CF16" s="71">
        <v>15</v>
      </c>
      <c r="CG16" s="71">
        <v>19</v>
      </c>
      <c r="CH16" s="71">
        <v>17</v>
      </c>
      <c r="CI16" s="71">
        <v>12</v>
      </c>
      <c r="CJ16" s="71">
        <v>13</v>
      </c>
      <c r="CK16" s="72">
        <v>76</v>
      </c>
      <c r="CL16" s="73">
        <v>122</v>
      </c>
      <c r="CM16" s="70">
        <v>711</v>
      </c>
      <c r="CN16" s="71">
        <v>644</v>
      </c>
      <c r="CO16" s="72">
        <v>1355</v>
      </c>
      <c r="CP16" s="244"/>
      <c r="CQ16" s="71">
        <v>706</v>
      </c>
      <c r="CR16" s="71">
        <v>645</v>
      </c>
      <c r="CS16" s="71">
        <v>490</v>
      </c>
      <c r="CT16" s="71">
        <v>473</v>
      </c>
      <c r="CU16" s="71">
        <v>235</v>
      </c>
      <c r="CV16" s="72">
        <v>2549</v>
      </c>
      <c r="CW16" s="73">
        <v>3904</v>
      </c>
      <c r="CX16" s="123">
        <v>1327</v>
      </c>
      <c r="CY16" s="82">
        <v>1320</v>
      </c>
      <c r="CZ16" s="83">
        <v>2647</v>
      </c>
      <c r="DA16" s="241"/>
      <c r="DB16" s="82">
        <v>1431</v>
      </c>
      <c r="DC16" s="82">
        <v>1106</v>
      </c>
      <c r="DD16" s="82">
        <v>950</v>
      </c>
      <c r="DE16" s="82">
        <v>1029</v>
      </c>
      <c r="DF16" s="82">
        <v>700</v>
      </c>
      <c r="DG16" s="84">
        <v>5216</v>
      </c>
      <c r="DH16" s="85">
        <v>7863</v>
      </c>
      <c r="DI16" s="86">
        <v>37</v>
      </c>
      <c r="DJ16" s="71">
        <v>36</v>
      </c>
      <c r="DK16" s="72">
        <v>73</v>
      </c>
      <c r="DL16" s="244"/>
      <c r="DM16" s="71">
        <v>23</v>
      </c>
      <c r="DN16" s="71">
        <v>16</v>
      </c>
      <c r="DO16" s="71">
        <v>14</v>
      </c>
      <c r="DP16" s="71">
        <v>14</v>
      </c>
      <c r="DQ16" s="71">
        <v>11</v>
      </c>
      <c r="DR16" s="72">
        <v>78</v>
      </c>
      <c r="DS16" s="73">
        <v>151</v>
      </c>
      <c r="DT16" s="70">
        <v>84</v>
      </c>
      <c r="DU16" s="71">
        <v>83</v>
      </c>
      <c r="DV16" s="72">
        <v>167</v>
      </c>
      <c r="DW16" s="244"/>
      <c r="DX16" s="71">
        <v>53</v>
      </c>
      <c r="DY16" s="71">
        <v>54</v>
      </c>
      <c r="DZ16" s="71">
        <v>37</v>
      </c>
      <c r="EA16" s="71">
        <v>47</v>
      </c>
      <c r="EB16" s="71">
        <v>36</v>
      </c>
      <c r="EC16" s="72">
        <v>227</v>
      </c>
      <c r="ED16" s="73">
        <v>394</v>
      </c>
      <c r="EE16" s="86">
        <v>199</v>
      </c>
      <c r="EF16" s="71">
        <v>211</v>
      </c>
      <c r="EG16" s="72">
        <v>410</v>
      </c>
      <c r="EH16" s="244"/>
      <c r="EI16" s="71">
        <v>135</v>
      </c>
      <c r="EJ16" s="71">
        <v>119</v>
      </c>
      <c r="EK16" s="71">
        <v>95</v>
      </c>
      <c r="EL16" s="71">
        <v>84</v>
      </c>
      <c r="EM16" s="71">
        <v>63</v>
      </c>
      <c r="EN16" s="72">
        <v>496</v>
      </c>
      <c r="EO16" s="73">
        <v>906</v>
      </c>
      <c r="EP16" s="70">
        <v>372</v>
      </c>
      <c r="EQ16" s="71">
        <v>326</v>
      </c>
      <c r="ER16" s="72">
        <v>698</v>
      </c>
      <c r="ES16" s="244"/>
      <c r="ET16" s="71">
        <v>336</v>
      </c>
      <c r="EU16" s="71">
        <v>207</v>
      </c>
      <c r="EV16" s="71">
        <v>153</v>
      </c>
      <c r="EW16" s="71">
        <v>144</v>
      </c>
      <c r="EX16" s="71">
        <v>126</v>
      </c>
      <c r="EY16" s="72">
        <v>966</v>
      </c>
      <c r="EZ16" s="73">
        <v>1664</v>
      </c>
      <c r="FA16" s="86">
        <v>393</v>
      </c>
      <c r="FB16" s="71">
        <v>361</v>
      </c>
      <c r="FC16" s="72">
        <v>754</v>
      </c>
      <c r="FD16" s="244"/>
      <c r="FE16" s="71">
        <v>436</v>
      </c>
      <c r="FF16" s="71">
        <v>337</v>
      </c>
      <c r="FG16" s="71">
        <v>271</v>
      </c>
      <c r="FH16" s="71">
        <v>299</v>
      </c>
      <c r="FI16" s="71">
        <v>162</v>
      </c>
      <c r="FJ16" s="72">
        <v>1505</v>
      </c>
      <c r="FK16" s="73">
        <v>2259</v>
      </c>
      <c r="FL16" s="70">
        <v>242</v>
      </c>
      <c r="FM16" s="71">
        <v>303</v>
      </c>
      <c r="FN16" s="72">
        <v>545</v>
      </c>
      <c r="FO16" s="244"/>
      <c r="FP16" s="71">
        <v>448</v>
      </c>
      <c r="FQ16" s="71">
        <v>373</v>
      </c>
      <c r="FR16" s="71">
        <v>380</v>
      </c>
      <c r="FS16" s="71">
        <v>441</v>
      </c>
      <c r="FT16" s="71">
        <v>302</v>
      </c>
      <c r="FU16" s="72">
        <v>1944</v>
      </c>
      <c r="FV16" s="73">
        <v>2489</v>
      </c>
      <c r="FW16" s="70">
        <v>18</v>
      </c>
      <c r="FX16" s="71">
        <v>21</v>
      </c>
      <c r="FY16" s="72">
        <v>39</v>
      </c>
      <c r="FZ16" s="244"/>
      <c r="GA16" s="71">
        <v>18</v>
      </c>
      <c r="GB16" s="71">
        <v>15</v>
      </c>
      <c r="GC16" s="71">
        <v>15</v>
      </c>
      <c r="GD16" s="71">
        <v>15</v>
      </c>
      <c r="GE16" s="71">
        <v>9</v>
      </c>
      <c r="GF16" s="72">
        <v>72</v>
      </c>
      <c r="GG16" s="73">
        <v>111</v>
      </c>
      <c r="GH16" s="70">
        <v>1345</v>
      </c>
      <c r="GI16" s="71">
        <v>1341</v>
      </c>
      <c r="GJ16" s="72">
        <v>2686</v>
      </c>
      <c r="GK16" s="244"/>
      <c r="GL16" s="71">
        <v>1449</v>
      </c>
      <c r="GM16" s="71">
        <v>1121</v>
      </c>
      <c r="GN16" s="71">
        <v>965</v>
      </c>
      <c r="GO16" s="71">
        <v>1044</v>
      </c>
      <c r="GP16" s="71">
        <v>709</v>
      </c>
      <c r="GQ16" s="72">
        <v>5288</v>
      </c>
      <c r="GR16" s="73">
        <v>7974</v>
      </c>
      <c r="GS16" s="123">
        <v>2020</v>
      </c>
      <c r="GT16" s="82">
        <v>1936</v>
      </c>
      <c r="GU16" s="83">
        <v>3956</v>
      </c>
      <c r="GV16" s="241"/>
      <c r="GW16" s="82">
        <v>2122</v>
      </c>
      <c r="GX16" s="82">
        <v>1732</v>
      </c>
      <c r="GY16" s="82">
        <v>1423</v>
      </c>
      <c r="GZ16" s="82">
        <v>1490</v>
      </c>
      <c r="HA16" s="82">
        <v>922</v>
      </c>
      <c r="HB16" s="84">
        <v>7689</v>
      </c>
      <c r="HC16" s="85">
        <v>11645</v>
      </c>
      <c r="HD16" s="86">
        <v>61</v>
      </c>
      <c r="HE16" s="71">
        <v>65</v>
      </c>
      <c r="HF16" s="72">
        <v>126</v>
      </c>
      <c r="HG16" s="244"/>
      <c r="HH16" s="71">
        <v>41</v>
      </c>
      <c r="HI16" s="71">
        <v>45</v>
      </c>
      <c r="HJ16" s="71">
        <v>34</v>
      </c>
      <c r="HK16" s="71">
        <v>38</v>
      </c>
      <c r="HL16" s="71">
        <v>21</v>
      </c>
      <c r="HM16" s="72">
        <v>179</v>
      </c>
      <c r="HN16" s="73">
        <v>305</v>
      </c>
      <c r="HO16" s="70">
        <v>141</v>
      </c>
      <c r="HP16" s="71">
        <v>155</v>
      </c>
      <c r="HQ16" s="72">
        <v>296</v>
      </c>
      <c r="HR16" s="244"/>
      <c r="HS16" s="71">
        <v>104</v>
      </c>
      <c r="HT16" s="71">
        <v>99</v>
      </c>
      <c r="HU16" s="71">
        <v>77</v>
      </c>
      <c r="HV16" s="71">
        <v>85</v>
      </c>
      <c r="HW16" s="71">
        <v>59</v>
      </c>
      <c r="HX16" s="72">
        <v>424</v>
      </c>
      <c r="HY16" s="73">
        <v>720</v>
      </c>
      <c r="HZ16" s="86">
        <v>288</v>
      </c>
      <c r="IA16" s="71">
        <v>303</v>
      </c>
      <c r="IB16" s="72">
        <v>591</v>
      </c>
      <c r="IC16" s="244"/>
      <c r="ID16" s="71">
        <v>226</v>
      </c>
      <c r="IE16" s="71">
        <v>215</v>
      </c>
      <c r="IF16" s="71">
        <v>174</v>
      </c>
      <c r="IG16" s="71">
        <v>145</v>
      </c>
      <c r="IH16" s="71">
        <v>113</v>
      </c>
      <c r="II16" s="72">
        <v>873</v>
      </c>
      <c r="IJ16" s="73">
        <v>1464</v>
      </c>
      <c r="IK16" s="70">
        <v>553</v>
      </c>
      <c r="IL16" s="71">
        <v>480</v>
      </c>
      <c r="IM16" s="72">
        <v>1033</v>
      </c>
      <c r="IN16" s="244"/>
      <c r="IO16" s="71">
        <v>503</v>
      </c>
      <c r="IP16" s="71">
        <v>372</v>
      </c>
      <c r="IQ16" s="71">
        <v>257</v>
      </c>
      <c r="IR16" s="71">
        <v>236</v>
      </c>
      <c r="IS16" s="71">
        <v>181</v>
      </c>
      <c r="IT16" s="72">
        <v>1549</v>
      </c>
      <c r="IU16" s="73">
        <v>2582</v>
      </c>
      <c r="IV16" s="86">
        <v>600</v>
      </c>
      <c r="IW16" s="71">
        <v>502</v>
      </c>
      <c r="IX16" s="72">
        <v>1102</v>
      </c>
      <c r="IY16" s="244"/>
      <c r="IZ16" s="71">
        <v>650</v>
      </c>
      <c r="JA16" s="71">
        <v>492</v>
      </c>
      <c r="JB16" s="71">
        <v>409</v>
      </c>
      <c r="JC16" s="71">
        <v>436</v>
      </c>
      <c r="JD16" s="71">
        <v>215</v>
      </c>
      <c r="JE16" s="72">
        <v>2202</v>
      </c>
      <c r="JF16" s="73">
        <v>3304</v>
      </c>
      <c r="JG16" s="70">
        <v>377</v>
      </c>
      <c r="JH16" s="71">
        <v>431</v>
      </c>
      <c r="JI16" s="72">
        <v>808</v>
      </c>
      <c r="JJ16" s="244"/>
      <c r="JK16" s="71">
        <v>598</v>
      </c>
      <c r="JL16" s="71">
        <v>509</v>
      </c>
      <c r="JM16" s="71">
        <v>472</v>
      </c>
      <c r="JN16" s="71">
        <v>550</v>
      </c>
      <c r="JO16" s="71">
        <v>333</v>
      </c>
      <c r="JP16" s="72">
        <v>2462</v>
      </c>
      <c r="JQ16" s="73">
        <v>3270</v>
      </c>
      <c r="JR16" s="70">
        <v>36</v>
      </c>
      <c r="JS16" s="71">
        <v>49</v>
      </c>
      <c r="JT16" s="72">
        <v>85</v>
      </c>
      <c r="JU16" s="244"/>
      <c r="JV16" s="71">
        <v>33</v>
      </c>
      <c r="JW16" s="71">
        <v>34</v>
      </c>
      <c r="JX16" s="71">
        <v>32</v>
      </c>
      <c r="JY16" s="71">
        <v>27</v>
      </c>
      <c r="JZ16" s="71">
        <v>22</v>
      </c>
      <c r="KA16" s="72">
        <v>148</v>
      </c>
      <c r="KB16" s="73">
        <v>233</v>
      </c>
      <c r="KC16" s="70">
        <v>2056</v>
      </c>
      <c r="KD16" s="71">
        <v>1985</v>
      </c>
      <c r="KE16" s="72">
        <v>4041</v>
      </c>
      <c r="KF16" s="244"/>
      <c r="KG16" s="71">
        <v>2155</v>
      </c>
      <c r="KH16" s="71">
        <v>1766</v>
      </c>
      <c r="KI16" s="71">
        <v>1455</v>
      </c>
      <c r="KJ16" s="71">
        <v>1517</v>
      </c>
      <c r="KK16" s="71">
        <v>944</v>
      </c>
      <c r="KL16" s="72">
        <v>7837</v>
      </c>
      <c r="KM16" s="73">
        <v>11878</v>
      </c>
    </row>
    <row r="17" spans="2:299" ht="21" customHeight="1" x14ac:dyDescent="0.2">
      <c r="B17" s="126" t="s">
        <v>13</v>
      </c>
      <c r="C17" s="315">
        <v>157</v>
      </c>
      <c r="D17" s="82">
        <v>175</v>
      </c>
      <c r="E17" s="83">
        <v>332</v>
      </c>
      <c r="F17" s="241"/>
      <c r="G17" s="82">
        <v>313</v>
      </c>
      <c r="H17" s="82">
        <v>247</v>
      </c>
      <c r="I17" s="82">
        <v>175</v>
      </c>
      <c r="J17" s="82">
        <v>158</v>
      </c>
      <c r="K17" s="82">
        <v>102</v>
      </c>
      <c r="L17" s="84">
        <v>995</v>
      </c>
      <c r="M17" s="85">
        <v>1327</v>
      </c>
      <c r="N17" s="70">
        <v>3</v>
      </c>
      <c r="O17" s="71">
        <v>1</v>
      </c>
      <c r="P17" s="72">
        <v>4</v>
      </c>
      <c r="Q17" s="244"/>
      <c r="R17" s="71">
        <v>16</v>
      </c>
      <c r="S17" s="71">
        <v>6</v>
      </c>
      <c r="T17" s="71">
        <v>7</v>
      </c>
      <c r="U17" s="71">
        <v>10</v>
      </c>
      <c r="V17" s="71">
        <v>5</v>
      </c>
      <c r="W17" s="72">
        <v>44</v>
      </c>
      <c r="X17" s="73">
        <v>48</v>
      </c>
      <c r="Y17" s="70">
        <v>12</v>
      </c>
      <c r="Z17" s="71">
        <v>11</v>
      </c>
      <c r="AA17" s="72">
        <v>23</v>
      </c>
      <c r="AB17" s="244"/>
      <c r="AC17" s="71">
        <v>22</v>
      </c>
      <c r="AD17" s="71">
        <v>17</v>
      </c>
      <c r="AE17" s="71">
        <v>11</v>
      </c>
      <c r="AF17" s="71">
        <v>14</v>
      </c>
      <c r="AG17" s="71">
        <v>13</v>
      </c>
      <c r="AH17" s="72">
        <v>77</v>
      </c>
      <c r="AI17" s="73">
        <v>100</v>
      </c>
      <c r="AJ17" s="70">
        <v>17</v>
      </c>
      <c r="AK17" s="71">
        <v>18</v>
      </c>
      <c r="AL17" s="72">
        <v>35</v>
      </c>
      <c r="AM17" s="244"/>
      <c r="AN17" s="71">
        <v>41</v>
      </c>
      <c r="AO17" s="71">
        <v>35</v>
      </c>
      <c r="AP17" s="71">
        <v>22</v>
      </c>
      <c r="AQ17" s="71">
        <v>15</v>
      </c>
      <c r="AR17" s="71">
        <v>10</v>
      </c>
      <c r="AS17" s="72">
        <v>123</v>
      </c>
      <c r="AT17" s="73">
        <v>158</v>
      </c>
      <c r="AU17" s="70">
        <v>38</v>
      </c>
      <c r="AV17" s="71">
        <v>50</v>
      </c>
      <c r="AW17" s="72">
        <v>88</v>
      </c>
      <c r="AX17" s="244"/>
      <c r="AY17" s="71">
        <v>75</v>
      </c>
      <c r="AZ17" s="71">
        <v>44</v>
      </c>
      <c r="BA17" s="71">
        <v>38</v>
      </c>
      <c r="BB17" s="71">
        <v>28</v>
      </c>
      <c r="BC17" s="71">
        <v>24</v>
      </c>
      <c r="BD17" s="72">
        <v>209</v>
      </c>
      <c r="BE17" s="73">
        <v>297</v>
      </c>
      <c r="BF17" s="70">
        <v>50</v>
      </c>
      <c r="BG17" s="71">
        <v>60</v>
      </c>
      <c r="BH17" s="72">
        <v>110</v>
      </c>
      <c r="BI17" s="244"/>
      <c r="BJ17" s="71">
        <v>86</v>
      </c>
      <c r="BK17" s="71">
        <v>71</v>
      </c>
      <c r="BL17" s="71">
        <v>52</v>
      </c>
      <c r="BM17" s="71">
        <v>51</v>
      </c>
      <c r="BN17" s="71">
        <v>25</v>
      </c>
      <c r="BO17" s="72">
        <v>285</v>
      </c>
      <c r="BP17" s="73">
        <v>395</v>
      </c>
      <c r="BQ17" s="70">
        <v>37</v>
      </c>
      <c r="BR17" s="71">
        <v>35</v>
      </c>
      <c r="BS17" s="72">
        <v>72</v>
      </c>
      <c r="BT17" s="244"/>
      <c r="BU17" s="71">
        <v>73</v>
      </c>
      <c r="BV17" s="71">
        <v>74</v>
      </c>
      <c r="BW17" s="71">
        <v>45</v>
      </c>
      <c r="BX17" s="71">
        <v>40</v>
      </c>
      <c r="BY17" s="71">
        <v>25</v>
      </c>
      <c r="BZ17" s="72">
        <v>257</v>
      </c>
      <c r="CA17" s="73">
        <v>329</v>
      </c>
      <c r="CB17" s="70">
        <v>4</v>
      </c>
      <c r="CC17" s="71">
        <v>4</v>
      </c>
      <c r="CD17" s="72">
        <v>8</v>
      </c>
      <c r="CE17" s="244"/>
      <c r="CF17" s="71">
        <v>8</v>
      </c>
      <c r="CG17" s="71">
        <v>5</v>
      </c>
      <c r="CH17" s="71">
        <v>8</v>
      </c>
      <c r="CI17" s="71">
        <v>4</v>
      </c>
      <c r="CJ17" s="71">
        <v>8</v>
      </c>
      <c r="CK17" s="72">
        <v>33</v>
      </c>
      <c r="CL17" s="73">
        <v>41</v>
      </c>
      <c r="CM17" s="70">
        <v>161</v>
      </c>
      <c r="CN17" s="71">
        <v>179</v>
      </c>
      <c r="CO17" s="72">
        <v>340</v>
      </c>
      <c r="CP17" s="244"/>
      <c r="CQ17" s="71">
        <v>321</v>
      </c>
      <c r="CR17" s="71">
        <v>252</v>
      </c>
      <c r="CS17" s="71">
        <v>183</v>
      </c>
      <c r="CT17" s="71">
        <v>162</v>
      </c>
      <c r="CU17" s="71">
        <v>110</v>
      </c>
      <c r="CV17" s="72">
        <v>1028</v>
      </c>
      <c r="CW17" s="73">
        <v>1368</v>
      </c>
      <c r="CX17" s="123">
        <v>382</v>
      </c>
      <c r="CY17" s="82">
        <v>404</v>
      </c>
      <c r="CZ17" s="83">
        <v>786</v>
      </c>
      <c r="DA17" s="241"/>
      <c r="DB17" s="82">
        <v>598</v>
      </c>
      <c r="DC17" s="82">
        <v>464</v>
      </c>
      <c r="DD17" s="82">
        <v>351</v>
      </c>
      <c r="DE17" s="82">
        <v>397</v>
      </c>
      <c r="DF17" s="82">
        <v>290</v>
      </c>
      <c r="DG17" s="84">
        <v>2100</v>
      </c>
      <c r="DH17" s="85">
        <v>2886</v>
      </c>
      <c r="DI17" s="70">
        <v>6</v>
      </c>
      <c r="DJ17" s="71">
        <v>7</v>
      </c>
      <c r="DK17" s="72">
        <v>13</v>
      </c>
      <c r="DL17" s="244"/>
      <c r="DM17" s="71">
        <v>7</v>
      </c>
      <c r="DN17" s="71">
        <v>8</v>
      </c>
      <c r="DO17" s="71">
        <v>3</v>
      </c>
      <c r="DP17" s="71">
        <v>6</v>
      </c>
      <c r="DQ17" s="71">
        <v>3</v>
      </c>
      <c r="DR17" s="72">
        <v>27</v>
      </c>
      <c r="DS17" s="73">
        <v>40</v>
      </c>
      <c r="DT17" s="70">
        <v>16</v>
      </c>
      <c r="DU17" s="71">
        <v>26</v>
      </c>
      <c r="DV17" s="72">
        <v>42</v>
      </c>
      <c r="DW17" s="244"/>
      <c r="DX17" s="71">
        <v>26</v>
      </c>
      <c r="DY17" s="71">
        <v>19</v>
      </c>
      <c r="DZ17" s="71">
        <v>14</v>
      </c>
      <c r="EA17" s="71">
        <v>9</v>
      </c>
      <c r="EB17" s="71">
        <v>12</v>
      </c>
      <c r="EC17" s="72">
        <v>80</v>
      </c>
      <c r="ED17" s="73">
        <v>122</v>
      </c>
      <c r="EE17" s="70">
        <v>37</v>
      </c>
      <c r="EF17" s="71">
        <v>38</v>
      </c>
      <c r="EG17" s="72">
        <v>75</v>
      </c>
      <c r="EH17" s="244"/>
      <c r="EI17" s="71">
        <v>79</v>
      </c>
      <c r="EJ17" s="71">
        <v>38</v>
      </c>
      <c r="EK17" s="71">
        <v>29</v>
      </c>
      <c r="EL17" s="71">
        <v>23</v>
      </c>
      <c r="EM17" s="71">
        <v>29</v>
      </c>
      <c r="EN17" s="72">
        <v>198</v>
      </c>
      <c r="EO17" s="73">
        <v>273</v>
      </c>
      <c r="EP17" s="70">
        <v>112</v>
      </c>
      <c r="EQ17" s="71">
        <v>108</v>
      </c>
      <c r="ER17" s="72">
        <v>220</v>
      </c>
      <c r="ES17" s="244"/>
      <c r="ET17" s="71">
        <v>136</v>
      </c>
      <c r="EU17" s="71">
        <v>78</v>
      </c>
      <c r="EV17" s="71">
        <v>53</v>
      </c>
      <c r="EW17" s="71">
        <v>59</v>
      </c>
      <c r="EX17" s="71">
        <v>49</v>
      </c>
      <c r="EY17" s="72">
        <v>375</v>
      </c>
      <c r="EZ17" s="73">
        <v>595</v>
      </c>
      <c r="FA17" s="70">
        <v>124</v>
      </c>
      <c r="FB17" s="71">
        <v>122</v>
      </c>
      <c r="FC17" s="72">
        <v>246</v>
      </c>
      <c r="FD17" s="244"/>
      <c r="FE17" s="71">
        <v>185</v>
      </c>
      <c r="FF17" s="71">
        <v>138</v>
      </c>
      <c r="FG17" s="71">
        <v>92</v>
      </c>
      <c r="FH17" s="71">
        <v>107</v>
      </c>
      <c r="FI17" s="71">
        <v>68</v>
      </c>
      <c r="FJ17" s="72">
        <v>590</v>
      </c>
      <c r="FK17" s="73">
        <v>836</v>
      </c>
      <c r="FL17" s="70">
        <v>87</v>
      </c>
      <c r="FM17" s="71">
        <v>103</v>
      </c>
      <c r="FN17" s="72">
        <v>190</v>
      </c>
      <c r="FO17" s="244"/>
      <c r="FP17" s="71">
        <v>165</v>
      </c>
      <c r="FQ17" s="71">
        <v>183</v>
      </c>
      <c r="FR17" s="71">
        <v>160</v>
      </c>
      <c r="FS17" s="71">
        <v>193</v>
      </c>
      <c r="FT17" s="71">
        <v>129</v>
      </c>
      <c r="FU17" s="72">
        <v>830</v>
      </c>
      <c r="FV17" s="73">
        <v>1020</v>
      </c>
      <c r="FW17" s="70">
        <v>1</v>
      </c>
      <c r="FX17" s="71">
        <v>2</v>
      </c>
      <c r="FY17" s="72">
        <v>3</v>
      </c>
      <c r="FZ17" s="244"/>
      <c r="GA17" s="71">
        <v>5</v>
      </c>
      <c r="GB17" s="71">
        <v>6</v>
      </c>
      <c r="GC17" s="71">
        <v>6</v>
      </c>
      <c r="GD17" s="71">
        <v>3</v>
      </c>
      <c r="GE17" s="71">
        <v>5</v>
      </c>
      <c r="GF17" s="72">
        <v>25</v>
      </c>
      <c r="GG17" s="73">
        <v>28</v>
      </c>
      <c r="GH17" s="70">
        <v>383</v>
      </c>
      <c r="GI17" s="71">
        <v>406</v>
      </c>
      <c r="GJ17" s="72">
        <v>789</v>
      </c>
      <c r="GK17" s="244"/>
      <c r="GL17" s="71">
        <v>603</v>
      </c>
      <c r="GM17" s="71">
        <v>470</v>
      </c>
      <c r="GN17" s="71">
        <v>357</v>
      </c>
      <c r="GO17" s="71">
        <v>400</v>
      </c>
      <c r="GP17" s="71">
        <v>295</v>
      </c>
      <c r="GQ17" s="72">
        <v>2125</v>
      </c>
      <c r="GR17" s="73">
        <v>2914</v>
      </c>
      <c r="GS17" s="123">
        <v>539</v>
      </c>
      <c r="GT17" s="82">
        <v>579</v>
      </c>
      <c r="GU17" s="83">
        <v>1118</v>
      </c>
      <c r="GV17" s="241"/>
      <c r="GW17" s="82">
        <v>911</v>
      </c>
      <c r="GX17" s="82">
        <v>711</v>
      </c>
      <c r="GY17" s="82">
        <v>526</v>
      </c>
      <c r="GZ17" s="82">
        <v>555</v>
      </c>
      <c r="HA17" s="82">
        <v>392</v>
      </c>
      <c r="HB17" s="84">
        <v>3095</v>
      </c>
      <c r="HC17" s="85">
        <v>4213</v>
      </c>
      <c r="HD17" s="70">
        <v>9</v>
      </c>
      <c r="HE17" s="71">
        <v>8</v>
      </c>
      <c r="HF17" s="72">
        <v>17</v>
      </c>
      <c r="HG17" s="244"/>
      <c r="HH17" s="71">
        <v>23</v>
      </c>
      <c r="HI17" s="71">
        <v>14</v>
      </c>
      <c r="HJ17" s="71">
        <v>10</v>
      </c>
      <c r="HK17" s="71">
        <v>16</v>
      </c>
      <c r="HL17" s="71">
        <v>8</v>
      </c>
      <c r="HM17" s="72">
        <v>71</v>
      </c>
      <c r="HN17" s="73">
        <v>88</v>
      </c>
      <c r="HO17" s="70">
        <v>28</v>
      </c>
      <c r="HP17" s="71">
        <v>37</v>
      </c>
      <c r="HQ17" s="72">
        <v>65</v>
      </c>
      <c r="HR17" s="244"/>
      <c r="HS17" s="71">
        <v>48</v>
      </c>
      <c r="HT17" s="71">
        <v>36</v>
      </c>
      <c r="HU17" s="71">
        <v>25</v>
      </c>
      <c r="HV17" s="71">
        <v>23</v>
      </c>
      <c r="HW17" s="71">
        <v>25</v>
      </c>
      <c r="HX17" s="72">
        <v>157</v>
      </c>
      <c r="HY17" s="73">
        <v>222</v>
      </c>
      <c r="HZ17" s="70">
        <v>54</v>
      </c>
      <c r="IA17" s="71">
        <v>56</v>
      </c>
      <c r="IB17" s="72">
        <v>110</v>
      </c>
      <c r="IC17" s="244"/>
      <c r="ID17" s="71">
        <v>120</v>
      </c>
      <c r="IE17" s="71">
        <v>73</v>
      </c>
      <c r="IF17" s="71">
        <v>51</v>
      </c>
      <c r="IG17" s="71">
        <v>38</v>
      </c>
      <c r="IH17" s="71">
        <v>39</v>
      </c>
      <c r="II17" s="72">
        <v>321</v>
      </c>
      <c r="IJ17" s="73">
        <v>431</v>
      </c>
      <c r="IK17" s="70">
        <v>150</v>
      </c>
      <c r="IL17" s="71">
        <v>158</v>
      </c>
      <c r="IM17" s="72">
        <v>308</v>
      </c>
      <c r="IN17" s="244"/>
      <c r="IO17" s="71">
        <v>211</v>
      </c>
      <c r="IP17" s="71">
        <v>122</v>
      </c>
      <c r="IQ17" s="71">
        <v>91</v>
      </c>
      <c r="IR17" s="71">
        <v>87</v>
      </c>
      <c r="IS17" s="71">
        <v>73</v>
      </c>
      <c r="IT17" s="72">
        <v>584</v>
      </c>
      <c r="IU17" s="73">
        <v>892</v>
      </c>
      <c r="IV17" s="70">
        <v>174</v>
      </c>
      <c r="IW17" s="71">
        <v>182</v>
      </c>
      <c r="IX17" s="72">
        <v>356</v>
      </c>
      <c r="IY17" s="244"/>
      <c r="IZ17" s="71">
        <v>271</v>
      </c>
      <c r="JA17" s="71">
        <v>209</v>
      </c>
      <c r="JB17" s="71">
        <v>144</v>
      </c>
      <c r="JC17" s="71">
        <v>158</v>
      </c>
      <c r="JD17" s="71">
        <v>93</v>
      </c>
      <c r="JE17" s="72">
        <v>875</v>
      </c>
      <c r="JF17" s="73">
        <v>1231</v>
      </c>
      <c r="JG17" s="70">
        <v>124</v>
      </c>
      <c r="JH17" s="71">
        <v>138</v>
      </c>
      <c r="JI17" s="72">
        <v>262</v>
      </c>
      <c r="JJ17" s="244"/>
      <c r="JK17" s="71">
        <v>238</v>
      </c>
      <c r="JL17" s="71">
        <v>257</v>
      </c>
      <c r="JM17" s="71">
        <v>205</v>
      </c>
      <c r="JN17" s="71">
        <v>233</v>
      </c>
      <c r="JO17" s="71">
        <v>154</v>
      </c>
      <c r="JP17" s="72">
        <v>1087</v>
      </c>
      <c r="JQ17" s="73">
        <v>1349</v>
      </c>
      <c r="JR17" s="70">
        <v>5</v>
      </c>
      <c r="JS17" s="71">
        <v>6</v>
      </c>
      <c r="JT17" s="72">
        <v>11</v>
      </c>
      <c r="JU17" s="244"/>
      <c r="JV17" s="71">
        <v>13</v>
      </c>
      <c r="JW17" s="71">
        <v>11</v>
      </c>
      <c r="JX17" s="71">
        <v>14</v>
      </c>
      <c r="JY17" s="71">
        <v>7</v>
      </c>
      <c r="JZ17" s="71">
        <v>13</v>
      </c>
      <c r="KA17" s="72">
        <v>58</v>
      </c>
      <c r="KB17" s="73">
        <v>69</v>
      </c>
      <c r="KC17" s="70">
        <v>544</v>
      </c>
      <c r="KD17" s="71">
        <v>585</v>
      </c>
      <c r="KE17" s="72">
        <v>1129</v>
      </c>
      <c r="KF17" s="244"/>
      <c r="KG17" s="71">
        <v>924</v>
      </c>
      <c r="KH17" s="71">
        <v>722</v>
      </c>
      <c r="KI17" s="71">
        <v>540</v>
      </c>
      <c r="KJ17" s="71">
        <v>562</v>
      </c>
      <c r="KK17" s="71">
        <v>405</v>
      </c>
      <c r="KL17" s="72">
        <v>3153</v>
      </c>
      <c r="KM17" s="73">
        <v>4282</v>
      </c>
    </row>
    <row r="18" spans="2:299" ht="21" customHeight="1" x14ac:dyDescent="0.2">
      <c r="B18" s="126" t="s">
        <v>15</v>
      </c>
      <c r="C18" s="315">
        <v>114</v>
      </c>
      <c r="D18" s="82">
        <v>141</v>
      </c>
      <c r="E18" s="83">
        <v>255</v>
      </c>
      <c r="F18" s="241"/>
      <c r="G18" s="82">
        <v>257</v>
      </c>
      <c r="H18" s="82">
        <v>232</v>
      </c>
      <c r="I18" s="82">
        <v>162</v>
      </c>
      <c r="J18" s="82">
        <v>129</v>
      </c>
      <c r="K18" s="82">
        <v>77</v>
      </c>
      <c r="L18" s="84">
        <v>857</v>
      </c>
      <c r="M18" s="85">
        <v>1112</v>
      </c>
      <c r="N18" s="70">
        <v>3</v>
      </c>
      <c r="O18" s="71">
        <v>3</v>
      </c>
      <c r="P18" s="72">
        <v>6</v>
      </c>
      <c r="Q18" s="244"/>
      <c r="R18" s="71">
        <v>14</v>
      </c>
      <c r="S18" s="71">
        <v>14</v>
      </c>
      <c r="T18" s="71">
        <v>9</v>
      </c>
      <c r="U18" s="71">
        <v>6</v>
      </c>
      <c r="V18" s="71">
        <v>7</v>
      </c>
      <c r="W18" s="72">
        <v>50</v>
      </c>
      <c r="X18" s="73">
        <v>56</v>
      </c>
      <c r="Y18" s="70">
        <v>9</v>
      </c>
      <c r="Z18" s="71">
        <v>12</v>
      </c>
      <c r="AA18" s="72">
        <v>21</v>
      </c>
      <c r="AB18" s="244"/>
      <c r="AC18" s="71">
        <v>28</v>
      </c>
      <c r="AD18" s="71">
        <v>26</v>
      </c>
      <c r="AE18" s="71">
        <v>22</v>
      </c>
      <c r="AF18" s="71">
        <v>17</v>
      </c>
      <c r="AG18" s="71">
        <v>8</v>
      </c>
      <c r="AH18" s="72">
        <v>101</v>
      </c>
      <c r="AI18" s="73">
        <v>122</v>
      </c>
      <c r="AJ18" s="70">
        <v>17</v>
      </c>
      <c r="AK18" s="71">
        <v>27</v>
      </c>
      <c r="AL18" s="72">
        <v>44</v>
      </c>
      <c r="AM18" s="244"/>
      <c r="AN18" s="71">
        <v>43</v>
      </c>
      <c r="AO18" s="71">
        <v>46</v>
      </c>
      <c r="AP18" s="71">
        <v>20</v>
      </c>
      <c r="AQ18" s="71">
        <v>25</v>
      </c>
      <c r="AR18" s="71">
        <v>17</v>
      </c>
      <c r="AS18" s="72">
        <v>151</v>
      </c>
      <c r="AT18" s="73">
        <v>195</v>
      </c>
      <c r="AU18" s="70">
        <v>34</v>
      </c>
      <c r="AV18" s="71">
        <v>34</v>
      </c>
      <c r="AW18" s="72">
        <v>68</v>
      </c>
      <c r="AX18" s="244"/>
      <c r="AY18" s="71">
        <v>66</v>
      </c>
      <c r="AZ18" s="71">
        <v>48</v>
      </c>
      <c r="BA18" s="71">
        <v>37</v>
      </c>
      <c r="BB18" s="71">
        <v>23</v>
      </c>
      <c r="BC18" s="71">
        <v>22</v>
      </c>
      <c r="BD18" s="72">
        <v>196</v>
      </c>
      <c r="BE18" s="73">
        <v>264</v>
      </c>
      <c r="BF18" s="70">
        <v>33</v>
      </c>
      <c r="BG18" s="71">
        <v>41</v>
      </c>
      <c r="BH18" s="72">
        <v>74</v>
      </c>
      <c r="BI18" s="244"/>
      <c r="BJ18" s="71">
        <v>61</v>
      </c>
      <c r="BK18" s="71">
        <v>50</v>
      </c>
      <c r="BL18" s="71">
        <v>38</v>
      </c>
      <c r="BM18" s="71">
        <v>32</v>
      </c>
      <c r="BN18" s="71">
        <v>16</v>
      </c>
      <c r="BO18" s="72">
        <v>197</v>
      </c>
      <c r="BP18" s="73">
        <v>271</v>
      </c>
      <c r="BQ18" s="70">
        <v>18</v>
      </c>
      <c r="BR18" s="71">
        <v>24</v>
      </c>
      <c r="BS18" s="72">
        <v>42</v>
      </c>
      <c r="BT18" s="244"/>
      <c r="BU18" s="71">
        <v>45</v>
      </c>
      <c r="BV18" s="71">
        <v>48</v>
      </c>
      <c r="BW18" s="71">
        <v>36</v>
      </c>
      <c r="BX18" s="71">
        <v>26</v>
      </c>
      <c r="BY18" s="71">
        <v>7</v>
      </c>
      <c r="BZ18" s="72">
        <v>162</v>
      </c>
      <c r="CA18" s="73">
        <v>204</v>
      </c>
      <c r="CB18" s="70">
        <v>0</v>
      </c>
      <c r="CC18" s="71">
        <v>4</v>
      </c>
      <c r="CD18" s="72">
        <v>4</v>
      </c>
      <c r="CE18" s="244"/>
      <c r="CF18" s="71">
        <v>7</v>
      </c>
      <c r="CG18" s="71">
        <v>6</v>
      </c>
      <c r="CH18" s="71">
        <v>2</v>
      </c>
      <c r="CI18" s="71">
        <v>3</v>
      </c>
      <c r="CJ18" s="71">
        <v>5</v>
      </c>
      <c r="CK18" s="72">
        <v>23</v>
      </c>
      <c r="CL18" s="73">
        <v>27</v>
      </c>
      <c r="CM18" s="70">
        <v>114</v>
      </c>
      <c r="CN18" s="71">
        <v>145</v>
      </c>
      <c r="CO18" s="72">
        <v>259</v>
      </c>
      <c r="CP18" s="244"/>
      <c r="CQ18" s="71">
        <v>264</v>
      </c>
      <c r="CR18" s="71">
        <v>238</v>
      </c>
      <c r="CS18" s="71">
        <v>164</v>
      </c>
      <c r="CT18" s="71">
        <v>132</v>
      </c>
      <c r="CU18" s="71">
        <v>82</v>
      </c>
      <c r="CV18" s="72">
        <v>880</v>
      </c>
      <c r="CW18" s="73">
        <v>1139</v>
      </c>
      <c r="CX18" s="123">
        <v>241</v>
      </c>
      <c r="CY18" s="82">
        <v>349</v>
      </c>
      <c r="CZ18" s="83">
        <v>590</v>
      </c>
      <c r="DA18" s="241"/>
      <c r="DB18" s="82">
        <v>452</v>
      </c>
      <c r="DC18" s="82">
        <v>439</v>
      </c>
      <c r="DD18" s="82">
        <v>331</v>
      </c>
      <c r="DE18" s="82">
        <v>303</v>
      </c>
      <c r="DF18" s="82">
        <v>184</v>
      </c>
      <c r="DG18" s="84">
        <v>1709</v>
      </c>
      <c r="DH18" s="85">
        <v>2299</v>
      </c>
      <c r="DI18" s="70">
        <v>4</v>
      </c>
      <c r="DJ18" s="71">
        <v>3</v>
      </c>
      <c r="DK18" s="72">
        <v>7</v>
      </c>
      <c r="DL18" s="244"/>
      <c r="DM18" s="71">
        <v>11</v>
      </c>
      <c r="DN18" s="71">
        <v>10</v>
      </c>
      <c r="DO18" s="71">
        <v>2</v>
      </c>
      <c r="DP18" s="71">
        <v>3</v>
      </c>
      <c r="DQ18" s="71">
        <v>4</v>
      </c>
      <c r="DR18" s="72">
        <v>30</v>
      </c>
      <c r="DS18" s="73">
        <v>37</v>
      </c>
      <c r="DT18" s="70">
        <v>13</v>
      </c>
      <c r="DU18" s="71">
        <v>15</v>
      </c>
      <c r="DV18" s="72">
        <v>28</v>
      </c>
      <c r="DW18" s="244"/>
      <c r="DX18" s="71">
        <v>36</v>
      </c>
      <c r="DY18" s="71">
        <v>35</v>
      </c>
      <c r="DZ18" s="71">
        <v>19</v>
      </c>
      <c r="EA18" s="71">
        <v>9</v>
      </c>
      <c r="EB18" s="71">
        <v>7</v>
      </c>
      <c r="EC18" s="72">
        <v>106</v>
      </c>
      <c r="ED18" s="73">
        <v>134</v>
      </c>
      <c r="EE18" s="70">
        <v>50</v>
      </c>
      <c r="EF18" s="71">
        <v>54</v>
      </c>
      <c r="EG18" s="72">
        <v>104</v>
      </c>
      <c r="EH18" s="244"/>
      <c r="EI18" s="71">
        <v>65</v>
      </c>
      <c r="EJ18" s="71">
        <v>52</v>
      </c>
      <c r="EK18" s="71">
        <v>28</v>
      </c>
      <c r="EL18" s="71">
        <v>16</v>
      </c>
      <c r="EM18" s="71">
        <v>19</v>
      </c>
      <c r="EN18" s="72">
        <v>180</v>
      </c>
      <c r="EO18" s="73">
        <v>284</v>
      </c>
      <c r="EP18" s="70">
        <v>77</v>
      </c>
      <c r="EQ18" s="71">
        <v>103</v>
      </c>
      <c r="ER18" s="72">
        <v>180</v>
      </c>
      <c r="ES18" s="244"/>
      <c r="ET18" s="71">
        <v>111</v>
      </c>
      <c r="EU18" s="71">
        <v>86</v>
      </c>
      <c r="EV18" s="71">
        <v>55</v>
      </c>
      <c r="EW18" s="71">
        <v>42</v>
      </c>
      <c r="EX18" s="71">
        <v>37</v>
      </c>
      <c r="EY18" s="72">
        <v>331</v>
      </c>
      <c r="EZ18" s="73">
        <v>511</v>
      </c>
      <c r="FA18" s="70">
        <v>64</v>
      </c>
      <c r="FB18" s="71">
        <v>105</v>
      </c>
      <c r="FC18" s="72">
        <v>169</v>
      </c>
      <c r="FD18" s="244"/>
      <c r="FE18" s="71">
        <v>123</v>
      </c>
      <c r="FF18" s="71">
        <v>117</v>
      </c>
      <c r="FG18" s="71">
        <v>88</v>
      </c>
      <c r="FH18" s="71">
        <v>90</v>
      </c>
      <c r="FI18" s="71">
        <v>38</v>
      </c>
      <c r="FJ18" s="72">
        <v>456</v>
      </c>
      <c r="FK18" s="73">
        <v>625</v>
      </c>
      <c r="FL18" s="70">
        <v>33</v>
      </c>
      <c r="FM18" s="71">
        <v>69</v>
      </c>
      <c r="FN18" s="72">
        <v>102</v>
      </c>
      <c r="FO18" s="244"/>
      <c r="FP18" s="71">
        <v>106</v>
      </c>
      <c r="FQ18" s="71">
        <v>139</v>
      </c>
      <c r="FR18" s="71">
        <v>139</v>
      </c>
      <c r="FS18" s="71">
        <v>143</v>
      </c>
      <c r="FT18" s="71">
        <v>79</v>
      </c>
      <c r="FU18" s="72">
        <v>606</v>
      </c>
      <c r="FV18" s="73">
        <v>708</v>
      </c>
      <c r="FW18" s="70">
        <v>1</v>
      </c>
      <c r="FX18" s="71">
        <v>4</v>
      </c>
      <c r="FY18" s="72">
        <v>5</v>
      </c>
      <c r="FZ18" s="244"/>
      <c r="GA18" s="71">
        <v>4</v>
      </c>
      <c r="GB18" s="71">
        <v>8</v>
      </c>
      <c r="GC18" s="71">
        <v>1</v>
      </c>
      <c r="GD18" s="71">
        <v>1</v>
      </c>
      <c r="GE18" s="71">
        <v>7</v>
      </c>
      <c r="GF18" s="72">
        <v>21</v>
      </c>
      <c r="GG18" s="73">
        <v>26</v>
      </c>
      <c r="GH18" s="70">
        <v>242</v>
      </c>
      <c r="GI18" s="71">
        <v>353</v>
      </c>
      <c r="GJ18" s="72">
        <v>595</v>
      </c>
      <c r="GK18" s="244"/>
      <c r="GL18" s="71">
        <v>456</v>
      </c>
      <c r="GM18" s="71">
        <v>447</v>
      </c>
      <c r="GN18" s="71">
        <v>332</v>
      </c>
      <c r="GO18" s="71">
        <v>304</v>
      </c>
      <c r="GP18" s="71">
        <v>191</v>
      </c>
      <c r="GQ18" s="72">
        <v>1730</v>
      </c>
      <c r="GR18" s="73">
        <v>2325</v>
      </c>
      <c r="GS18" s="123">
        <v>355</v>
      </c>
      <c r="GT18" s="82">
        <v>490</v>
      </c>
      <c r="GU18" s="83">
        <v>845</v>
      </c>
      <c r="GV18" s="241"/>
      <c r="GW18" s="82">
        <v>709</v>
      </c>
      <c r="GX18" s="82">
        <v>671</v>
      </c>
      <c r="GY18" s="82">
        <v>493</v>
      </c>
      <c r="GZ18" s="82">
        <v>432</v>
      </c>
      <c r="HA18" s="82">
        <v>261</v>
      </c>
      <c r="HB18" s="84">
        <v>2566</v>
      </c>
      <c r="HC18" s="85">
        <v>3411</v>
      </c>
      <c r="HD18" s="70">
        <v>7</v>
      </c>
      <c r="HE18" s="71">
        <v>6</v>
      </c>
      <c r="HF18" s="72">
        <v>13</v>
      </c>
      <c r="HG18" s="244"/>
      <c r="HH18" s="71">
        <v>25</v>
      </c>
      <c r="HI18" s="71">
        <v>24</v>
      </c>
      <c r="HJ18" s="71">
        <v>11</v>
      </c>
      <c r="HK18" s="71">
        <v>9</v>
      </c>
      <c r="HL18" s="71">
        <v>11</v>
      </c>
      <c r="HM18" s="72">
        <v>80</v>
      </c>
      <c r="HN18" s="73">
        <v>93</v>
      </c>
      <c r="HO18" s="70">
        <v>22</v>
      </c>
      <c r="HP18" s="71">
        <v>27</v>
      </c>
      <c r="HQ18" s="72">
        <v>49</v>
      </c>
      <c r="HR18" s="244"/>
      <c r="HS18" s="71">
        <v>64</v>
      </c>
      <c r="HT18" s="71">
        <v>61</v>
      </c>
      <c r="HU18" s="71">
        <v>41</v>
      </c>
      <c r="HV18" s="71">
        <v>26</v>
      </c>
      <c r="HW18" s="71">
        <v>15</v>
      </c>
      <c r="HX18" s="72">
        <v>207</v>
      </c>
      <c r="HY18" s="73">
        <v>256</v>
      </c>
      <c r="HZ18" s="70">
        <v>67</v>
      </c>
      <c r="IA18" s="71">
        <v>81</v>
      </c>
      <c r="IB18" s="72">
        <v>148</v>
      </c>
      <c r="IC18" s="244"/>
      <c r="ID18" s="71">
        <v>108</v>
      </c>
      <c r="IE18" s="71">
        <v>98</v>
      </c>
      <c r="IF18" s="71">
        <v>48</v>
      </c>
      <c r="IG18" s="71">
        <v>41</v>
      </c>
      <c r="IH18" s="71">
        <v>36</v>
      </c>
      <c r="II18" s="72">
        <v>331</v>
      </c>
      <c r="IJ18" s="73">
        <v>479</v>
      </c>
      <c r="IK18" s="70">
        <v>111</v>
      </c>
      <c r="IL18" s="71">
        <v>137</v>
      </c>
      <c r="IM18" s="72">
        <v>248</v>
      </c>
      <c r="IN18" s="244"/>
      <c r="IO18" s="71">
        <v>177</v>
      </c>
      <c r="IP18" s="71">
        <v>134</v>
      </c>
      <c r="IQ18" s="71">
        <v>92</v>
      </c>
      <c r="IR18" s="71">
        <v>65</v>
      </c>
      <c r="IS18" s="71">
        <v>59</v>
      </c>
      <c r="IT18" s="72">
        <v>527</v>
      </c>
      <c r="IU18" s="73">
        <v>775</v>
      </c>
      <c r="IV18" s="70">
        <v>97</v>
      </c>
      <c r="IW18" s="71">
        <v>146</v>
      </c>
      <c r="IX18" s="72">
        <v>243</v>
      </c>
      <c r="IY18" s="244"/>
      <c r="IZ18" s="71">
        <v>184</v>
      </c>
      <c r="JA18" s="71">
        <v>167</v>
      </c>
      <c r="JB18" s="71">
        <v>126</v>
      </c>
      <c r="JC18" s="71">
        <v>122</v>
      </c>
      <c r="JD18" s="71">
        <v>54</v>
      </c>
      <c r="JE18" s="72">
        <v>653</v>
      </c>
      <c r="JF18" s="73">
        <v>896</v>
      </c>
      <c r="JG18" s="70">
        <v>51</v>
      </c>
      <c r="JH18" s="71">
        <v>93</v>
      </c>
      <c r="JI18" s="72">
        <v>144</v>
      </c>
      <c r="JJ18" s="244"/>
      <c r="JK18" s="71">
        <v>151</v>
      </c>
      <c r="JL18" s="71">
        <v>187</v>
      </c>
      <c r="JM18" s="71">
        <v>175</v>
      </c>
      <c r="JN18" s="71">
        <v>169</v>
      </c>
      <c r="JO18" s="71">
        <v>86</v>
      </c>
      <c r="JP18" s="72">
        <v>768</v>
      </c>
      <c r="JQ18" s="73">
        <v>912</v>
      </c>
      <c r="JR18" s="70">
        <v>1</v>
      </c>
      <c r="JS18" s="71">
        <v>8</v>
      </c>
      <c r="JT18" s="72">
        <v>9</v>
      </c>
      <c r="JU18" s="244"/>
      <c r="JV18" s="71">
        <v>11</v>
      </c>
      <c r="JW18" s="71">
        <v>14</v>
      </c>
      <c r="JX18" s="71">
        <v>3</v>
      </c>
      <c r="JY18" s="71">
        <v>4</v>
      </c>
      <c r="JZ18" s="71">
        <v>12</v>
      </c>
      <c r="KA18" s="72">
        <v>44</v>
      </c>
      <c r="KB18" s="73">
        <v>53</v>
      </c>
      <c r="KC18" s="70">
        <v>356</v>
      </c>
      <c r="KD18" s="71">
        <v>498</v>
      </c>
      <c r="KE18" s="72">
        <v>854</v>
      </c>
      <c r="KF18" s="244"/>
      <c r="KG18" s="71">
        <v>720</v>
      </c>
      <c r="KH18" s="71">
        <v>685</v>
      </c>
      <c r="KI18" s="71">
        <v>496</v>
      </c>
      <c r="KJ18" s="71">
        <v>436</v>
      </c>
      <c r="KK18" s="71">
        <v>273</v>
      </c>
      <c r="KL18" s="72">
        <v>2610</v>
      </c>
      <c r="KM18" s="73">
        <v>3464</v>
      </c>
    </row>
    <row r="19" spans="2:299" ht="21" customHeight="1" x14ac:dyDescent="0.2">
      <c r="B19" s="126" t="s">
        <v>16</v>
      </c>
      <c r="C19" s="315">
        <v>228</v>
      </c>
      <c r="D19" s="82">
        <v>266</v>
      </c>
      <c r="E19" s="83">
        <v>494</v>
      </c>
      <c r="F19" s="241"/>
      <c r="G19" s="82">
        <v>510</v>
      </c>
      <c r="H19" s="82">
        <v>619</v>
      </c>
      <c r="I19" s="82">
        <v>388</v>
      </c>
      <c r="J19" s="82">
        <v>320</v>
      </c>
      <c r="K19" s="82">
        <v>210</v>
      </c>
      <c r="L19" s="84">
        <v>2047</v>
      </c>
      <c r="M19" s="85">
        <v>2541</v>
      </c>
      <c r="N19" s="70">
        <v>12</v>
      </c>
      <c r="O19" s="71">
        <v>11</v>
      </c>
      <c r="P19" s="72">
        <v>23</v>
      </c>
      <c r="Q19" s="244"/>
      <c r="R19" s="71">
        <v>24</v>
      </c>
      <c r="S19" s="71">
        <v>31</v>
      </c>
      <c r="T19" s="71">
        <v>22</v>
      </c>
      <c r="U19" s="71">
        <v>23</v>
      </c>
      <c r="V19" s="71">
        <v>24</v>
      </c>
      <c r="W19" s="72">
        <v>124</v>
      </c>
      <c r="X19" s="73">
        <v>147</v>
      </c>
      <c r="Y19" s="70">
        <v>32</v>
      </c>
      <c r="Z19" s="71">
        <v>50</v>
      </c>
      <c r="AA19" s="72">
        <v>82</v>
      </c>
      <c r="AB19" s="244"/>
      <c r="AC19" s="71">
        <v>76</v>
      </c>
      <c r="AD19" s="71">
        <v>74</v>
      </c>
      <c r="AE19" s="71">
        <v>49</v>
      </c>
      <c r="AF19" s="71">
        <v>37</v>
      </c>
      <c r="AG19" s="71">
        <v>30</v>
      </c>
      <c r="AH19" s="72">
        <v>266</v>
      </c>
      <c r="AI19" s="73">
        <v>348</v>
      </c>
      <c r="AJ19" s="70">
        <v>54</v>
      </c>
      <c r="AK19" s="71">
        <v>44</v>
      </c>
      <c r="AL19" s="72">
        <v>98</v>
      </c>
      <c r="AM19" s="244"/>
      <c r="AN19" s="71">
        <v>74</v>
      </c>
      <c r="AO19" s="71">
        <v>110</v>
      </c>
      <c r="AP19" s="71">
        <v>66</v>
      </c>
      <c r="AQ19" s="71">
        <v>56</v>
      </c>
      <c r="AR19" s="71">
        <v>42</v>
      </c>
      <c r="AS19" s="72">
        <v>348</v>
      </c>
      <c r="AT19" s="73">
        <v>446</v>
      </c>
      <c r="AU19" s="70">
        <v>51</v>
      </c>
      <c r="AV19" s="71">
        <v>62</v>
      </c>
      <c r="AW19" s="72">
        <v>113</v>
      </c>
      <c r="AX19" s="244"/>
      <c r="AY19" s="71">
        <v>148</v>
      </c>
      <c r="AZ19" s="71">
        <v>160</v>
      </c>
      <c r="BA19" s="71">
        <v>85</v>
      </c>
      <c r="BB19" s="71">
        <v>75</v>
      </c>
      <c r="BC19" s="71">
        <v>53</v>
      </c>
      <c r="BD19" s="72">
        <v>521</v>
      </c>
      <c r="BE19" s="73">
        <v>634</v>
      </c>
      <c r="BF19" s="70">
        <v>54</v>
      </c>
      <c r="BG19" s="71">
        <v>58</v>
      </c>
      <c r="BH19" s="72">
        <v>112</v>
      </c>
      <c r="BI19" s="244"/>
      <c r="BJ19" s="71">
        <v>121</v>
      </c>
      <c r="BK19" s="71">
        <v>139</v>
      </c>
      <c r="BL19" s="71">
        <v>80</v>
      </c>
      <c r="BM19" s="71">
        <v>54</v>
      </c>
      <c r="BN19" s="71">
        <v>31</v>
      </c>
      <c r="BO19" s="72">
        <v>425</v>
      </c>
      <c r="BP19" s="73">
        <v>537</v>
      </c>
      <c r="BQ19" s="70">
        <v>25</v>
      </c>
      <c r="BR19" s="71">
        <v>41</v>
      </c>
      <c r="BS19" s="72">
        <v>66</v>
      </c>
      <c r="BT19" s="244"/>
      <c r="BU19" s="71">
        <v>67</v>
      </c>
      <c r="BV19" s="71">
        <v>105</v>
      </c>
      <c r="BW19" s="71">
        <v>86</v>
      </c>
      <c r="BX19" s="71">
        <v>75</v>
      </c>
      <c r="BY19" s="71">
        <v>30</v>
      </c>
      <c r="BZ19" s="72">
        <v>363</v>
      </c>
      <c r="CA19" s="73">
        <v>429</v>
      </c>
      <c r="CB19" s="70">
        <v>10</v>
      </c>
      <c r="CC19" s="71">
        <v>11</v>
      </c>
      <c r="CD19" s="72">
        <v>21</v>
      </c>
      <c r="CE19" s="244"/>
      <c r="CF19" s="71">
        <v>16</v>
      </c>
      <c r="CG19" s="71">
        <v>24</v>
      </c>
      <c r="CH19" s="71">
        <v>22</v>
      </c>
      <c r="CI19" s="71">
        <v>12</v>
      </c>
      <c r="CJ19" s="71">
        <v>16</v>
      </c>
      <c r="CK19" s="72">
        <v>90</v>
      </c>
      <c r="CL19" s="73">
        <v>111</v>
      </c>
      <c r="CM19" s="70">
        <v>238</v>
      </c>
      <c r="CN19" s="71">
        <v>277</v>
      </c>
      <c r="CO19" s="72">
        <v>515</v>
      </c>
      <c r="CP19" s="244"/>
      <c r="CQ19" s="71">
        <v>526</v>
      </c>
      <c r="CR19" s="71">
        <v>643</v>
      </c>
      <c r="CS19" s="71">
        <v>410</v>
      </c>
      <c r="CT19" s="71">
        <v>332</v>
      </c>
      <c r="CU19" s="71">
        <v>226</v>
      </c>
      <c r="CV19" s="72">
        <v>2137</v>
      </c>
      <c r="CW19" s="73">
        <v>2652</v>
      </c>
      <c r="CX19" s="123">
        <v>422</v>
      </c>
      <c r="CY19" s="82">
        <v>556</v>
      </c>
      <c r="CZ19" s="83">
        <v>978</v>
      </c>
      <c r="DA19" s="241"/>
      <c r="DB19" s="82">
        <v>858</v>
      </c>
      <c r="DC19" s="82">
        <v>999</v>
      </c>
      <c r="DD19" s="82">
        <v>775</v>
      </c>
      <c r="DE19" s="82">
        <v>780</v>
      </c>
      <c r="DF19" s="82">
        <v>514</v>
      </c>
      <c r="DG19" s="84">
        <v>3926</v>
      </c>
      <c r="DH19" s="85">
        <v>4904</v>
      </c>
      <c r="DI19" s="70">
        <v>17</v>
      </c>
      <c r="DJ19" s="71">
        <v>24</v>
      </c>
      <c r="DK19" s="72">
        <v>41</v>
      </c>
      <c r="DL19" s="244"/>
      <c r="DM19" s="71">
        <v>17</v>
      </c>
      <c r="DN19" s="71">
        <v>29</v>
      </c>
      <c r="DO19" s="71">
        <v>20</v>
      </c>
      <c r="DP19" s="71">
        <v>16</v>
      </c>
      <c r="DQ19" s="71">
        <v>9</v>
      </c>
      <c r="DR19" s="72">
        <v>91</v>
      </c>
      <c r="DS19" s="73">
        <v>132</v>
      </c>
      <c r="DT19" s="70">
        <v>33</v>
      </c>
      <c r="DU19" s="71">
        <v>55</v>
      </c>
      <c r="DV19" s="72">
        <v>88</v>
      </c>
      <c r="DW19" s="244"/>
      <c r="DX19" s="71">
        <v>51</v>
      </c>
      <c r="DY19" s="71">
        <v>75</v>
      </c>
      <c r="DZ19" s="71">
        <v>49</v>
      </c>
      <c r="EA19" s="71">
        <v>41</v>
      </c>
      <c r="EB19" s="71">
        <v>34</v>
      </c>
      <c r="EC19" s="72">
        <v>250</v>
      </c>
      <c r="ED19" s="73">
        <v>338</v>
      </c>
      <c r="EE19" s="70">
        <v>87</v>
      </c>
      <c r="EF19" s="71">
        <v>91</v>
      </c>
      <c r="EG19" s="72">
        <v>178</v>
      </c>
      <c r="EH19" s="244"/>
      <c r="EI19" s="71">
        <v>110</v>
      </c>
      <c r="EJ19" s="71">
        <v>137</v>
      </c>
      <c r="EK19" s="71">
        <v>81</v>
      </c>
      <c r="EL19" s="71">
        <v>80</v>
      </c>
      <c r="EM19" s="71">
        <v>51</v>
      </c>
      <c r="EN19" s="72">
        <v>459</v>
      </c>
      <c r="EO19" s="73">
        <v>637</v>
      </c>
      <c r="EP19" s="70">
        <v>119</v>
      </c>
      <c r="EQ19" s="71">
        <v>152</v>
      </c>
      <c r="ER19" s="72">
        <v>271</v>
      </c>
      <c r="ES19" s="244"/>
      <c r="ET19" s="71">
        <v>194</v>
      </c>
      <c r="EU19" s="71">
        <v>206</v>
      </c>
      <c r="EV19" s="71">
        <v>137</v>
      </c>
      <c r="EW19" s="71">
        <v>117</v>
      </c>
      <c r="EX19" s="71">
        <v>100</v>
      </c>
      <c r="EY19" s="72">
        <v>754</v>
      </c>
      <c r="EZ19" s="73">
        <v>1025</v>
      </c>
      <c r="FA19" s="70">
        <v>100</v>
      </c>
      <c r="FB19" s="71">
        <v>129</v>
      </c>
      <c r="FC19" s="72">
        <v>229</v>
      </c>
      <c r="FD19" s="244"/>
      <c r="FE19" s="71">
        <v>271</v>
      </c>
      <c r="FF19" s="71">
        <v>254</v>
      </c>
      <c r="FG19" s="71">
        <v>205</v>
      </c>
      <c r="FH19" s="71">
        <v>182</v>
      </c>
      <c r="FI19" s="71">
        <v>121</v>
      </c>
      <c r="FJ19" s="72">
        <v>1033</v>
      </c>
      <c r="FK19" s="73">
        <v>1262</v>
      </c>
      <c r="FL19" s="70">
        <v>66</v>
      </c>
      <c r="FM19" s="71">
        <v>105</v>
      </c>
      <c r="FN19" s="72">
        <v>171</v>
      </c>
      <c r="FO19" s="244"/>
      <c r="FP19" s="71">
        <v>215</v>
      </c>
      <c r="FQ19" s="71">
        <v>298</v>
      </c>
      <c r="FR19" s="71">
        <v>283</v>
      </c>
      <c r="FS19" s="71">
        <v>344</v>
      </c>
      <c r="FT19" s="71">
        <v>199</v>
      </c>
      <c r="FU19" s="72">
        <v>1339</v>
      </c>
      <c r="FV19" s="73">
        <v>1510</v>
      </c>
      <c r="FW19" s="70">
        <v>13</v>
      </c>
      <c r="FX19" s="71">
        <v>13</v>
      </c>
      <c r="FY19" s="72">
        <v>26</v>
      </c>
      <c r="FZ19" s="244"/>
      <c r="GA19" s="71">
        <v>4</v>
      </c>
      <c r="GB19" s="71">
        <v>20</v>
      </c>
      <c r="GC19" s="71">
        <v>11</v>
      </c>
      <c r="GD19" s="71">
        <v>12</v>
      </c>
      <c r="GE19" s="71">
        <v>12</v>
      </c>
      <c r="GF19" s="72">
        <v>59</v>
      </c>
      <c r="GG19" s="73">
        <v>85</v>
      </c>
      <c r="GH19" s="70">
        <v>435</v>
      </c>
      <c r="GI19" s="71">
        <v>569</v>
      </c>
      <c r="GJ19" s="72">
        <v>1004</v>
      </c>
      <c r="GK19" s="244"/>
      <c r="GL19" s="71">
        <v>862</v>
      </c>
      <c r="GM19" s="71">
        <v>1019</v>
      </c>
      <c r="GN19" s="71">
        <v>786</v>
      </c>
      <c r="GO19" s="71">
        <v>792</v>
      </c>
      <c r="GP19" s="71">
        <v>526</v>
      </c>
      <c r="GQ19" s="72">
        <v>3985</v>
      </c>
      <c r="GR19" s="73">
        <v>4989</v>
      </c>
      <c r="GS19" s="123">
        <v>650</v>
      </c>
      <c r="GT19" s="82">
        <v>822</v>
      </c>
      <c r="GU19" s="83">
        <v>1472</v>
      </c>
      <c r="GV19" s="241"/>
      <c r="GW19" s="82">
        <v>1368</v>
      </c>
      <c r="GX19" s="82">
        <v>1618</v>
      </c>
      <c r="GY19" s="82">
        <v>1163</v>
      </c>
      <c r="GZ19" s="82">
        <v>1100</v>
      </c>
      <c r="HA19" s="82">
        <v>724</v>
      </c>
      <c r="HB19" s="84">
        <v>5973</v>
      </c>
      <c r="HC19" s="85">
        <v>7445</v>
      </c>
      <c r="HD19" s="70">
        <v>29</v>
      </c>
      <c r="HE19" s="71">
        <v>35</v>
      </c>
      <c r="HF19" s="72">
        <v>64</v>
      </c>
      <c r="HG19" s="244"/>
      <c r="HH19" s="71">
        <v>41</v>
      </c>
      <c r="HI19" s="71">
        <v>60</v>
      </c>
      <c r="HJ19" s="71">
        <v>42</v>
      </c>
      <c r="HK19" s="71">
        <v>39</v>
      </c>
      <c r="HL19" s="71">
        <v>33</v>
      </c>
      <c r="HM19" s="72">
        <v>215</v>
      </c>
      <c r="HN19" s="73">
        <v>279</v>
      </c>
      <c r="HO19" s="70">
        <v>65</v>
      </c>
      <c r="HP19" s="71">
        <v>105</v>
      </c>
      <c r="HQ19" s="72">
        <v>170</v>
      </c>
      <c r="HR19" s="244"/>
      <c r="HS19" s="71">
        <v>127</v>
      </c>
      <c r="HT19" s="71">
        <v>149</v>
      </c>
      <c r="HU19" s="71">
        <v>98</v>
      </c>
      <c r="HV19" s="71">
        <v>78</v>
      </c>
      <c r="HW19" s="71">
        <v>64</v>
      </c>
      <c r="HX19" s="72">
        <v>516</v>
      </c>
      <c r="HY19" s="73">
        <v>686</v>
      </c>
      <c r="HZ19" s="70">
        <v>141</v>
      </c>
      <c r="IA19" s="71">
        <v>135</v>
      </c>
      <c r="IB19" s="72">
        <v>276</v>
      </c>
      <c r="IC19" s="244"/>
      <c r="ID19" s="71">
        <v>184</v>
      </c>
      <c r="IE19" s="71">
        <v>247</v>
      </c>
      <c r="IF19" s="71">
        <v>147</v>
      </c>
      <c r="IG19" s="71">
        <v>136</v>
      </c>
      <c r="IH19" s="71">
        <v>93</v>
      </c>
      <c r="II19" s="72">
        <v>807</v>
      </c>
      <c r="IJ19" s="73">
        <v>1083</v>
      </c>
      <c r="IK19" s="70">
        <v>170</v>
      </c>
      <c r="IL19" s="71">
        <v>214</v>
      </c>
      <c r="IM19" s="72">
        <v>384</v>
      </c>
      <c r="IN19" s="244"/>
      <c r="IO19" s="71">
        <v>342</v>
      </c>
      <c r="IP19" s="71">
        <v>366</v>
      </c>
      <c r="IQ19" s="71">
        <v>222</v>
      </c>
      <c r="IR19" s="71">
        <v>192</v>
      </c>
      <c r="IS19" s="71">
        <v>153</v>
      </c>
      <c r="IT19" s="72">
        <v>1275</v>
      </c>
      <c r="IU19" s="73">
        <v>1659</v>
      </c>
      <c r="IV19" s="70">
        <v>154</v>
      </c>
      <c r="IW19" s="71">
        <v>187</v>
      </c>
      <c r="IX19" s="72">
        <v>341</v>
      </c>
      <c r="IY19" s="244"/>
      <c r="IZ19" s="71">
        <v>392</v>
      </c>
      <c r="JA19" s="71">
        <v>393</v>
      </c>
      <c r="JB19" s="71">
        <v>285</v>
      </c>
      <c r="JC19" s="71">
        <v>236</v>
      </c>
      <c r="JD19" s="71">
        <v>152</v>
      </c>
      <c r="JE19" s="72">
        <v>1458</v>
      </c>
      <c r="JF19" s="73">
        <v>1799</v>
      </c>
      <c r="JG19" s="70">
        <v>91</v>
      </c>
      <c r="JH19" s="71">
        <v>146</v>
      </c>
      <c r="JI19" s="72">
        <v>237</v>
      </c>
      <c r="JJ19" s="244"/>
      <c r="JK19" s="71">
        <v>282</v>
      </c>
      <c r="JL19" s="71">
        <v>403</v>
      </c>
      <c r="JM19" s="71">
        <v>369</v>
      </c>
      <c r="JN19" s="71">
        <v>419</v>
      </c>
      <c r="JO19" s="71">
        <v>229</v>
      </c>
      <c r="JP19" s="72">
        <v>1702</v>
      </c>
      <c r="JQ19" s="73">
        <v>1939</v>
      </c>
      <c r="JR19" s="70">
        <v>23</v>
      </c>
      <c r="JS19" s="71">
        <v>24</v>
      </c>
      <c r="JT19" s="72">
        <v>47</v>
      </c>
      <c r="JU19" s="244"/>
      <c r="JV19" s="71">
        <v>20</v>
      </c>
      <c r="JW19" s="71">
        <v>44</v>
      </c>
      <c r="JX19" s="71">
        <v>33</v>
      </c>
      <c r="JY19" s="71">
        <v>24</v>
      </c>
      <c r="JZ19" s="71">
        <v>28</v>
      </c>
      <c r="KA19" s="72">
        <v>149</v>
      </c>
      <c r="KB19" s="73">
        <v>196</v>
      </c>
      <c r="KC19" s="70">
        <v>673</v>
      </c>
      <c r="KD19" s="71">
        <v>846</v>
      </c>
      <c r="KE19" s="72">
        <v>1519</v>
      </c>
      <c r="KF19" s="244"/>
      <c r="KG19" s="71">
        <v>1388</v>
      </c>
      <c r="KH19" s="71">
        <v>1662</v>
      </c>
      <c r="KI19" s="71">
        <v>1196</v>
      </c>
      <c r="KJ19" s="71">
        <v>1124</v>
      </c>
      <c r="KK19" s="71">
        <v>752</v>
      </c>
      <c r="KL19" s="72">
        <v>6122</v>
      </c>
      <c r="KM19" s="73">
        <v>7641</v>
      </c>
    </row>
    <row r="20" spans="2:299" ht="21" customHeight="1" x14ac:dyDescent="0.2">
      <c r="B20" s="126" t="s">
        <v>17</v>
      </c>
      <c r="C20" s="315">
        <v>290</v>
      </c>
      <c r="D20" s="82">
        <v>366</v>
      </c>
      <c r="E20" s="83">
        <v>656</v>
      </c>
      <c r="F20" s="241"/>
      <c r="G20" s="82">
        <v>553</v>
      </c>
      <c r="H20" s="82">
        <v>753</v>
      </c>
      <c r="I20" s="82">
        <v>552</v>
      </c>
      <c r="J20" s="82">
        <v>421</v>
      </c>
      <c r="K20" s="82">
        <v>268</v>
      </c>
      <c r="L20" s="84">
        <v>2547</v>
      </c>
      <c r="M20" s="85">
        <v>3203</v>
      </c>
      <c r="N20" s="70">
        <v>9</v>
      </c>
      <c r="O20" s="71">
        <v>16</v>
      </c>
      <c r="P20" s="72">
        <v>25</v>
      </c>
      <c r="Q20" s="244"/>
      <c r="R20" s="71">
        <v>27</v>
      </c>
      <c r="S20" s="71">
        <v>45</v>
      </c>
      <c r="T20" s="71">
        <v>33</v>
      </c>
      <c r="U20" s="71">
        <v>19</v>
      </c>
      <c r="V20" s="71">
        <v>22</v>
      </c>
      <c r="W20" s="72">
        <v>146</v>
      </c>
      <c r="X20" s="73">
        <v>171</v>
      </c>
      <c r="Y20" s="70">
        <v>26</v>
      </c>
      <c r="Z20" s="71">
        <v>56</v>
      </c>
      <c r="AA20" s="72">
        <v>82</v>
      </c>
      <c r="AB20" s="244"/>
      <c r="AC20" s="71">
        <v>52</v>
      </c>
      <c r="AD20" s="71">
        <v>102</v>
      </c>
      <c r="AE20" s="71">
        <v>65</v>
      </c>
      <c r="AF20" s="71">
        <v>61</v>
      </c>
      <c r="AG20" s="71">
        <v>25</v>
      </c>
      <c r="AH20" s="72">
        <v>305</v>
      </c>
      <c r="AI20" s="73">
        <v>387</v>
      </c>
      <c r="AJ20" s="70">
        <v>67</v>
      </c>
      <c r="AK20" s="71">
        <v>65</v>
      </c>
      <c r="AL20" s="72">
        <v>132</v>
      </c>
      <c r="AM20" s="244"/>
      <c r="AN20" s="71">
        <v>92</v>
      </c>
      <c r="AO20" s="71">
        <v>141</v>
      </c>
      <c r="AP20" s="71">
        <v>116</v>
      </c>
      <c r="AQ20" s="71">
        <v>72</v>
      </c>
      <c r="AR20" s="71">
        <v>63</v>
      </c>
      <c r="AS20" s="72">
        <v>484</v>
      </c>
      <c r="AT20" s="73">
        <v>616</v>
      </c>
      <c r="AU20" s="70">
        <v>72</v>
      </c>
      <c r="AV20" s="71">
        <v>105</v>
      </c>
      <c r="AW20" s="72">
        <v>177</v>
      </c>
      <c r="AX20" s="244"/>
      <c r="AY20" s="71">
        <v>160</v>
      </c>
      <c r="AZ20" s="71">
        <v>186</v>
      </c>
      <c r="BA20" s="71">
        <v>147</v>
      </c>
      <c r="BB20" s="71">
        <v>96</v>
      </c>
      <c r="BC20" s="71">
        <v>59</v>
      </c>
      <c r="BD20" s="72">
        <v>648</v>
      </c>
      <c r="BE20" s="73">
        <v>825</v>
      </c>
      <c r="BF20" s="70">
        <v>74</v>
      </c>
      <c r="BG20" s="71">
        <v>76</v>
      </c>
      <c r="BH20" s="72">
        <v>150</v>
      </c>
      <c r="BI20" s="244"/>
      <c r="BJ20" s="71">
        <v>148</v>
      </c>
      <c r="BK20" s="71">
        <v>176</v>
      </c>
      <c r="BL20" s="71">
        <v>115</v>
      </c>
      <c r="BM20" s="71">
        <v>103</v>
      </c>
      <c r="BN20" s="71">
        <v>56</v>
      </c>
      <c r="BO20" s="72">
        <v>598</v>
      </c>
      <c r="BP20" s="73">
        <v>748</v>
      </c>
      <c r="BQ20" s="70">
        <v>42</v>
      </c>
      <c r="BR20" s="71">
        <v>48</v>
      </c>
      <c r="BS20" s="72">
        <v>90</v>
      </c>
      <c r="BT20" s="244"/>
      <c r="BU20" s="71">
        <v>74</v>
      </c>
      <c r="BV20" s="71">
        <v>103</v>
      </c>
      <c r="BW20" s="71">
        <v>76</v>
      </c>
      <c r="BX20" s="71">
        <v>70</v>
      </c>
      <c r="BY20" s="71">
        <v>43</v>
      </c>
      <c r="BZ20" s="72">
        <v>366</v>
      </c>
      <c r="CA20" s="73">
        <v>456</v>
      </c>
      <c r="CB20" s="70">
        <v>12</v>
      </c>
      <c r="CC20" s="71">
        <v>26</v>
      </c>
      <c r="CD20" s="72">
        <v>38</v>
      </c>
      <c r="CE20" s="244"/>
      <c r="CF20" s="71">
        <v>19</v>
      </c>
      <c r="CG20" s="71">
        <v>49</v>
      </c>
      <c r="CH20" s="71">
        <v>29</v>
      </c>
      <c r="CI20" s="71">
        <v>15</v>
      </c>
      <c r="CJ20" s="71">
        <v>12</v>
      </c>
      <c r="CK20" s="72">
        <v>124</v>
      </c>
      <c r="CL20" s="73">
        <v>162</v>
      </c>
      <c r="CM20" s="70">
        <v>302</v>
      </c>
      <c r="CN20" s="71">
        <v>392</v>
      </c>
      <c r="CO20" s="72">
        <v>694</v>
      </c>
      <c r="CP20" s="244"/>
      <c r="CQ20" s="71">
        <v>572</v>
      </c>
      <c r="CR20" s="71">
        <v>802</v>
      </c>
      <c r="CS20" s="71">
        <v>581</v>
      </c>
      <c r="CT20" s="71">
        <v>436</v>
      </c>
      <c r="CU20" s="71">
        <v>280</v>
      </c>
      <c r="CV20" s="72">
        <v>2671</v>
      </c>
      <c r="CW20" s="73">
        <v>3365</v>
      </c>
      <c r="CX20" s="123">
        <v>620</v>
      </c>
      <c r="CY20" s="82">
        <v>802</v>
      </c>
      <c r="CZ20" s="83">
        <v>1422</v>
      </c>
      <c r="DA20" s="241"/>
      <c r="DB20" s="82">
        <v>944</v>
      </c>
      <c r="DC20" s="82">
        <v>1225</v>
      </c>
      <c r="DD20" s="82">
        <v>907</v>
      </c>
      <c r="DE20" s="82">
        <v>838</v>
      </c>
      <c r="DF20" s="82">
        <v>625</v>
      </c>
      <c r="DG20" s="84">
        <v>4539</v>
      </c>
      <c r="DH20" s="85">
        <v>5961</v>
      </c>
      <c r="DI20" s="70">
        <v>12</v>
      </c>
      <c r="DJ20" s="71">
        <v>27</v>
      </c>
      <c r="DK20" s="72">
        <v>39</v>
      </c>
      <c r="DL20" s="244"/>
      <c r="DM20" s="71">
        <v>20</v>
      </c>
      <c r="DN20" s="71">
        <v>36</v>
      </c>
      <c r="DO20" s="71">
        <v>24</v>
      </c>
      <c r="DP20" s="71">
        <v>22</v>
      </c>
      <c r="DQ20" s="71">
        <v>25</v>
      </c>
      <c r="DR20" s="72">
        <v>127</v>
      </c>
      <c r="DS20" s="73">
        <v>166</v>
      </c>
      <c r="DT20" s="70">
        <v>49</v>
      </c>
      <c r="DU20" s="71">
        <v>65</v>
      </c>
      <c r="DV20" s="72">
        <v>114</v>
      </c>
      <c r="DW20" s="244"/>
      <c r="DX20" s="71">
        <v>74</v>
      </c>
      <c r="DY20" s="71">
        <v>77</v>
      </c>
      <c r="DZ20" s="71">
        <v>58</v>
      </c>
      <c r="EA20" s="71">
        <v>45</v>
      </c>
      <c r="EB20" s="71">
        <v>35</v>
      </c>
      <c r="EC20" s="72">
        <v>289</v>
      </c>
      <c r="ED20" s="73">
        <v>403</v>
      </c>
      <c r="EE20" s="70">
        <v>122</v>
      </c>
      <c r="EF20" s="71">
        <v>125</v>
      </c>
      <c r="EG20" s="72">
        <v>247</v>
      </c>
      <c r="EH20" s="244"/>
      <c r="EI20" s="71">
        <v>119</v>
      </c>
      <c r="EJ20" s="71">
        <v>171</v>
      </c>
      <c r="EK20" s="71">
        <v>103</v>
      </c>
      <c r="EL20" s="71">
        <v>93</v>
      </c>
      <c r="EM20" s="71">
        <v>73</v>
      </c>
      <c r="EN20" s="72">
        <v>559</v>
      </c>
      <c r="EO20" s="73">
        <v>806</v>
      </c>
      <c r="EP20" s="70">
        <v>206</v>
      </c>
      <c r="EQ20" s="71">
        <v>231</v>
      </c>
      <c r="ER20" s="72">
        <v>437</v>
      </c>
      <c r="ES20" s="244"/>
      <c r="ET20" s="71">
        <v>247</v>
      </c>
      <c r="EU20" s="71">
        <v>288</v>
      </c>
      <c r="EV20" s="71">
        <v>184</v>
      </c>
      <c r="EW20" s="71">
        <v>189</v>
      </c>
      <c r="EX20" s="71">
        <v>116</v>
      </c>
      <c r="EY20" s="72">
        <v>1024</v>
      </c>
      <c r="EZ20" s="73">
        <v>1461</v>
      </c>
      <c r="FA20" s="70">
        <v>158</v>
      </c>
      <c r="FB20" s="71">
        <v>213</v>
      </c>
      <c r="FC20" s="72">
        <v>371</v>
      </c>
      <c r="FD20" s="244"/>
      <c r="FE20" s="71">
        <v>267</v>
      </c>
      <c r="FF20" s="71">
        <v>330</v>
      </c>
      <c r="FG20" s="71">
        <v>261</v>
      </c>
      <c r="FH20" s="71">
        <v>193</v>
      </c>
      <c r="FI20" s="71">
        <v>168</v>
      </c>
      <c r="FJ20" s="72">
        <v>1219</v>
      </c>
      <c r="FK20" s="73">
        <v>1590</v>
      </c>
      <c r="FL20" s="70">
        <v>73</v>
      </c>
      <c r="FM20" s="71">
        <v>141</v>
      </c>
      <c r="FN20" s="72">
        <v>214</v>
      </c>
      <c r="FO20" s="244"/>
      <c r="FP20" s="71">
        <v>217</v>
      </c>
      <c r="FQ20" s="71">
        <v>323</v>
      </c>
      <c r="FR20" s="71">
        <v>277</v>
      </c>
      <c r="FS20" s="71">
        <v>296</v>
      </c>
      <c r="FT20" s="71">
        <v>208</v>
      </c>
      <c r="FU20" s="72">
        <v>1321</v>
      </c>
      <c r="FV20" s="73">
        <v>1535</v>
      </c>
      <c r="FW20" s="70">
        <v>4</v>
      </c>
      <c r="FX20" s="71">
        <v>21</v>
      </c>
      <c r="FY20" s="72">
        <v>25</v>
      </c>
      <c r="FZ20" s="244"/>
      <c r="GA20" s="71">
        <v>11</v>
      </c>
      <c r="GB20" s="71">
        <v>26</v>
      </c>
      <c r="GC20" s="71">
        <v>17</v>
      </c>
      <c r="GD20" s="71">
        <v>19</v>
      </c>
      <c r="GE20" s="71">
        <v>20</v>
      </c>
      <c r="GF20" s="72">
        <v>93</v>
      </c>
      <c r="GG20" s="73">
        <v>118</v>
      </c>
      <c r="GH20" s="70">
        <v>624</v>
      </c>
      <c r="GI20" s="71">
        <v>823</v>
      </c>
      <c r="GJ20" s="72">
        <v>1447</v>
      </c>
      <c r="GK20" s="244"/>
      <c r="GL20" s="71">
        <v>955</v>
      </c>
      <c r="GM20" s="71">
        <v>1251</v>
      </c>
      <c r="GN20" s="71">
        <v>924</v>
      </c>
      <c r="GO20" s="71">
        <v>857</v>
      </c>
      <c r="GP20" s="71">
        <v>645</v>
      </c>
      <c r="GQ20" s="72">
        <v>4632</v>
      </c>
      <c r="GR20" s="73">
        <v>6079</v>
      </c>
      <c r="GS20" s="123">
        <v>910</v>
      </c>
      <c r="GT20" s="82">
        <v>1168</v>
      </c>
      <c r="GU20" s="83">
        <v>2078</v>
      </c>
      <c r="GV20" s="241"/>
      <c r="GW20" s="82">
        <v>1497</v>
      </c>
      <c r="GX20" s="82">
        <v>1978</v>
      </c>
      <c r="GY20" s="82">
        <v>1459</v>
      </c>
      <c r="GZ20" s="82">
        <v>1259</v>
      </c>
      <c r="HA20" s="82">
        <v>893</v>
      </c>
      <c r="HB20" s="84">
        <v>7086</v>
      </c>
      <c r="HC20" s="85">
        <v>9164</v>
      </c>
      <c r="HD20" s="70">
        <v>21</v>
      </c>
      <c r="HE20" s="71">
        <v>43</v>
      </c>
      <c r="HF20" s="72">
        <v>64</v>
      </c>
      <c r="HG20" s="244"/>
      <c r="HH20" s="71">
        <v>47</v>
      </c>
      <c r="HI20" s="71">
        <v>81</v>
      </c>
      <c r="HJ20" s="71">
        <v>57</v>
      </c>
      <c r="HK20" s="71">
        <v>41</v>
      </c>
      <c r="HL20" s="71">
        <v>47</v>
      </c>
      <c r="HM20" s="72">
        <v>273</v>
      </c>
      <c r="HN20" s="73">
        <v>337</v>
      </c>
      <c r="HO20" s="70">
        <v>75</v>
      </c>
      <c r="HP20" s="71">
        <v>121</v>
      </c>
      <c r="HQ20" s="72">
        <v>196</v>
      </c>
      <c r="HR20" s="244"/>
      <c r="HS20" s="71">
        <v>126</v>
      </c>
      <c r="HT20" s="71">
        <v>179</v>
      </c>
      <c r="HU20" s="71">
        <v>123</v>
      </c>
      <c r="HV20" s="71">
        <v>106</v>
      </c>
      <c r="HW20" s="71">
        <v>60</v>
      </c>
      <c r="HX20" s="72">
        <v>594</v>
      </c>
      <c r="HY20" s="73">
        <v>790</v>
      </c>
      <c r="HZ20" s="70">
        <v>189</v>
      </c>
      <c r="IA20" s="71">
        <v>190</v>
      </c>
      <c r="IB20" s="72">
        <v>379</v>
      </c>
      <c r="IC20" s="244"/>
      <c r="ID20" s="71">
        <v>211</v>
      </c>
      <c r="IE20" s="71">
        <v>312</v>
      </c>
      <c r="IF20" s="71">
        <v>219</v>
      </c>
      <c r="IG20" s="71">
        <v>165</v>
      </c>
      <c r="IH20" s="71">
        <v>136</v>
      </c>
      <c r="II20" s="72">
        <v>1043</v>
      </c>
      <c r="IJ20" s="73">
        <v>1422</v>
      </c>
      <c r="IK20" s="70">
        <v>278</v>
      </c>
      <c r="IL20" s="71">
        <v>336</v>
      </c>
      <c r="IM20" s="72">
        <v>614</v>
      </c>
      <c r="IN20" s="244"/>
      <c r="IO20" s="71">
        <v>407</v>
      </c>
      <c r="IP20" s="71">
        <v>474</v>
      </c>
      <c r="IQ20" s="71">
        <v>331</v>
      </c>
      <c r="IR20" s="71">
        <v>285</v>
      </c>
      <c r="IS20" s="71">
        <v>175</v>
      </c>
      <c r="IT20" s="72">
        <v>1672</v>
      </c>
      <c r="IU20" s="73">
        <v>2286</v>
      </c>
      <c r="IV20" s="70">
        <v>232</v>
      </c>
      <c r="IW20" s="71">
        <v>289</v>
      </c>
      <c r="IX20" s="72">
        <v>521</v>
      </c>
      <c r="IY20" s="244"/>
      <c r="IZ20" s="71">
        <v>415</v>
      </c>
      <c r="JA20" s="71">
        <v>506</v>
      </c>
      <c r="JB20" s="71">
        <v>376</v>
      </c>
      <c r="JC20" s="71">
        <v>296</v>
      </c>
      <c r="JD20" s="71">
        <v>224</v>
      </c>
      <c r="JE20" s="72">
        <v>1817</v>
      </c>
      <c r="JF20" s="73">
        <v>2338</v>
      </c>
      <c r="JG20" s="70">
        <v>115</v>
      </c>
      <c r="JH20" s="71">
        <v>189</v>
      </c>
      <c r="JI20" s="72">
        <v>304</v>
      </c>
      <c r="JJ20" s="244"/>
      <c r="JK20" s="71">
        <v>291</v>
      </c>
      <c r="JL20" s="71">
        <v>426</v>
      </c>
      <c r="JM20" s="71">
        <v>353</v>
      </c>
      <c r="JN20" s="71">
        <v>366</v>
      </c>
      <c r="JO20" s="71">
        <v>251</v>
      </c>
      <c r="JP20" s="72">
        <v>1687</v>
      </c>
      <c r="JQ20" s="73">
        <v>1991</v>
      </c>
      <c r="JR20" s="70">
        <v>16</v>
      </c>
      <c r="JS20" s="71">
        <v>47</v>
      </c>
      <c r="JT20" s="72">
        <v>63</v>
      </c>
      <c r="JU20" s="244"/>
      <c r="JV20" s="71">
        <v>30</v>
      </c>
      <c r="JW20" s="71">
        <v>75</v>
      </c>
      <c r="JX20" s="71">
        <v>46</v>
      </c>
      <c r="JY20" s="71">
        <v>34</v>
      </c>
      <c r="JZ20" s="71">
        <v>32</v>
      </c>
      <c r="KA20" s="72">
        <v>217</v>
      </c>
      <c r="KB20" s="73">
        <v>280</v>
      </c>
      <c r="KC20" s="70">
        <v>926</v>
      </c>
      <c r="KD20" s="71">
        <v>1215</v>
      </c>
      <c r="KE20" s="72">
        <v>2141</v>
      </c>
      <c r="KF20" s="244"/>
      <c r="KG20" s="71">
        <v>1527</v>
      </c>
      <c r="KH20" s="71">
        <v>2053</v>
      </c>
      <c r="KI20" s="71">
        <v>1505</v>
      </c>
      <c r="KJ20" s="71">
        <v>1293</v>
      </c>
      <c r="KK20" s="71">
        <v>925</v>
      </c>
      <c r="KL20" s="72">
        <v>7303</v>
      </c>
      <c r="KM20" s="73">
        <v>9444</v>
      </c>
    </row>
    <row r="21" spans="2:299" ht="21" customHeight="1" x14ac:dyDescent="0.2">
      <c r="B21" s="126" t="s">
        <v>18</v>
      </c>
      <c r="C21" s="315">
        <v>406</v>
      </c>
      <c r="D21" s="82">
        <v>453</v>
      </c>
      <c r="E21" s="83">
        <v>859</v>
      </c>
      <c r="F21" s="241"/>
      <c r="G21" s="82">
        <v>934</v>
      </c>
      <c r="H21" s="82">
        <v>746</v>
      </c>
      <c r="I21" s="82">
        <v>539</v>
      </c>
      <c r="J21" s="82">
        <v>445</v>
      </c>
      <c r="K21" s="82">
        <v>272</v>
      </c>
      <c r="L21" s="84">
        <v>2936</v>
      </c>
      <c r="M21" s="85">
        <v>3795</v>
      </c>
      <c r="N21" s="70">
        <v>24</v>
      </c>
      <c r="O21" s="71">
        <v>27</v>
      </c>
      <c r="P21" s="72">
        <v>51</v>
      </c>
      <c r="Q21" s="244"/>
      <c r="R21" s="71">
        <v>49</v>
      </c>
      <c r="S21" s="71">
        <v>48</v>
      </c>
      <c r="T21" s="71">
        <v>32</v>
      </c>
      <c r="U21" s="71">
        <v>41</v>
      </c>
      <c r="V21" s="71">
        <v>24</v>
      </c>
      <c r="W21" s="72">
        <v>194</v>
      </c>
      <c r="X21" s="73">
        <v>245</v>
      </c>
      <c r="Y21" s="70">
        <v>46</v>
      </c>
      <c r="Z21" s="71">
        <v>56</v>
      </c>
      <c r="AA21" s="72">
        <v>102</v>
      </c>
      <c r="AB21" s="244"/>
      <c r="AC21" s="71">
        <v>105</v>
      </c>
      <c r="AD21" s="71">
        <v>82</v>
      </c>
      <c r="AE21" s="71">
        <v>67</v>
      </c>
      <c r="AF21" s="71">
        <v>56</v>
      </c>
      <c r="AG21" s="71">
        <v>35</v>
      </c>
      <c r="AH21" s="72">
        <v>345</v>
      </c>
      <c r="AI21" s="73">
        <v>447</v>
      </c>
      <c r="AJ21" s="70">
        <v>63</v>
      </c>
      <c r="AK21" s="71">
        <v>74</v>
      </c>
      <c r="AL21" s="72">
        <v>137</v>
      </c>
      <c r="AM21" s="244"/>
      <c r="AN21" s="71">
        <v>154</v>
      </c>
      <c r="AO21" s="71">
        <v>121</v>
      </c>
      <c r="AP21" s="71">
        <v>94</v>
      </c>
      <c r="AQ21" s="71">
        <v>68</v>
      </c>
      <c r="AR21" s="71">
        <v>58</v>
      </c>
      <c r="AS21" s="72">
        <v>495</v>
      </c>
      <c r="AT21" s="73">
        <v>632</v>
      </c>
      <c r="AU21" s="70">
        <v>108</v>
      </c>
      <c r="AV21" s="71">
        <v>116</v>
      </c>
      <c r="AW21" s="72">
        <v>224</v>
      </c>
      <c r="AX21" s="244"/>
      <c r="AY21" s="71">
        <v>262</v>
      </c>
      <c r="AZ21" s="71">
        <v>198</v>
      </c>
      <c r="BA21" s="71">
        <v>125</v>
      </c>
      <c r="BB21" s="71">
        <v>111</v>
      </c>
      <c r="BC21" s="71">
        <v>68</v>
      </c>
      <c r="BD21" s="72">
        <v>764</v>
      </c>
      <c r="BE21" s="73">
        <v>988</v>
      </c>
      <c r="BF21" s="70">
        <v>106</v>
      </c>
      <c r="BG21" s="71">
        <v>114</v>
      </c>
      <c r="BH21" s="72">
        <v>220</v>
      </c>
      <c r="BI21" s="244"/>
      <c r="BJ21" s="71">
        <v>224</v>
      </c>
      <c r="BK21" s="71">
        <v>180</v>
      </c>
      <c r="BL21" s="71">
        <v>139</v>
      </c>
      <c r="BM21" s="71">
        <v>99</v>
      </c>
      <c r="BN21" s="71">
        <v>60</v>
      </c>
      <c r="BO21" s="72">
        <v>702</v>
      </c>
      <c r="BP21" s="73">
        <v>922</v>
      </c>
      <c r="BQ21" s="70">
        <v>59</v>
      </c>
      <c r="BR21" s="71">
        <v>66</v>
      </c>
      <c r="BS21" s="72">
        <v>125</v>
      </c>
      <c r="BT21" s="244"/>
      <c r="BU21" s="71">
        <v>140</v>
      </c>
      <c r="BV21" s="71">
        <v>117</v>
      </c>
      <c r="BW21" s="71">
        <v>82</v>
      </c>
      <c r="BX21" s="71">
        <v>70</v>
      </c>
      <c r="BY21" s="71">
        <v>27</v>
      </c>
      <c r="BZ21" s="72">
        <v>436</v>
      </c>
      <c r="CA21" s="73">
        <v>561</v>
      </c>
      <c r="CB21" s="70">
        <v>18</v>
      </c>
      <c r="CC21" s="71">
        <v>22</v>
      </c>
      <c r="CD21" s="72">
        <v>40</v>
      </c>
      <c r="CE21" s="244"/>
      <c r="CF21" s="71">
        <v>38</v>
      </c>
      <c r="CG21" s="71">
        <v>32</v>
      </c>
      <c r="CH21" s="71">
        <v>24</v>
      </c>
      <c r="CI21" s="71">
        <v>26</v>
      </c>
      <c r="CJ21" s="71">
        <v>27</v>
      </c>
      <c r="CK21" s="72">
        <v>147</v>
      </c>
      <c r="CL21" s="73">
        <v>187</v>
      </c>
      <c r="CM21" s="70">
        <v>424</v>
      </c>
      <c r="CN21" s="71">
        <v>475</v>
      </c>
      <c r="CO21" s="72">
        <v>899</v>
      </c>
      <c r="CP21" s="244"/>
      <c r="CQ21" s="71">
        <v>972</v>
      </c>
      <c r="CR21" s="71">
        <v>778</v>
      </c>
      <c r="CS21" s="71">
        <v>563</v>
      </c>
      <c r="CT21" s="71">
        <v>471</v>
      </c>
      <c r="CU21" s="71">
        <v>299</v>
      </c>
      <c r="CV21" s="72">
        <v>3083</v>
      </c>
      <c r="CW21" s="73">
        <v>3982</v>
      </c>
      <c r="CX21" s="123">
        <v>784</v>
      </c>
      <c r="CY21" s="82">
        <v>1017</v>
      </c>
      <c r="CZ21" s="83">
        <v>1801</v>
      </c>
      <c r="DA21" s="241"/>
      <c r="DB21" s="82">
        <v>1444</v>
      </c>
      <c r="DC21" s="82">
        <v>1265</v>
      </c>
      <c r="DD21" s="82">
        <v>933</v>
      </c>
      <c r="DE21" s="82">
        <v>963</v>
      </c>
      <c r="DF21" s="82">
        <v>649</v>
      </c>
      <c r="DG21" s="84">
        <v>5254</v>
      </c>
      <c r="DH21" s="85">
        <v>7055</v>
      </c>
      <c r="DI21" s="70">
        <v>25</v>
      </c>
      <c r="DJ21" s="71">
        <v>27</v>
      </c>
      <c r="DK21" s="72">
        <v>52</v>
      </c>
      <c r="DL21" s="244"/>
      <c r="DM21" s="71">
        <v>36</v>
      </c>
      <c r="DN21" s="71">
        <v>24</v>
      </c>
      <c r="DO21" s="71">
        <v>21</v>
      </c>
      <c r="DP21" s="71">
        <v>21</v>
      </c>
      <c r="DQ21" s="71">
        <v>13</v>
      </c>
      <c r="DR21" s="72">
        <v>115</v>
      </c>
      <c r="DS21" s="73">
        <v>167</v>
      </c>
      <c r="DT21" s="70">
        <v>59</v>
      </c>
      <c r="DU21" s="71">
        <v>84</v>
      </c>
      <c r="DV21" s="72">
        <v>143</v>
      </c>
      <c r="DW21" s="244"/>
      <c r="DX21" s="71">
        <v>99</v>
      </c>
      <c r="DY21" s="71">
        <v>66</v>
      </c>
      <c r="DZ21" s="71">
        <v>56</v>
      </c>
      <c r="EA21" s="71">
        <v>41</v>
      </c>
      <c r="EB21" s="71">
        <v>38</v>
      </c>
      <c r="EC21" s="72">
        <v>300</v>
      </c>
      <c r="ED21" s="73">
        <v>443</v>
      </c>
      <c r="EE21" s="70">
        <v>144</v>
      </c>
      <c r="EF21" s="71">
        <v>155</v>
      </c>
      <c r="EG21" s="72">
        <v>299</v>
      </c>
      <c r="EH21" s="244"/>
      <c r="EI21" s="71">
        <v>199</v>
      </c>
      <c r="EJ21" s="71">
        <v>179</v>
      </c>
      <c r="EK21" s="71">
        <v>116</v>
      </c>
      <c r="EL21" s="71">
        <v>91</v>
      </c>
      <c r="EM21" s="71">
        <v>72</v>
      </c>
      <c r="EN21" s="72">
        <v>657</v>
      </c>
      <c r="EO21" s="73">
        <v>956</v>
      </c>
      <c r="EP21" s="70">
        <v>251</v>
      </c>
      <c r="EQ21" s="71">
        <v>317</v>
      </c>
      <c r="ER21" s="72">
        <v>568</v>
      </c>
      <c r="ES21" s="244"/>
      <c r="ET21" s="71">
        <v>374</v>
      </c>
      <c r="EU21" s="71">
        <v>302</v>
      </c>
      <c r="EV21" s="71">
        <v>177</v>
      </c>
      <c r="EW21" s="71">
        <v>198</v>
      </c>
      <c r="EX21" s="71">
        <v>130</v>
      </c>
      <c r="EY21" s="72">
        <v>1181</v>
      </c>
      <c r="EZ21" s="73">
        <v>1749</v>
      </c>
      <c r="FA21" s="70">
        <v>205</v>
      </c>
      <c r="FB21" s="71">
        <v>271</v>
      </c>
      <c r="FC21" s="72">
        <v>476</v>
      </c>
      <c r="FD21" s="244"/>
      <c r="FE21" s="71">
        <v>442</v>
      </c>
      <c r="FF21" s="71">
        <v>357</v>
      </c>
      <c r="FG21" s="71">
        <v>253</v>
      </c>
      <c r="FH21" s="71">
        <v>255</v>
      </c>
      <c r="FI21" s="71">
        <v>182</v>
      </c>
      <c r="FJ21" s="72">
        <v>1489</v>
      </c>
      <c r="FK21" s="73">
        <v>1965</v>
      </c>
      <c r="FL21" s="70">
        <v>100</v>
      </c>
      <c r="FM21" s="71">
        <v>163</v>
      </c>
      <c r="FN21" s="72">
        <v>263</v>
      </c>
      <c r="FO21" s="244"/>
      <c r="FP21" s="71">
        <v>294</v>
      </c>
      <c r="FQ21" s="71">
        <v>337</v>
      </c>
      <c r="FR21" s="71">
        <v>310</v>
      </c>
      <c r="FS21" s="71">
        <v>357</v>
      </c>
      <c r="FT21" s="71">
        <v>214</v>
      </c>
      <c r="FU21" s="72">
        <v>1512</v>
      </c>
      <c r="FV21" s="73">
        <v>1775</v>
      </c>
      <c r="FW21" s="70">
        <v>13</v>
      </c>
      <c r="FX21" s="71">
        <v>13</v>
      </c>
      <c r="FY21" s="72">
        <v>26</v>
      </c>
      <c r="FZ21" s="244"/>
      <c r="GA21" s="71">
        <v>26</v>
      </c>
      <c r="GB21" s="71">
        <v>33</v>
      </c>
      <c r="GC21" s="71">
        <v>16</v>
      </c>
      <c r="GD21" s="71">
        <v>16</v>
      </c>
      <c r="GE21" s="71">
        <v>14</v>
      </c>
      <c r="GF21" s="72">
        <v>105</v>
      </c>
      <c r="GG21" s="73">
        <v>131</v>
      </c>
      <c r="GH21" s="70">
        <v>797</v>
      </c>
      <c r="GI21" s="71">
        <v>1030</v>
      </c>
      <c r="GJ21" s="72">
        <v>1827</v>
      </c>
      <c r="GK21" s="244"/>
      <c r="GL21" s="71">
        <v>1470</v>
      </c>
      <c r="GM21" s="71">
        <v>1298</v>
      </c>
      <c r="GN21" s="71">
        <v>949</v>
      </c>
      <c r="GO21" s="71">
        <v>979</v>
      </c>
      <c r="GP21" s="71">
        <v>663</v>
      </c>
      <c r="GQ21" s="72">
        <v>5359</v>
      </c>
      <c r="GR21" s="73">
        <v>7186</v>
      </c>
      <c r="GS21" s="123">
        <v>1190</v>
      </c>
      <c r="GT21" s="82">
        <v>1470</v>
      </c>
      <c r="GU21" s="83">
        <v>2660</v>
      </c>
      <c r="GV21" s="241"/>
      <c r="GW21" s="82">
        <v>2378</v>
      </c>
      <c r="GX21" s="82">
        <v>2011</v>
      </c>
      <c r="GY21" s="82">
        <v>1472</v>
      </c>
      <c r="GZ21" s="82">
        <v>1408</v>
      </c>
      <c r="HA21" s="82">
        <v>921</v>
      </c>
      <c r="HB21" s="84">
        <v>8190</v>
      </c>
      <c r="HC21" s="85">
        <v>10850</v>
      </c>
      <c r="HD21" s="70">
        <v>49</v>
      </c>
      <c r="HE21" s="71">
        <v>54</v>
      </c>
      <c r="HF21" s="72">
        <v>103</v>
      </c>
      <c r="HG21" s="244"/>
      <c r="HH21" s="71">
        <v>85</v>
      </c>
      <c r="HI21" s="71">
        <v>72</v>
      </c>
      <c r="HJ21" s="71">
        <v>53</v>
      </c>
      <c r="HK21" s="71">
        <v>62</v>
      </c>
      <c r="HL21" s="71">
        <v>37</v>
      </c>
      <c r="HM21" s="72">
        <v>309</v>
      </c>
      <c r="HN21" s="73">
        <v>412</v>
      </c>
      <c r="HO21" s="70">
        <v>105</v>
      </c>
      <c r="HP21" s="71">
        <v>140</v>
      </c>
      <c r="HQ21" s="72">
        <v>245</v>
      </c>
      <c r="HR21" s="244"/>
      <c r="HS21" s="71">
        <v>204</v>
      </c>
      <c r="HT21" s="71">
        <v>148</v>
      </c>
      <c r="HU21" s="71">
        <v>123</v>
      </c>
      <c r="HV21" s="71">
        <v>97</v>
      </c>
      <c r="HW21" s="71">
        <v>73</v>
      </c>
      <c r="HX21" s="72">
        <v>645</v>
      </c>
      <c r="HY21" s="73">
        <v>890</v>
      </c>
      <c r="HZ21" s="70">
        <v>207</v>
      </c>
      <c r="IA21" s="71">
        <v>229</v>
      </c>
      <c r="IB21" s="72">
        <v>436</v>
      </c>
      <c r="IC21" s="244"/>
      <c r="ID21" s="71">
        <v>353</v>
      </c>
      <c r="IE21" s="71">
        <v>300</v>
      </c>
      <c r="IF21" s="71">
        <v>210</v>
      </c>
      <c r="IG21" s="71">
        <v>159</v>
      </c>
      <c r="IH21" s="71">
        <v>130</v>
      </c>
      <c r="II21" s="72">
        <v>1152</v>
      </c>
      <c r="IJ21" s="73">
        <v>1588</v>
      </c>
      <c r="IK21" s="70">
        <v>359</v>
      </c>
      <c r="IL21" s="71">
        <v>433</v>
      </c>
      <c r="IM21" s="72">
        <v>792</v>
      </c>
      <c r="IN21" s="244"/>
      <c r="IO21" s="71">
        <v>636</v>
      </c>
      <c r="IP21" s="71">
        <v>500</v>
      </c>
      <c r="IQ21" s="71">
        <v>302</v>
      </c>
      <c r="IR21" s="71">
        <v>309</v>
      </c>
      <c r="IS21" s="71">
        <v>198</v>
      </c>
      <c r="IT21" s="72">
        <v>1945</v>
      </c>
      <c r="IU21" s="73">
        <v>2737</v>
      </c>
      <c r="IV21" s="70">
        <v>311</v>
      </c>
      <c r="IW21" s="71">
        <v>385</v>
      </c>
      <c r="IX21" s="72">
        <v>696</v>
      </c>
      <c r="IY21" s="244"/>
      <c r="IZ21" s="71">
        <v>666</v>
      </c>
      <c r="JA21" s="71">
        <v>537</v>
      </c>
      <c r="JB21" s="71">
        <v>392</v>
      </c>
      <c r="JC21" s="71">
        <v>354</v>
      </c>
      <c r="JD21" s="71">
        <v>242</v>
      </c>
      <c r="JE21" s="72">
        <v>2191</v>
      </c>
      <c r="JF21" s="73">
        <v>2887</v>
      </c>
      <c r="JG21" s="70">
        <v>159</v>
      </c>
      <c r="JH21" s="71">
        <v>229</v>
      </c>
      <c r="JI21" s="72">
        <v>388</v>
      </c>
      <c r="JJ21" s="244"/>
      <c r="JK21" s="71">
        <v>434</v>
      </c>
      <c r="JL21" s="71">
        <v>454</v>
      </c>
      <c r="JM21" s="71">
        <v>392</v>
      </c>
      <c r="JN21" s="71">
        <v>427</v>
      </c>
      <c r="JO21" s="71">
        <v>241</v>
      </c>
      <c r="JP21" s="72">
        <v>1948</v>
      </c>
      <c r="JQ21" s="73">
        <v>2336</v>
      </c>
      <c r="JR21" s="70">
        <v>31</v>
      </c>
      <c r="JS21" s="71">
        <v>35</v>
      </c>
      <c r="JT21" s="72">
        <v>66</v>
      </c>
      <c r="JU21" s="244"/>
      <c r="JV21" s="71">
        <v>64</v>
      </c>
      <c r="JW21" s="71">
        <v>65</v>
      </c>
      <c r="JX21" s="71">
        <v>40</v>
      </c>
      <c r="JY21" s="71">
        <v>42</v>
      </c>
      <c r="JZ21" s="71">
        <v>41</v>
      </c>
      <c r="KA21" s="72">
        <v>252</v>
      </c>
      <c r="KB21" s="73">
        <v>318</v>
      </c>
      <c r="KC21" s="70">
        <v>1221</v>
      </c>
      <c r="KD21" s="71">
        <v>1505</v>
      </c>
      <c r="KE21" s="72">
        <v>2726</v>
      </c>
      <c r="KF21" s="244"/>
      <c r="KG21" s="71">
        <v>2442</v>
      </c>
      <c r="KH21" s="71">
        <v>2076</v>
      </c>
      <c r="KI21" s="71">
        <v>1512</v>
      </c>
      <c r="KJ21" s="71">
        <v>1450</v>
      </c>
      <c r="KK21" s="71">
        <v>962</v>
      </c>
      <c r="KL21" s="72">
        <v>8442</v>
      </c>
      <c r="KM21" s="73">
        <v>11168</v>
      </c>
    </row>
    <row r="22" spans="2:299" ht="21" customHeight="1" x14ac:dyDescent="0.2">
      <c r="B22" s="126" t="s">
        <v>19</v>
      </c>
      <c r="C22" s="315">
        <v>193</v>
      </c>
      <c r="D22" s="82">
        <v>164</v>
      </c>
      <c r="E22" s="83">
        <v>357</v>
      </c>
      <c r="F22" s="241"/>
      <c r="G22" s="82">
        <v>384</v>
      </c>
      <c r="H22" s="82">
        <v>314</v>
      </c>
      <c r="I22" s="82">
        <v>205</v>
      </c>
      <c r="J22" s="82">
        <v>144</v>
      </c>
      <c r="K22" s="82">
        <v>99</v>
      </c>
      <c r="L22" s="84">
        <v>1146</v>
      </c>
      <c r="M22" s="85">
        <v>1503</v>
      </c>
      <c r="N22" s="86">
        <v>8</v>
      </c>
      <c r="O22" s="71">
        <v>8</v>
      </c>
      <c r="P22" s="72">
        <v>16</v>
      </c>
      <c r="Q22" s="244"/>
      <c r="R22" s="71">
        <v>15</v>
      </c>
      <c r="S22" s="71">
        <v>14</v>
      </c>
      <c r="T22" s="71">
        <v>7</v>
      </c>
      <c r="U22" s="71">
        <v>8</v>
      </c>
      <c r="V22" s="71">
        <v>7</v>
      </c>
      <c r="W22" s="72">
        <v>51</v>
      </c>
      <c r="X22" s="73">
        <v>67</v>
      </c>
      <c r="Y22" s="70">
        <v>16</v>
      </c>
      <c r="Z22" s="71">
        <v>19</v>
      </c>
      <c r="AA22" s="72">
        <v>35</v>
      </c>
      <c r="AB22" s="244"/>
      <c r="AC22" s="71">
        <v>44</v>
      </c>
      <c r="AD22" s="71">
        <v>41</v>
      </c>
      <c r="AE22" s="71">
        <v>24</v>
      </c>
      <c r="AF22" s="71">
        <v>16</v>
      </c>
      <c r="AG22" s="71">
        <v>14</v>
      </c>
      <c r="AH22" s="72">
        <v>139</v>
      </c>
      <c r="AI22" s="73">
        <v>174</v>
      </c>
      <c r="AJ22" s="86">
        <v>35</v>
      </c>
      <c r="AK22" s="71">
        <v>22</v>
      </c>
      <c r="AL22" s="72">
        <v>57</v>
      </c>
      <c r="AM22" s="244"/>
      <c r="AN22" s="71">
        <v>62</v>
      </c>
      <c r="AO22" s="71">
        <v>56</v>
      </c>
      <c r="AP22" s="71">
        <v>38</v>
      </c>
      <c r="AQ22" s="71">
        <v>30</v>
      </c>
      <c r="AR22" s="71">
        <v>15</v>
      </c>
      <c r="AS22" s="72">
        <v>201</v>
      </c>
      <c r="AT22" s="73">
        <v>258</v>
      </c>
      <c r="AU22" s="70">
        <v>48</v>
      </c>
      <c r="AV22" s="71">
        <v>37</v>
      </c>
      <c r="AW22" s="72">
        <v>85</v>
      </c>
      <c r="AX22" s="244"/>
      <c r="AY22" s="71">
        <v>89</v>
      </c>
      <c r="AZ22" s="71">
        <v>74</v>
      </c>
      <c r="BA22" s="71">
        <v>57</v>
      </c>
      <c r="BB22" s="71">
        <v>30</v>
      </c>
      <c r="BC22" s="71">
        <v>26</v>
      </c>
      <c r="BD22" s="72">
        <v>276</v>
      </c>
      <c r="BE22" s="73">
        <v>361</v>
      </c>
      <c r="BF22" s="86">
        <v>57</v>
      </c>
      <c r="BG22" s="71">
        <v>44</v>
      </c>
      <c r="BH22" s="72">
        <v>101</v>
      </c>
      <c r="BI22" s="244"/>
      <c r="BJ22" s="71">
        <v>106</v>
      </c>
      <c r="BK22" s="71">
        <v>77</v>
      </c>
      <c r="BL22" s="71">
        <v>38</v>
      </c>
      <c r="BM22" s="71">
        <v>36</v>
      </c>
      <c r="BN22" s="71">
        <v>27</v>
      </c>
      <c r="BO22" s="72">
        <v>284</v>
      </c>
      <c r="BP22" s="73">
        <v>385</v>
      </c>
      <c r="BQ22" s="70">
        <v>29</v>
      </c>
      <c r="BR22" s="71">
        <v>34</v>
      </c>
      <c r="BS22" s="72">
        <v>63</v>
      </c>
      <c r="BT22" s="244"/>
      <c r="BU22" s="71">
        <v>68</v>
      </c>
      <c r="BV22" s="71">
        <v>52</v>
      </c>
      <c r="BW22" s="71">
        <v>41</v>
      </c>
      <c r="BX22" s="71">
        <v>24</v>
      </c>
      <c r="BY22" s="71">
        <v>10</v>
      </c>
      <c r="BZ22" s="72">
        <v>195</v>
      </c>
      <c r="CA22" s="73">
        <v>258</v>
      </c>
      <c r="CB22" s="70">
        <v>6</v>
      </c>
      <c r="CC22" s="71">
        <v>9</v>
      </c>
      <c r="CD22" s="72">
        <v>15</v>
      </c>
      <c r="CE22" s="244"/>
      <c r="CF22" s="71">
        <v>15</v>
      </c>
      <c r="CG22" s="71">
        <v>11</v>
      </c>
      <c r="CH22" s="71">
        <v>12</v>
      </c>
      <c r="CI22" s="71">
        <v>7</v>
      </c>
      <c r="CJ22" s="71">
        <v>5</v>
      </c>
      <c r="CK22" s="72">
        <v>50</v>
      </c>
      <c r="CL22" s="73">
        <v>65</v>
      </c>
      <c r="CM22" s="70">
        <v>199</v>
      </c>
      <c r="CN22" s="71">
        <v>173</v>
      </c>
      <c r="CO22" s="72">
        <v>372</v>
      </c>
      <c r="CP22" s="244"/>
      <c r="CQ22" s="71">
        <v>399</v>
      </c>
      <c r="CR22" s="71">
        <v>325</v>
      </c>
      <c r="CS22" s="71">
        <v>217</v>
      </c>
      <c r="CT22" s="71">
        <v>151</v>
      </c>
      <c r="CU22" s="71">
        <v>104</v>
      </c>
      <c r="CV22" s="72">
        <v>1196</v>
      </c>
      <c r="CW22" s="73">
        <v>1568</v>
      </c>
      <c r="CX22" s="123">
        <v>340</v>
      </c>
      <c r="CY22" s="82">
        <v>397</v>
      </c>
      <c r="CZ22" s="83">
        <v>737</v>
      </c>
      <c r="DA22" s="241"/>
      <c r="DB22" s="82">
        <v>636</v>
      </c>
      <c r="DC22" s="82">
        <v>504</v>
      </c>
      <c r="DD22" s="82">
        <v>444</v>
      </c>
      <c r="DE22" s="82">
        <v>341</v>
      </c>
      <c r="DF22" s="82">
        <v>252</v>
      </c>
      <c r="DG22" s="84">
        <v>2177</v>
      </c>
      <c r="DH22" s="85">
        <v>2914</v>
      </c>
      <c r="DI22" s="86">
        <v>8</v>
      </c>
      <c r="DJ22" s="71">
        <v>11</v>
      </c>
      <c r="DK22" s="72">
        <v>19</v>
      </c>
      <c r="DL22" s="244"/>
      <c r="DM22" s="71">
        <v>13</v>
      </c>
      <c r="DN22" s="71">
        <v>13</v>
      </c>
      <c r="DO22" s="71">
        <v>7</v>
      </c>
      <c r="DP22" s="71">
        <v>3</v>
      </c>
      <c r="DQ22" s="71">
        <v>4</v>
      </c>
      <c r="DR22" s="72">
        <v>40</v>
      </c>
      <c r="DS22" s="73">
        <v>59</v>
      </c>
      <c r="DT22" s="70">
        <v>25</v>
      </c>
      <c r="DU22" s="71">
        <v>34</v>
      </c>
      <c r="DV22" s="72">
        <v>59</v>
      </c>
      <c r="DW22" s="244"/>
      <c r="DX22" s="71">
        <v>50</v>
      </c>
      <c r="DY22" s="71">
        <v>25</v>
      </c>
      <c r="DZ22" s="71">
        <v>21</v>
      </c>
      <c r="EA22" s="71">
        <v>13</v>
      </c>
      <c r="EB22" s="71">
        <v>20</v>
      </c>
      <c r="EC22" s="72">
        <v>129</v>
      </c>
      <c r="ED22" s="73">
        <v>188</v>
      </c>
      <c r="EE22" s="86">
        <v>59</v>
      </c>
      <c r="EF22" s="71">
        <v>63</v>
      </c>
      <c r="EG22" s="72">
        <v>122</v>
      </c>
      <c r="EH22" s="244"/>
      <c r="EI22" s="71">
        <v>81</v>
      </c>
      <c r="EJ22" s="71">
        <v>55</v>
      </c>
      <c r="EK22" s="71">
        <v>31</v>
      </c>
      <c r="EL22" s="71">
        <v>44</v>
      </c>
      <c r="EM22" s="71">
        <v>29</v>
      </c>
      <c r="EN22" s="72">
        <v>240</v>
      </c>
      <c r="EO22" s="73">
        <v>362</v>
      </c>
      <c r="EP22" s="70">
        <v>103</v>
      </c>
      <c r="EQ22" s="71">
        <v>97</v>
      </c>
      <c r="ER22" s="72">
        <v>200</v>
      </c>
      <c r="ES22" s="244"/>
      <c r="ET22" s="71">
        <v>159</v>
      </c>
      <c r="EU22" s="71">
        <v>122</v>
      </c>
      <c r="EV22" s="71">
        <v>98</v>
      </c>
      <c r="EW22" s="71">
        <v>64</v>
      </c>
      <c r="EX22" s="71">
        <v>38</v>
      </c>
      <c r="EY22" s="72">
        <v>481</v>
      </c>
      <c r="EZ22" s="73">
        <v>681</v>
      </c>
      <c r="FA22" s="86">
        <v>94</v>
      </c>
      <c r="FB22" s="71">
        <v>112</v>
      </c>
      <c r="FC22" s="72">
        <v>206</v>
      </c>
      <c r="FD22" s="244"/>
      <c r="FE22" s="71">
        <v>184</v>
      </c>
      <c r="FF22" s="71">
        <v>146</v>
      </c>
      <c r="FG22" s="71">
        <v>115</v>
      </c>
      <c r="FH22" s="71">
        <v>79</v>
      </c>
      <c r="FI22" s="71">
        <v>54</v>
      </c>
      <c r="FJ22" s="72">
        <v>578</v>
      </c>
      <c r="FK22" s="73">
        <v>784</v>
      </c>
      <c r="FL22" s="70">
        <v>51</v>
      </c>
      <c r="FM22" s="71">
        <v>80</v>
      </c>
      <c r="FN22" s="72">
        <v>131</v>
      </c>
      <c r="FO22" s="244"/>
      <c r="FP22" s="71">
        <v>149</v>
      </c>
      <c r="FQ22" s="71">
        <v>143</v>
      </c>
      <c r="FR22" s="71">
        <v>172</v>
      </c>
      <c r="FS22" s="71">
        <v>138</v>
      </c>
      <c r="FT22" s="71">
        <v>107</v>
      </c>
      <c r="FU22" s="72">
        <v>709</v>
      </c>
      <c r="FV22" s="73">
        <v>840</v>
      </c>
      <c r="FW22" s="70">
        <v>4</v>
      </c>
      <c r="FX22" s="71">
        <v>4</v>
      </c>
      <c r="FY22" s="72">
        <v>8</v>
      </c>
      <c r="FZ22" s="244"/>
      <c r="GA22" s="71">
        <v>8</v>
      </c>
      <c r="GB22" s="71">
        <v>11</v>
      </c>
      <c r="GC22" s="71">
        <v>5</v>
      </c>
      <c r="GD22" s="71">
        <v>4</v>
      </c>
      <c r="GE22" s="71">
        <v>5</v>
      </c>
      <c r="GF22" s="72">
        <v>33</v>
      </c>
      <c r="GG22" s="73">
        <v>41</v>
      </c>
      <c r="GH22" s="70">
        <v>344</v>
      </c>
      <c r="GI22" s="71">
        <v>401</v>
      </c>
      <c r="GJ22" s="72">
        <v>745</v>
      </c>
      <c r="GK22" s="244"/>
      <c r="GL22" s="71">
        <v>644</v>
      </c>
      <c r="GM22" s="71">
        <v>515</v>
      </c>
      <c r="GN22" s="71">
        <v>449</v>
      </c>
      <c r="GO22" s="71">
        <v>345</v>
      </c>
      <c r="GP22" s="71">
        <v>257</v>
      </c>
      <c r="GQ22" s="72">
        <v>2210</v>
      </c>
      <c r="GR22" s="73">
        <v>2955</v>
      </c>
      <c r="GS22" s="123">
        <v>533</v>
      </c>
      <c r="GT22" s="82">
        <v>561</v>
      </c>
      <c r="GU22" s="83">
        <v>1094</v>
      </c>
      <c r="GV22" s="241"/>
      <c r="GW22" s="82">
        <v>1020</v>
      </c>
      <c r="GX22" s="82">
        <v>818</v>
      </c>
      <c r="GY22" s="82">
        <v>649</v>
      </c>
      <c r="GZ22" s="82">
        <v>485</v>
      </c>
      <c r="HA22" s="82">
        <v>351</v>
      </c>
      <c r="HB22" s="84">
        <v>3323</v>
      </c>
      <c r="HC22" s="85">
        <v>4417</v>
      </c>
      <c r="HD22" s="86">
        <v>16</v>
      </c>
      <c r="HE22" s="71">
        <v>19</v>
      </c>
      <c r="HF22" s="72">
        <v>35</v>
      </c>
      <c r="HG22" s="244"/>
      <c r="HH22" s="71">
        <v>28</v>
      </c>
      <c r="HI22" s="71">
        <v>27</v>
      </c>
      <c r="HJ22" s="71">
        <v>14</v>
      </c>
      <c r="HK22" s="71">
        <v>11</v>
      </c>
      <c r="HL22" s="71">
        <v>11</v>
      </c>
      <c r="HM22" s="72">
        <v>91</v>
      </c>
      <c r="HN22" s="73">
        <v>126</v>
      </c>
      <c r="HO22" s="70">
        <v>41</v>
      </c>
      <c r="HP22" s="71">
        <v>53</v>
      </c>
      <c r="HQ22" s="72">
        <v>94</v>
      </c>
      <c r="HR22" s="244"/>
      <c r="HS22" s="71">
        <v>94</v>
      </c>
      <c r="HT22" s="71">
        <v>66</v>
      </c>
      <c r="HU22" s="71">
        <v>45</v>
      </c>
      <c r="HV22" s="71">
        <v>29</v>
      </c>
      <c r="HW22" s="71">
        <v>34</v>
      </c>
      <c r="HX22" s="72">
        <v>268</v>
      </c>
      <c r="HY22" s="73">
        <v>362</v>
      </c>
      <c r="HZ22" s="86">
        <v>94</v>
      </c>
      <c r="IA22" s="71">
        <v>85</v>
      </c>
      <c r="IB22" s="72">
        <v>179</v>
      </c>
      <c r="IC22" s="244"/>
      <c r="ID22" s="71">
        <v>143</v>
      </c>
      <c r="IE22" s="71">
        <v>111</v>
      </c>
      <c r="IF22" s="71">
        <v>69</v>
      </c>
      <c r="IG22" s="71">
        <v>74</v>
      </c>
      <c r="IH22" s="71">
        <v>44</v>
      </c>
      <c r="II22" s="72">
        <v>441</v>
      </c>
      <c r="IJ22" s="73">
        <v>620</v>
      </c>
      <c r="IK22" s="70">
        <v>151</v>
      </c>
      <c r="IL22" s="71">
        <v>134</v>
      </c>
      <c r="IM22" s="72">
        <v>285</v>
      </c>
      <c r="IN22" s="244"/>
      <c r="IO22" s="71">
        <v>248</v>
      </c>
      <c r="IP22" s="71">
        <v>196</v>
      </c>
      <c r="IQ22" s="71">
        <v>155</v>
      </c>
      <c r="IR22" s="71">
        <v>94</v>
      </c>
      <c r="IS22" s="71">
        <v>64</v>
      </c>
      <c r="IT22" s="72">
        <v>757</v>
      </c>
      <c r="IU22" s="73">
        <v>1042</v>
      </c>
      <c r="IV22" s="86">
        <v>151</v>
      </c>
      <c r="IW22" s="71">
        <v>156</v>
      </c>
      <c r="IX22" s="72">
        <v>307</v>
      </c>
      <c r="IY22" s="244"/>
      <c r="IZ22" s="71">
        <v>290</v>
      </c>
      <c r="JA22" s="71">
        <v>223</v>
      </c>
      <c r="JB22" s="71">
        <v>153</v>
      </c>
      <c r="JC22" s="71">
        <v>115</v>
      </c>
      <c r="JD22" s="71">
        <v>81</v>
      </c>
      <c r="JE22" s="72">
        <v>862</v>
      </c>
      <c r="JF22" s="73">
        <v>1169</v>
      </c>
      <c r="JG22" s="70">
        <v>80</v>
      </c>
      <c r="JH22" s="71">
        <v>114</v>
      </c>
      <c r="JI22" s="72">
        <v>194</v>
      </c>
      <c r="JJ22" s="244"/>
      <c r="JK22" s="71">
        <v>217</v>
      </c>
      <c r="JL22" s="71">
        <v>195</v>
      </c>
      <c r="JM22" s="71">
        <v>213</v>
      </c>
      <c r="JN22" s="71">
        <v>162</v>
      </c>
      <c r="JO22" s="71">
        <v>117</v>
      </c>
      <c r="JP22" s="72">
        <v>904</v>
      </c>
      <c r="JQ22" s="73">
        <v>1098</v>
      </c>
      <c r="JR22" s="70">
        <v>10</v>
      </c>
      <c r="JS22" s="71">
        <v>13</v>
      </c>
      <c r="JT22" s="72">
        <v>23</v>
      </c>
      <c r="JU22" s="244"/>
      <c r="JV22" s="71">
        <v>23</v>
      </c>
      <c r="JW22" s="71">
        <v>22</v>
      </c>
      <c r="JX22" s="71">
        <v>17</v>
      </c>
      <c r="JY22" s="71">
        <v>11</v>
      </c>
      <c r="JZ22" s="71">
        <v>10</v>
      </c>
      <c r="KA22" s="72">
        <v>83</v>
      </c>
      <c r="KB22" s="73">
        <v>106</v>
      </c>
      <c r="KC22" s="70">
        <v>543</v>
      </c>
      <c r="KD22" s="71">
        <v>574</v>
      </c>
      <c r="KE22" s="72">
        <v>1117</v>
      </c>
      <c r="KF22" s="244"/>
      <c r="KG22" s="71">
        <v>1043</v>
      </c>
      <c r="KH22" s="71">
        <v>840</v>
      </c>
      <c r="KI22" s="71">
        <v>666</v>
      </c>
      <c r="KJ22" s="71">
        <v>496</v>
      </c>
      <c r="KK22" s="71">
        <v>361</v>
      </c>
      <c r="KL22" s="72">
        <v>3406</v>
      </c>
      <c r="KM22" s="73">
        <v>4523</v>
      </c>
    </row>
    <row r="23" spans="2:299" ht="21" customHeight="1" x14ac:dyDescent="0.2">
      <c r="B23" s="126" t="s">
        <v>20</v>
      </c>
      <c r="C23" s="315">
        <v>271</v>
      </c>
      <c r="D23" s="82">
        <v>325</v>
      </c>
      <c r="E23" s="83">
        <v>596</v>
      </c>
      <c r="F23" s="241"/>
      <c r="G23" s="82">
        <v>554</v>
      </c>
      <c r="H23" s="82">
        <v>350</v>
      </c>
      <c r="I23" s="82">
        <v>274</v>
      </c>
      <c r="J23" s="82">
        <v>223</v>
      </c>
      <c r="K23" s="82">
        <v>114</v>
      </c>
      <c r="L23" s="84">
        <v>1515</v>
      </c>
      <c r="M23" s="85">
        <v>2111</v>
      </c>
      <c r="N23" s="70">
        <v>12</v>
      </c>
      <c r="O23" s="71">
        <v>8</v>
      </c>
      <c r="P23" s="72">
        <v>20</v>
      </c>
      <c r="Q23" s="244"/>
      <c r="R23" s="71">
        <v>25</v>
      </c>
      <c r="S23" s="71">
        <v>16</v>
      </c>
      <c r="T23" s="71">
        <v>16</v>
      </c>
      <c r="U23" s="71">
        <v>14</v>
      </c>
      <c r="V23" s="71">
        <v>7</v>
      </c>
      <c r="W23" s="72">
        <v>78</v>
      </c>
      <c r="X23" s="73">
        <v>98</v>
      </c>
      <c r="Y23" s="70">
        <v>23</v>
      </c>
      <c r="Z23" s="71">
        <v>29</v>
      </c>
      <c r="AA23" s="72">
        <v>52</v>
      </c>
      <c r="AB23" s="244"/>
      <c r="AC23" s="71">
        <v>58</v>
      </c>
      <c r="AD23" s="71">
        <v>42</v>
      </c>
      <c r="AE23" s="71">
        <v>38</v>
      </c>
      <c r="AF23" s="71">
        <v>29</v>
      </c>
      <c r="AG23" s="71">
        <v>20</v>
      </c>
      <c r="AH23" s="72">
        <v>187</v>
      </c>
      <c r="AI23" s="73">
        <v>239</v>
      </c>
      <c r="AJ23" s="70">
        <v>57</v>
      </c>
      <c r="AK23" s="71">
        <v>60</v>
      </c>
      <c r="AL23" s="72">
        <v>117</v>
      </c>
      <c r="AM23" s="244"/>
      <c r="AN23" s="71">
        <v>75</v>
      </c>
      <c r="AO23" s="71">
        <v>63</v>
      </c>
      <c r="AP23" s="71">
        <v>41</v>
      </c>
      <c r="AQ23" s="71">
        <v>42</v>
      </c>
      <c r="AR23" s="71">
        <v>27</v>
      </c>
      <c r="AS23" s="72">
        <v>248</v>
      </c>
      <c r="AT23" s="73">
        <v>365</v>
      </c>
      <c r="AU23" s="70">
        <v>74</v>
      </c>
      <c r="AV23" s="71">
        <v>97</v>
      </c>
      <c r="AW23" s="72">
        <v>171</v>
      </c>
      <c r="AX23" s="244"/>
      <c r="AY23" s="71">
        <v>159</v>
      </c>
      <c r="AZ23" s="71">
        <v>85</v>
      </c>
      <c r="BA23" s="71">
        <v>75</v>
      </c>
      <c r="BB23" s="71">
        <v>54</v>
      </c>
      <c r="BC23" s="71">
        <v>27</v>
      </c>
      <c r="BD23" s="72">
        <v>400</v>
      </c>
      <c r="BE23" s="73">
        <v>571</v>
      </c>
      <c r="BF23" s="70">
        <v>71</v>
      </c>
      <c r="BG23" s="71">
        <v>90</v>
      </c>
      <c r="BH23" s="72">
        <v>161</v>
      </c>
      <c r="BI23" s="244"/>
      <c r="BJ23" s="71">
        <v>160</v>
      </c>
      <c r="BK23" s="71">
        <v>86</v>
      </c>
      <c r="BL23" s="71">
        <v>71</v>
      </c>
      <c r="BM23" s="71">
        <v>54</v>
      </c>
      <c r="BN23" s="71">
        <v>20</v>
      </c>
      <c r="BO23" s="72">
        <v>391</v>
      </c>
      <c r="BP23" s="73">
        <v>552</v>
      </c>
      <c r="BQ23" s="70">
        <v>34</v>
      </c>
      <c r="BR23" s="71">
        <v>41</v>
      </c>
      <c r="BS23" s="72">
        <v>75</v>
      </c>
      <c r="BT23" s="244"/>
      <c r="BU23" s="71">
        <v>77</v>
      </c>
      <c r="BV23" s="71">
        <v>58</v>
      </c>
      <c r="BW23" s="71">
        <v>33</v>
      </c>
      <c r="BX23" s="71">
        <v>30</v>
      </c>
      <c r="BY23" s="71">
        <v>13</v>
      </c>
      <c r="BZ23" s="72">
        <v>211</v>
      </c>
      <c r="CA23" s="73">
        <v>286</v>
      </c>
      <c r="CB23" s="70">
        <v>10</v>
      </c>
      <c r="CC23" s="71">
        <v>13</v>
      </c>
      <c r="CD23" s="72">
        <v>23</v>
      </c>
      <c r="CE23" s="244"/>
      <c r="CF23" s="71">
        <v>23</v>
      </c>
      <c r="CG23" s="71">
        <v>12</v>
      </c>
      <c r="CH23" s="71">
        <v>11</v>
      </c>
      <c r="CI23" s="71">
        <v>9</v>
      </c>
      <c r="CJ23" s="71">
        <v>8</v>
      </c>
      <c r="CK23" s="72">
        <v>63</v>
      </c>
      <c r="CL23" s="73">
        <v>86</v>
      </c>
      <c r="CM23" s="70">
        <v>281</v>
      </c>
      <c r="CN23" s="71">
        <v>338</v>
      </c>
      <c r="CO23" s="72">
        <v>619</v>
      </c>
      <c r="CP23" s="244"/>
      <c r="CQ23" s="71">
        <v>577</v>
      </c>
      <c r="CR23" s="71">
        <v>362</v>
      </c>
      <c r="CS23" s="71">
        <v>285</v>
      </c>
      <c r="CT23" s="71">
        <v>232</v>
      </c>
      <c r="CU23" s="71">
        <v>122</v>
      </c>
      <c r="CV23" s="72">
        <v>1578</v>
      </c>
      <c r="CW23" s="73">
        <v>2197</v>
      </c>
      <c r="CX23" s="123">
        <v>458</v>
      </c>
      <c r="CY23" s="82">
        <v>612</v>
      </c>
      <c r="CZ23" s="83">
        <v>1070</v>
      </c>
      <c r="DA23" s="241"/>
      <c r="DB23" s="82">
        <v>859</v>
      </c>
      <c r="DC23" s="82">
        <v>521</v>
      </c>
      <c r="DD23" s="82">
        <v>470</v>
      </c>
      <c r="DE23" s="82">
        <v>420</v>
      </c>
      <c r="DF23" s="82">
        <v>265</v>
      </c>
      <c r="DG23" s="84">
        <v>2535</v>
      </c>
      <c r="DH23" s="85">
        <v>3605</v>
      </c>
      <c r="DI23" s="70">
        <v>7</v>
      </c>
      <c r="DJ23" s="71">
        <v>13</v>
      </c>
      <c r="DK23" s="72">
        <v>20</v>
      </c>
      <c r="DL23" s="244"/>
      <c r="DM23" s="71">
        <v>20</v>
      </c>
      <c r="DN23" s="71">
        <v>12</v>
      </c>
      <c r="DO23" s="71">
        <v>8</v>
      </c>
      <c r="DP23" s="71">
        <v>7</v>
      </c>
      <c r="DQ23" s="71">
        <v>4</v>
      </c>
      <c r="DR23" s="72">
        <v>51</v>
      </c>
      <c r="DS23" s="73">
        <v>71</v>
      </c>
      <c r="DT23" s="70">
        <v>32</v>
      </c>
      <c r="DU23" s="71">
        <v>43</v>
      </c>
      <c r="DV23" s="72">
        <v>75</v>
      </c>
      <c r="DW23" s="244"/>
      <c r="DX23" s="71">
        <v>68</v>
      </c>
      <c r="DY23" s="71">
        <v>27</v>
      </c>
      <c r="DZ23" s="71">
        <v>23</v>
      </c>
      <c r="EA23" s="71">
        <v>25</v>
      </c>
      <c r="EB23" s="71">
        <v>18</v>
      </c>
      <c r="EC23" s="72">
        <v>161</v>
      </c>
      <c r="ED23" s="73">
        <v>236</v>
      </c>
      <c r="EE23" s="70">
        <v>92</v>
      </c>
      <c r="EF23" s="71">
        <v>87</v>
      </c>
      <c r="EG23" s="72">
        <v>179</v>
      </c>
      <c r="EH23" s="244"/>
      <c r="EI23" s="71">
        <v>134</v>
      </c>
      <c r="EJ23" s="71">
        <v>67</v>
      </c>
      <c r="EK23" s="71">
        <v>42</v>
      </c>
      <c r="EL23" s="71">
        <v>32</v>
      </c>
      <c r="EM23" s="71">
        <v>37</v>
      </c>
      <c r="EN23" s="72">
        <v>312</v>
      </c>
      <c r="EO23" s="73">
        <v>491</v>
      </c>
      <c r="EP23" s="70">
        <v>163</v>
      </c>
      <c r="EQ23" s="71">
        <v>173</v>
      </c>
      <c r="ER23" s="72">
        <v>336</v>
      </c>
      <c r="ES23" s="244"/>
      <c r="ET23" s="71">
        <v>199</v>
      </c>
      <c r="EU23" s="71">
        <v>118</v>
      </c>
      <c r="EV23" s="71">
        <v>96</v>
      </c>
      <c r="EW23" s="71">
        <v>74</v>
      </c>
      <c r="EX23" s="71">
        <v>52</v>
      </c>
      <c r="EY23" s="72">
        <v>539</v>
      </c>
      <c r="EZ23" s="73">
        <v>875</v>
      </c>
      <c r="FA23" s="70">
        <v>116</v>
      </c>
      <c r="FB23" s="71">
        <v>179</v>
      </c>
      <c r="FC23" s="72">
        <v>295</v>
      </c>
      <c r="FD23" s="244"/>
      <c r="FE23" s="71">
        <v>236</v>
      </c>
      <c r="FF23" s="71">
        <v>136</v>
      </c>
      <c r="FG23" s="71">
        <v>127</v>
      </c>
      <c r="FH23" s="71">
        <v>113</v>
      </c>
      <c r="FI23" s="71">
        <v>65</v>
      </c>
      <c r="FJ23" s="72">
        <v>677</v>
      </c>
      <c r="FK23" s="73">
        <v>972</v>
      </c>
      <c r="FL23" s="70">
        <v>48</v>
      </c>
      <c r="FM23" s="71">
        <v>117</v>
      </c>
      <c r="FN23" s="72">
        <v>165</v>
      </c>
      <c r="FO23" s="244"/>
      <c r="FP23" s="71">
        <v>202</v>
      </c>
      <c r="FQ23" s="71">
        <v>161</v>
      </c>
      <c r="FR23" s="71">
        <v>174</v>
      </c>
      <c r="FS23" s="71">
        <v>169</v>
      </c>
      <c r="FT23" s="71">
        <v>89</v>
      </c>
      <c r="FU23" s="72">
        <v>795</v>
      </c>
      <c r="FV23" s="73">
        <v>960</v>
      </c>
      <c r="FW23" s="70">
        <v>5</v>
      </c>
      <c r="FX23" s="71">
        <v>13</v>
      </c>
      <c r="FY23" s="72">
        <v>18</v>
      </c>
      <c r="FZ23" s="244"/>
      <c r="GA23" s="71">
        <v>15</v>
      </c>
      <c r="GB23" s="71">
        <v>13</v>
      </c>
      <c r="GC23" s="71">
        <v>4</v>
      </c>
      <c r="GD23" s="71">
        <v>9</v>
      </c>
      <c r="GE23" s="71">
        <v>5</v>
      </c>
      <c r="GF23" s="72">
        <v>46</v>
      </c>
      <c r="GG23" s="73">
        <v>64</v>
      </c>
      <c r="GH23" s="70">
        <v>463</v>
      </c>
      <c r="GI23" s="71">
        <v>625</v>
      </c>
      <c r="GJ23" s="72">
        <v>1088</v>
      </c>
      <c r="GK23" s="244"/>
      <c r="GL23" s="71">
        <v>874</v>
      </c>
      <c r="GM23" s="71">
        <v>534</v>
      </c>
      <c r="GN23" s="71">
        <v>474</v>
      </c>
      <c r="GO23" s="71">
        <v>429</v>
      </c>
      <c r="GP23" s="71">
        <v>270</v>
      </c>
      <c r="GQ23" s="72">
        <v>2581</v>
      </c>
      <c r="GR23" s="73">
        <v>3669</v>
      </c>
      <c r="GS23" s="123">
        <v>729</v>
      </c>
      <c r="GT23" s="82">
        <v>937</v>
      </c>
      <c r="GU23" s="83">
        <v>1666</v>
      </c>
      <c r="GV23" s="241"/>
      <c r="GW23" s="82">
        <v>1413</v>
      </c>
      <c r="GX23" s="82">
        <v>871</v>
      </c>
      <c r="GY23" s="82">
        <v>744</v>
      </c>
      <c r="GZ23" s="82">
        <v>643</v>
      </c>
      <c r="HA23" s="82">
        <v>379</v>
      </c>
      <c r="HB23" s="84">
        <v>4050</v>
      </c>
      <c r="HC23" s="85">
        <v>5716</v>
      </c>
      <c r="HD23" s="70">
        <v>19</v>
      </c>
      <c r="HE23" s="71">
        <v>21</v>
      </c>
      <c r="HF23" s="72">
        <v>40</v>
      </c>
      <c r="HG23" s="244"/>
      <c r="HH23" s="71">
        <v>45</v>
      </c>
      <c r="HI23" s="71">
        <v>28</v>
      </c>
      <c r="HJ23" s="71">
        <v>24</v>
      </c>
      <c r="HK23" s="71">
        <v>21</v>
      </c>
      <c r="HL23" s="71">
        <v>11</v>
      </c>
      <c r="HM23" s="72">
        <v>129</v>
      </c>
      <c r="HN23" s="73">
        <v>169</v>
      </c>
      <c r="HO23" s="70">
        <v>55</v>
      </c>
      <c r="HP23" s="71">
        <v>72</v>
      </c>
      <c r="HQ23" s="72">
        <v>127</v>
      </c>
      <c r="HR23" s="244"/>
      <c r="HS23" s="71">
        <v>126</v>
      </c>
      <c r="HT23" s="71">
        <v>69</v>
      </c>
      <c r="HU23" s="71">
        <v>61</v>
      </c>
      <c r="HV23" s="71">
        <v>54</v>
      </c>
      <c r="HW23" s="71">
        <v>38</v>
      </c>
      <c r="HX23" s="72">
        <v>348</v>
      </c>
      <c r="HY23" s="73">
        <v>475</v>
      </c>
      <c r="HZ23" s="70">
        <v>149</v>
      </c>
      <c r="IA23" s="71">
        <v>147</v>
      </c>
      <c r="IB23" s="72">
        <v>296</v>
      </c>
      <c r="IC23" s="244"/>
      <c r="ID23" s="71">
        <v>209</v>
      </c>
      <c r="IE23" s="71">
        <v>130</v>
      </c>
      <c r="IF23" s="71">
        <v>83</v>
      </c>
      <c r="IG23" s="71">
        <v>74</v>
      </c>
      <c r="IH23" s="71">
        <v>64</v>
      </c>
      <c r="II23" s="72">
        <v>560</v>
      </c>
      <c r="IJ23" s="73">
        <v>856</v>
      </c>
      <c r="IK23" s="70">
        <v>237</v>
      </c>
      <c r="IL23" s="71">
        <v>270</v>
      </c>
      <c r="IM23" s="72">
        <v>507</v>
      </c>
      <c r="IN23" s="244"/>
      <c r="IO23" s="71">
        <v>358</v>
      </c>
      <c r="IP23" s="71">
        <v>203</v>
      </c>
      <c r="IQ23" s="71">
        <v>171</v>
      </c>
      <c r="IR23" s="71">
        <v>128</v>
      </c>
      <c r="IS23" s="71">
        <v>79</v>
      </c>
      <c r="IT23" s="72">
        <v>939</v>
      </c>
      <c r="IU23" s="73">
        <v>1446</v>
      </c>
      <c r="IV23" s="70">
        <v>187</v>
      </c>
      <c r="IW23" s="71">
        <v>269</v>
      </c>
      <c r="IX23" s="72">
        <v>456</v>
      </c>
      <c r="IY23" s="244"/>
      <c r="IZ23" s="71">
        <v>396</v>
      </c>
      <c r="JA23" s="71">
        <v>222</v>
      </c>
      <c r="JB23" s="71">
        <v>198</v>
      </c>
      <c r="JC23" s="71">
        <v>167</v>
      </c>
      <c r="JD23" s="71">
        <v>85</v>
      </c>
      <c r="JE23" s="72">
        <v>1068</v>
      </c>
      <c r="JF23" s="73">
        <v>1524</v>
      </c>
      <c r="JG23" s="70">
        <v>82</v>
      </c>
      <c r="JH23" s="71">
        <v>158</v>
      </c>
      <c r="JI23" s="72">
        <v>240</v>
      </c>
      <c r="JJ23" s="244"/>
      <c r="JK23" s="71">
        <v>279</v>
      </c>
      <c r="JL23" s="71">
        <v>219</v>
      </c>
      <c r="JM23" s="71">
        <v>207</v>
      </c>
      <c r="JN23" s="71">
        <v>199</v>
      </c>
      <c r="JO23" s="71">
        <v>102</v>
      </c>
      <c r="JP23" s="72">
        <v>1006</v>
      </c>
      <c r="JQ23" s="73">
        <v>1246</v>
      </c>
      <c r="JR23" s="70">
        <v>15</v>
      </c>
      <c r="JS23" s="71">
        <v>26</v>
      </c>
      <c r="JT23" s="72">
        <v>41</v>
      </c>
      <c r="JU23" s="244"/>
      <c r="JV23" s="71">
        <v>38</v>
      </c>
      <c r="JW23" s="71">
        <v>25</v>
      </c>
      <c r="JX23" s="71">
        <v>15</v>
      </c>
      <c r="JY23" s="71">
        <v>18</v>
      </c>
      <c r="JZ23" s="71">
        <v>13</v>
      </c>
      <c r="KA23" s="72">
        <v>109</v>
      </c>
      <c r="KB23" s="73">
        <v>150</v>
      </c>
      <c r="KC23" s="70">
        <v>744</v>
      </c>
      <c r="KD23" s="71">
        <v>963</v>
      </c>
      <c r="KE23" s="72">
        <v>1707</v>
      </c>
      <c r="KF23" s="244"/>
      <c r="KG23" s="71">
        <v>1451</v>
      </c>
      <c r="KH23" s="71">
        <v>896</v>
      </c>
      <c r="KI23" s="71">
        <v>759</v>
      </c>
      <c r="KJ23" s="71">
        <v>661</v>
      </c>
      <c r="KK23" s="71">
        <v>392</v>
      </c>
      <c r="KL23" s="72">
        <v>4159</v>
      </c>
      <c r="KM23" s="73">
        <v>5866</v>
      </c>
    </row>
    <row r="24" spans="2:299" ht="21" customHeight="1" x14ac:dyDescent="0.2">
      <c r="B24" s="126" t="s">
        <v>21</v>
      </c>
      <c r="C24" s="315">
        <v>274</v>
      </c>
      <c r="D24" s="82">
        <v>239</v>
      </c>
      <c r="E24" s="83">
        <v>513</v>
      </c>
      <c r="F24" s="241"/>
      <c r="G24" s="82">
        <v>448</v>
      </c>
      <c r="H24" s="82">
        <v>412</v>
      </c>
      <c r="I24" s="82">
        <v>287</v>
      </c>
      <c r="J24" s="82">
        <v>228</v>
      </c>
      <c r="K24" s="82">
        <v>136</v>
      </c>
      <c r="L24" s="84">
        <v>1511</v>
      </c>
      <c r="M24" s="85">
        <v>2024</v>
      </c>
      <c r="N24" s="70">
        <v>11</v>
      </c>
      <c r="O24" s="71">
        <v>16</v>
      </c>
      <c r="P24" s="72">
        <v>27</v>
      </c>
      <c r="Q24" s="244"/>
      <c r="R24" s="71">
        <v>18</v>
      </c>
      <c r="S24" s="71">
        <v>17</v>
      </c>
      <c r="T24" s="71">
        <v>16</v>
      </c>
      <c r="U24" s="71">
        <v>15</v>
      </c>
      <c r="V24" s="71">
        <v>12</v>
      </c>
      <c r="W24" s="72">
        <v>78</v>
      </c>
      <c r="X24" s="73">
        <v>105</v>
      </c>
      <c r="Y24" s="70">
        <v>29</v>
      </c>
      <c r="Z24" s="71">
        <v>32</v>
      </c>
      <c r="AA24" s="72">
        <v>61</v>
      </c>
      <c r="AB24" s="244"/>
      <c r="AC24" s="71">
        <v>42</v>
      </c>
      <c r="AD24" s="71">
        <v>48</v>
      </c>
      <c r="AE24" s="71">
        <v>25</v>
      </c>
      <c r="AF24" s="71">
        <v>31</v>
      </c>
      <c r="AG24" s="71">
        <v>19</v>
      </c>
      <c r="AH24" s="72">
        <v>165</v>
      </c>
      <c r="AI24" s="73">
        <v>226</v>
      </c>
      <c r="AJ24" s="70">
        <v>50</v>
      </c>
      <c r="AK24" s="71">
        <v>44</v>
      </c>
      <c r="AL24" s="72">
        <v>94</v>
      </c>
      <c r="AM24" s="244"/>
      <c r="AN24" s="71">
        <v>74</v>
      </c>
      <c r="AO24" s="71">
        <v>71</v>
      </c>
      <c r="AP24" s="71">
        <v>57</v>
      </c>
      <c r="AQ24" s="71">
        <v>45</v>
      </c>
      <c r="AR24" s="71">
        <v>25</v>
      </c>
      <c r="AS24" s="72">
        <v>272</v>
      </c>
      <c r="AT24" s="73">
        <v>366</v>
      </c>
      <c r="AU24" s="70">
        <v>69</v>
      </c>
      <c r="AV24" s="71">
        <v>50</v>
      </c>
      <c r="AW24" s="72">
        <v>119</v>
      </c>
      <c r="AX24" s="244"/>
      <c r="AY24" s="71">
        <v>124</v>
      </c>
      <c r="AZ24" s="71">
        <v>123</v>
      </c>
      <c r="BA24" s="71">
        <v>72</v>
      </c>
      <c r="BB24" s="71">
        <v>46</v>
      </c>
      <c r="BC24" s="71">
        <v>26</v>
      </c>
      <c r="BD24" s="72">
        <v>391</v>
      </c>
      <c r="BE24" s="73">
        <v>510</v>
      </c>
      <c r="BF24" s="70">
        <v>79</v>
      </c>
      <c r="BG24" s="71">
        <v>62</v>
      </c>
      <c r="BH24" s="72">
        <v>141</v>
      </c>
      <c r="BI24" s="244"/>
      <c r="BJ24" s="71">
        <v>137</v>
      </c>
      <c r="BK24" s="71">
        <v>98</v>
      </c>
      <c r="BL24" s="71">
        <v>62</v>
      </c>
      <c r="BM24" s="71">
        <v>58</v>
      </c>
      <c r="BN24" s="71">
        <v>37</v>
      </c>
      <c r="BO24" s="72">
        <v>392</v>
      </c>
      <c r="BP24" s="73">
        <v>533</v>
      </c>
      <c r="BQ24" s="70">
        <v>36</v>
      </c>
      <c r="BR24" s="71">
        <v>35</v>
      </c>
      <c r="BS24" s="72">
        <v>71</v>
      </c>
      <c r="BT24" s="244"/>
      <c r="BU24" s="71">
        <v>53</v>
      </c>
      <c r="BV24" s="71">
        <v>55</v>
      </c>
      <c r="BW24" s="71">
        <v>55</v>
      </c>
      <c r="BX24" s="71">
        <v>33</v>
      </c>
      <c r="BY24" s="71">
        <v>17</v>
      </c>
      <c r="BZ24" s="72">
        <v>213</v>
      </c>
      <c r="CA24" s="73">
        <v>284</v>
      </c>
      <c r="CB24" s="70">
        <v>7</v>
      </c>
      <c r="CC24" s="71">
        <v>13</v>
      </c>
      <c r="CD24" s="72">
        <v>20</v>
      </c>
      <c r="CE24" s="244"/>
      <c r="CF24" s="71">
        <v>6</v>
      </c>
      <c r="CG24" s="71">
        <v>24</v>
      </c>
      <c r="CH24" s="71">
        <v>8</v>
      </c>
      <c r="CI24" s="71">
        <v>13</v>
      </c>
      <c r="CJ24" s="71">
        <v>9</v>
      </c>
      <c r="CK24" s="72">
        <v>60</v>
      </c>
      <c r="CL24" s="73">
        <v>80</v>
      </c>
      <c r="CM24" s="70">
        <v>281</v>
      </c>
      <c r="CN24" s="71">
        <v>252</v>
      </c>
      <c r="CO24" s="72">
        <v>533</v>
      </c>
      <c r="CP24" s="244"/>
      <c r="CQ24" s="71">
        <v>454</v>
      </c>
      <c r="CR24" s="71">
        <v>436</v>
      </c>
      <c r="CS24" s="71">
        <v>295</v>
      </c>
      <c r="CT24" s="71">
        <v>241</v>
      </c>
      <c r="CU24" s="71">
        <v>145</v>
      </c>
      <c r="CV24" s="72">
        <v>1571</v>
      </c>
      <c r="CW24" s="73">
        <v>2104</v>
      </c>
      <c r="CX24" s="123">
        <v>563</v>
      </c>
      <c r="CY24" s="82">
        <v>544</v>
      </c>
      <c r="CZ24" s="83">
        <v>1107</v>
      </c>
      <c r="DA24" s="241"/>
      <c r="DB24" s="82">
        <v>728</v>
      </c>
      <c r="DC24" s="82">
        <v>722</v>
      </c>
      <c r="DD24" s="82">
        <v>558</v>
      </c>
      <c r="DE24" s="82">
        <v>475</v>
      </c>
      <c r="DF24" s="82">
        <v>338</v>
      </c>
      <c r="DG24" s="84">
        <v>2821</v>
      </c>
      <c r="DH24" s="85">
        <v>3928</v>
      </c>
      <c r="DI24" s="70">
        <v>16</v>
      </c>
      <c r="DJ24" s="71">
        <v>14</v>
      </c>
      <c r="DK24" s="72">
        <v>30</v>
      </c>
      <c r="DL24" s="244"/>
      <c r="DM24" s="71">
        <v>20</v>
      </c>
      <c r="DN24" s="71">
        <v>20</v>
      </c>
      <c r="DO24" s="71">
        <v>9</v>
      </c>
      <c r="DP24" s="71">
        <v>7</v>
      </c>
      <c r="DQ24" s="71">
        <v>12</v>
      </c>
      <c r="DR24" s="72">
        <v>68</v>
      </c>
      <c r="DS24" s="73">
        <v>98</v>
      </c>
      <c r="DT24" s="70">
        <v>40</v>
      </c>
      <c r="DU24" s="71">
        <v>38</v>
      </c>
      <c r="DV24" s="72">
        <v>78</v>
      </c>
      <c r="DW24" s="244"/>
      <c r="DX24" s="71">
        <v>34</v>
      </c>
      <c r="DY24" s="71">
        <v>44</v>
      </c>
      <c r="DZ24" s="71">
        <v>31</v>
      </c>
      <c r="EA24" s="71">
        <v>26</v>
      </c>
      <c r="EB24" s="71">
        <v>29</v>
      </c>
      <c r="EC24" s="72">
        <v>164</v>
      </c>
      <c r="ED24" s="73">
        <v>242</v>
      </c>
      <c r="EE24" s="70">
        <v>90</v>
      </c>
      <c r="EF24" s="71">
        <v>88</v>
      </c>
      <c r="EG24" s="72">
        <v>178</v>
      </c>
      <c r="EH24" s="244"/>
      <c r="EI24" s="71">
        <v>105</v>
      </c>
      <c r="EJ24" s="71">
        <v>84</v>
      </c>
      <c r="EK24" s="71">
        <v>60</v>
      </c>
      <c r="EL24" s="71">
        <v>53</v>
      </c>
      <c r="EM24" s="71">
        <v>26</v>
      </c>
      <c r="EN24" s="72">
        <v>328</v>
      </c>
      <c r="EO24" s="73">
        <v>506</v>
      </c>
      <c r="EP24" s="70">
        <v>180</v>
      </c>
      <c r="EQ24" s="71">
        <v>158</v>
      </c>
      <c r="ER24" s="72">
        <v>338</v>
      </c>
      <c r="ES24" s="244"/>
      <c r="ET24" s="71">
        <v>212</v>
      </c>
      <c r="EU24" s="71">
        <v>156</v>
      </c>
      <c r="EV24" s="71">
        <v>114</v>
      </c>
      <c r="EW24" s="71">
        <v>99</v>
      </c>
      <c r="EX24" s="71">
        <v>80</v>
      </c>
      <c r="EY24" s="72">
        <v>661</v>
      </c>
      <c r="EZ24" s="73">
        <v>999</v>
      </c>
      <c r="FA24" s="70">
        <v>157</v>
      </c>
      <c r="FB24" s="71">
        <v>163</v>
      </c>
      <c r="FC24" s="72">
        <v>320</v>
      </c>
      <c r="FD24" s="244"/>
      <c r="FE24" s="71">
        <v>197</v>
      </c>
      <c r="FF24" s="71">
        <v>223</v>
      </c>
      <c r="FG24" s="71">
        <v>166</v>
      </c>
      <c r="FH24" s="71">
        <v>114</v>
      </c>
      <c r="FI24" s="71">
        <v>70</v>
      </c>
      <c r="FJ24" s="72">
        <v>770</v>
      </c>
      <c r="FK24" s="73">
        <v>1090</v>
      </c>
      <c r="FL24" s="70">
        <v>80</v>
      </c>
      <c r="FM24" s="71">
        <v>83</v>
      </c>
      <c r="FN24" s="72">
        <v>163</v>
      </c>
      <c r="FO24" s="244"/>
      <c r="FP24" s="71">
        <v>160</v>
      </c>
      <c r="FQ24" s="71">
        <v>195</v>
      </c>
      <c r="FR24" s="71">
        <v>178</v>
      </c>
      <c r="FS24" s="71">
        <v>176</v>
      </c>
      <c r="FT24" s="71">
        <v>121</v>
      </c>
      <c r="FU24" s="72">
        <v>830</v>
      </c>
      <c r="FV24" s="73">
        <v>993</v>
      </c>
      <c r="FW24" s="70">
        <v>9</v>
      </c>
      <c r="FX24" s="71">
        <v>12</v>
      </c>
      <c r="FY24" s="72">
        <v>21</v>
      </c>
      <c r="FZ24" s="244"/>
      <c r="GA24" s="71">
        <v>9</v>
      </c>
      <c r="GB24" s="71">
        <v>20</v>
      </c>
      <c r="GC24" s="71">
        <v>15</v>
      </c>
      <c r="GD24" s="71">
        <v>7</v>
      </c>
      <c r="GE24" s="71">
        <v>6</v>
      </c>
      <c r="GF24" s="72">
        <v>57</v>
      </c>
      <c r="GG24" s="73">
        <v>78</v>
      </c>
      <c r="GH24" s="70">
        <v>572</v>
      </c>
      <c r="GI24" s="71">
        <v>556</v>
      </c>
      <c r="GJ24" s="72">
        <v>1128</v>
      </c>
      <c r="GK24" s="244"/>
      <c r="GL24" s="71">
        <v>737</v>
      </c>
      <c r="GM24" s="71">
        <v>742</v>
      </c>
      <c r="GN24" s="71">
        <v>573</v>
      </c>
      <c r="GO24" s="71">
        <v>482</v>
      </c>
      <c r="GP24" s="71">
        <v>344</v>
      </c>
      <c r="GQ24" s="72">
        <v>2878</v>
      </c>
      <c r="GR24" s="73">
        <v>4006</v>
      </c>
      <c r="GS24" s="123">
        <v>837</v>
      </c>
      <c r="GT24" s="82">
        <v>783</v>
      </c>
      <c r="GU24" s="83">
        <v>1620</v>
      </c>
      <c r="GV24" s="241"/>
      <c r="GW24" s="82">
        <v>1176</v>
      </c>
      <c r="GX24" s="82">
        <v>1134</v>
      </c>
      <c r="GY24" s="82">
        <v>845</v>
      </c>
      <c r="GZ24" s="82">
        <v>703</v>
      </c>
      <c r="HA24" s="82">
        <v>474</v>
      </c>
      <c r="HB24" s="84">
        <v>4332</v>
      </c>
      <c r="HC24" s="85">
        <v>5952</v>
      </c>
      <c r="HD24" s="70">
        <v>27</v>
      </c>
      <c r="HE24" s="71">
        <v>30</v>
      </c>
      <c r="HF24" s="72">
        <v>57</v>
      </c>
      <c r="HG24" s="244"/>
      <c r="HH24" s="71">
        <v>38</v>
      </c>
      <c r="HI24" s="71">
        <v>37</v>
      </c>
      <c r="HJ24" s="71">
        <v>25</v>
      </c>
      <c r="HK24" s="71">
        <v>22</v>
      </c>
      <c r="HL24" s="71">
        <v>24</v>
      </c>
      <c r="HM24" s="72">
        <v>146</v>
      </c>
      <c r="HN24" s="73">
        <v>203</v>
      </c>
      <c r="HO24" s="70">
        <v>69</v>
      </c>
      <c r="HP24" s="71">
        <v>70</v>
      </c>
      <c r="HQ24" s="72">
        <v>139</v>
      </c>
      <c r="HR24" s="244"/>
      <c r="HS24" s="71">
        <v>76</v>
      </c>
      <c r="HT24" s="71">
        <v>92</v>
      </c>
      <c r="HU24" s="71">
        <v>56</v>
      </c>
      <c r="HV24" s="71">
        <v>57</v>
      </c>
      <c r="HW24" s="71">
        <v>48</v>
      </c>
      <c r="HX24" s="72">
        <v>329</v>
      </c>
      <c r="HY24" s="73">
        <v>468</v>
      </c>
      <c r="HZ24" s="70">
        <v>140</v>
      </c>
      <c r="IA24" s="71">
        <v>132</v>
      </c>
      <c r="IB24" s="72">
        <v>272</v>
      </c>
      <c r="IC24" s="244"/>
      <c r="ID24" s="71">
        <v>179</v>
      </c>
      <c r="IE24" s="71">
        <v>155</v>
      </c>
      <c r="IF24" s="71">
        <v>117</v>
      </c>
      <c r="IG24" s="71">
        <v>98</v>
      </c>
      <c r="IH24" s="71">
        <v>51</v>
      </c>
      <c r="II24" s="72">
        <v>600</v>
      </c>
      <c r="IJ24" s="73">
        <v>872</v>
      </c>
      <c r="IK24" s="70">
        <v>249</v>
      </c>
      <c r="IL24" s="71">
        <v>208</v>
      </c>
      <c r="IM24" s="72">
        <v>457</v>
      </c>
      <c r="IN24" s="244"/>
      <c r="IO24" s="71">
        <v>336</v>
      </c>
      <c r="IP24" s="71">
        <v>279</v>
      </c>
      <c r="IQ24" s="71">
        <v>186</v>
      </c>
      <c r="IR24" s="71">
        <v>145</v>
      </c>
      <c r="IS24" s="71">
        <v>106</v>
      </c>
      <c r="IT24" s="72">
        <v>1052</v>
      </c>
      <c r="IU24" s="73">
        <v>1509</v>
      </c>
      <c r="IV24" s="70">
        <v>236</v>
      </c>
      <c r="IW24" s="71">
        <v>225</v>
      </c>
      <c r="IX24" s="72">
        <v>461</v>
      </c>
      <c r="IY24" s="244"/>
      <c r="IZ24" s="71">
        <v>334</v>
      </c>
      <c r="JA24" s="71">
        <v>321</v>
      </c>
      <c r="JB24" s="71">
        <v>228</v>
      </c>
      <c r="JC24" s="71">
        <v>172</v>
      </c>
      <c r="JD24" s="71">
        <v>107</v>
      </c>
      <c r="JE24" s="72">
        <v>1162</v>
      </c>
      <c r="JF24" s="73">
        <v>1623</v>
      </c>
      <c r="JG24" s="70">
        <v>116</v>
      </c>
      <c r="JH24" s="71">
        <v>118</v>
      </c>
      <c r="JI24" s="72">
        <v>234</v>
      </c>
      <c r="JJ24" s="244"/>
      <c r="JK24" s="71">
        <v>213</v>
      </c>
      <c r="JL24" s="71">
        <v>250</v>
      </c>
      <c r="JM24" s="71">
        <v>233</v>
      </c>
      <c r="JN24" s="71">
        <v>209</v>
      </c>
      <c r="JO24" s="71">
        <v>138</v>
      </c>
      <c r="JP24" s="72">
        <v>1043</v>
      </c>
      <c r="JQ24" s="73">
        <v>1277</v>
      </c>
      <c r="JR24" s="70">
        <v>16</v>
      </c>
      <c r="JS24" s="71">
        <v>25</v>
      </c>
      <c r="JT24" s="72">
        <v>41</v>
      </c>
      <c r="JU24" s="244"/>
      <c r="JV24" s="71">
        <v>15</v>
      </c>
      <c r="JW24" s="71">
        <v>44</v>
      </c>
      <c r="JX24" s="71">
        <v>23</v>
      </c>
      <c r="JY24" s="71">
        <v>20</v>
      </c>
      <c r="JZ24" s="71">
        <v>15</v>
      </c>
      <c r="KA24" s="72">
        <v>117</v>
      </c>
      <c r="KB24" s="73">
        <v>158</v>
      </c>
      <c r="KC24" s="70">
        <v>853</v>
      </c>
      <c r="KD24" s="71">
        <v>808</v>
      </c>
      <c r="KE24" s="72">
        <v>1661</v>
      </c>
      <c r="KF24" s="244"/>
      <c r="KG24" s="71">
        <v>1191</v>
      </c>
      <c r="KH24" s="71">
        <v>1178</v>
      </c>
      <c r="KI24" s="71">
        <v>868</v>
      </c>
      <c r="KJ24" s="71">
        <v>723</v>
      </c>
      <c r="KK24" s="71">
        <v>489</v>
      </c>
      <c r="KL24" s="72">
        <v>4449</v>
      </c>
      <c r="KM24" s="73">
        <v>6110</v>
      </c>
    </row>
    <row r="25" spans="2:299" ht="21" customHeight="1" x14ac:dyDescent="0.2">
      <c r="B25" s="126" t="s">
        <v>22</v>
      </c>
      <c r="C25" s="315">
        <v>69</v>
      </c>
      <c r="D25" s="82">
        <v>82</v>
      </c>
      <c r="E25" s="83">
        <v>151</v>
      </c>
      <c r="F25" s="241"/>
      <c r="G25" s="82">
        <v>186</v>
      </c>
      <c r="H25" s="82">
        <v>151</v>
      </c>
      <c r="I25" s="82">
        <v>93</v>
      </c>
      <c r="J25" s="82">
        <v>81</v>
      </c>
      <c r="K25" s="82">
        <v>52</v>
      </c>
      <c r="L25" s="84">
        <v>563</v>
      </c>
      <c r="M25" s="85">
        <v>714</v>
      </c>
      <c r="N25" s="70">
        <v>3</v>
      </c>
      <c r="O25" s="71">
        <v>4</v>
      </c>
      <c r="P25" s="72">
        <v>7</v>
      </c>
      <c r="Q25" s="244"/>
      <c r="R25" s="71">
        <v>4</v>
      </c>
      <c r="S25" s="71">
        <v>4</v>
      </c>
      <c r="T25" s="71">
        <v>2</v>
      </c>
      <c r="U25" s="71">
        <v>4</v>
      </c>
      <c r="V25" s="71">
        <v>2</v>
      </c>
      <c r="W25" s="72">
        <v>16</v>
      </c>
      <c r="X25" s="73">
        <v>23</v>
      </c>
      <c r="Y25" s="70">
        <v>7</v>
      </c>
      <c r="Z25" s="71">
        <v>7</v>
      </c>
      <c r="AA25" s="72">
        <v>14</v>
      </c>
      <c r="AB25" s="244"/>
      <c r="AC25" s="71">
        <v>18</v>
      </c>
      <c r="AD25" s="71">
        <v>15</v>
      </c>
      <c r="AE25" s="71">
        <v>2</v>
      </c>
      <c r="AF25" s="71">
        <v>7</v>
      </c>
      <c r="AG25" s="71">
        <v>7</v>
      </c>
      <c r="AH25" s="72">
        <v>49</v>
      </c>
      <c r="AI25" s="73">
        <v>63</v>
      </c>
      <c r="AJ25" s="70">
        <v>4</v>
      </c>
      <c r="AK25" s="71">
        <v>18</v>
      </c>
      <c r="AL25" s="72">
        <v>22</v>
      </c>
      <c r="AM25" s="244"/>
      <c r="AN25" s="71">
        <v>27</v>
      </c>
      <c r="AO25" s="71">
        <v>20</v>
      </c>
      <c r="AP25" s="71">
        <v>17</v>
      </c>
      <c r="AQ25" s="71">
        <v>14</v>
      </c>
      <c r="AR25" s="71">
        <v>10</v>
      </c>
      <c r="AS25" s="72">
        <v>88</v>
      </c>
      <c r="AT25" s="73">
        <v>110</v>
      </c>
      <c r="AU25" s="70">
        <v>19</v>
      </c>
      <c r="AV25" s="71">
        <v>21</v>
      </c>
      <c r="AW25" s="72">
        <v>40</v>
      </c>
      <c r="AX25" s="244"/>
      <c r="AY25" s="71">
        <v>37</v>
      </c>
      <c r="AZ25" s="71">
        <v>46</v>
      </c>
      <c r="BA25" s="71">
        <v>31</v>
      </c>
      <c r="BB25" s="71">
        <v>18</v>
      </c>
      <c r="BC25" s="71">
        <v>12</v>
      </c>
      <c r="BD25" s="72">
        <v>144</v>
      </c>
      <c r="BE25" s="73">
        <v>184</v>
      </c>
      <c r="BF25" s="70">
        <v>22</v>
      </c>
      <c r="BG25" s="71">
        <v>24</v>
      </c>
      <c r="BH25" s="72">
        <v>46</v>
      </c>
      <c r="BI25" s="244"/>
      <c r="BJ25" s="71">
        <v>57</v>
      </c>
      <c r="BK25" s="71">
        <v>34</v>
      </c>
      <c r="BL25" s="71">
        <v>22</v>
      </c>
      <c r="BM25" s="71">
        <v>19</v>
      </c>
      <c r="BN25" s="71">
        <v>10</v>
      </c>
      <c r="BO25" s="72">
        <v>142</v>
      </c>
      <c r="BP25" s="73">
        <v>188</v>
      </c>
      <c r="BQ25" s="70">
        <v>14</v>
      </c>
      <c r="BR25" s="71">
        <v>8</v>
      </c>
      <c r="BS25" s="72">
        <v>22</v>
      </c>
      <c r="BT25" s="244"/>
      <c r="BU25" s="71">
        <v>43</v>
      </c>
      <c r="BV25" s="71">
        <v>32</v>
      </c>
      <c r="BW25" s="71">
        <v>19</v>
      </c>
      <c r="BX25" s="71">
        <v>19</v>
      </c>
      <c r="BY25" s="71">
        <v>11</v>
      </c>
      <c r="BZ25" s="72">
        <v>124</v>
      </c>
      <c r="CA25" s="73">
        <v>146</v>
      </c>
      <c r="CB25" s="70">
        <v>0</v>
      </c>
      <c r="CC25" s="71">
        <v>6</v>
      </c>
      <c r="CD25" s="72">
        <v>6</v>
      </c>
      <c r="CE25" s="244"/>
      <c r="CF25" s="71">
        <v>10</v>
      </c>
      <c r="CG25" s="71">
        <v>3</v>
      </c>
      <c r="CH25" s="71">
        <v>1</v>
      </c>
      <c r="CI25" s="71">
        <v>2</v>
      </c>
      <c r="CJ25" s="71">
        <v>3</v>
      </c>
      <c r="CK25" s="72">
        <v>19</v>
      </c>
      <c r="CL25" s="73">
        <v>25</v>
      </c>
      <c r="CM25" s="70">
        <v>69</v>
      </c>
      <c r="CN25" s="71">
        <v>88</v>
      </c>
      <c r="CO25" s="72">
        <v>157</v>
      </c>
      <c r="CP25" s="244"/>
      <c r="CQ25" s="71">
        <v>196</v>
      </c>
      <c r="CR25" s="71">
        <v>154</v>
      </c>
      <c r="CS25" s="71">
        <v>94</v>
      </c>
      <c r="CT25" s="71">
        <v>83</v>
      </c>
      <c r="CU25" s="71">
        <v>55</v>
      </c>
      <c r="CV25" s="72">
        <v>582</v>
      </c>
      <c r="CW25" s="73">
        <v>739</v>
      </c>
      <c r="CX25" s="123">
        <v>108</v>
      </c>
      <c r="CY25" s="82">
        <v>227</v>
      </c>
      <c r="CZ25" s="83">
        <v>335</v>
      </c>
      <c r="DA25" s="241"/>
      <c r="DB25" s="82">
        <v>349</v>
      </c>
      <c r="DC25" s="82">
        <v>298</v>
      </c>
      <c r="DD25" s="82">
        <v>212</v>
      </c>
      <c r="DE25" s="82">
        <v>204</v>
      </c>
      <c r="DF25" s="82">
        <v>107</v>
      </c>
      <c r="DG25" s="84">
        <v>1170</v>
      </c>
      <c r="DH25" s="85">
        <v>1505</v>
      </c>
      <c r="DI25" s="70">
        <v>4</v>
      </c>
      <c r="DJ25" s="71">
        <v>8</v>
      </c>
      <c r="DK25" s="72">
        <v>12</v>
      </c>
      <c r="DL25" s="244"/>
      <c r="DM25" s="71">
        <v>4</v>
      </c>
      <c r="DN25" s="71">
        <v>8</v>
      </c>
      <c r="DO25" s="71">
        <v>1</v>
      </c>
      <c r="DP25" s="71">
        <v>4</v>
      </c>
      <c r="DQ25" s="71">
        <v>1</v>
      </c>
      <c r="DR25" s="72">
        <v>18</v>
      </c>
      <c r="DS25" s="73">
        <v>30</v>
      </c>
      <c r="DT25" s="70">
        <v>5</v>
      </c>
      <c r="DU25" s="71">
        <v>3</v>
      </c>
      <c r="DV25" s="72">
        <v>8</v>
      </c>
      <c r="DW25" s="244"/>
      <c r="DX25" s="71">
        <v>18</v>
      </c>
      <c r="DY25" s="71">
        <v>15</v>
      </c>
      <c r="DZ25" s="71">
        <v>9</v>
      </c>
      <c r="EA25" s="71">
        <v>7</v>
      </c>
      <c r="EB25" s="71">
        <v>7</v>
      </c>
      <c r="EC25" s="72">
        <v>56</v>
      </c>
      <c r="ED25" s="73">
        <v>64</v>
      </c>
      <c r="EE25" s="70">
        <v>26</v>
      </c>
      <c r="EF25" s="71">
        <v>39</v>
      </c>
      <c r="EG25" s="72">
        <v>65</v>
      </c>
      <c r="EH25" s="244"/>
      <c r="EI25" s="71">
        <v>40</v>
      </c>
      <c r="EJ25" s="71">
        <v>29</v>
      </c>
      <c r="EK25" s="71">
        <v>18</v>
      </c>
      <c r="EL25" s="71">
        <v>18</v>
      </c>
      <c r="EM25" s="71">
        <v>11</v>
      </c>
      <c r="EN25" s="72">
        <v>116</v>
      </c>
      <c r="EO25" s="73">
        <v>181</v>
      </c>
      <c r="EP25" s="70">
        <v>28</v>
      </c>
      <c r="EQ25" s="71">
        <v>67</v>
      </c>
      <c r="ER25" s="72">
        <v>95</v>
      </c>
      <c r="ES25" s="244"/>
      <c r="ET25" s="71">
        <v>81</v>
      </c>
      <c r="EU25" s="71">
        <v>61</v>
      </c>
      <c r="EV25" s="71">
        <v>45</v>
      </c>
      <c r="EW25" s="71">
        <v>38</v>
      </c>
      <c r="EX25" s="71">
        <v>21</v>
      </c>
      <c r="EY25" s="72">
        <v>246</v>
      </c>
      <c r="EZ25" s="73">
        <v>341</v>
      </c>
      <c r="FA25" s="70">
        <v>32</v>
      </c>
      <c r="FB25" s="71">
        <v>63</v>
      </c>
      <c r="FC25" s="72">
        <v>95</v>
      </c>
      <c r="FD25" s="244"/>
      <c r="FE25" s="71">
        <v>110</v>
      </c>
      <c r="FF25" s="71">
        <v>90</v>
      </c>
      <c r="FG25" s="71">
        <v>55</v>
      </c>
      <c r="FH25" s="71">
        <v>47</v>
      </c>
      <c r="FI25" s="71">
        <v>29</v>
      </c>
      <c r="FJ25" s="72">
        <v>331</v>
      </c>
      <c r="FK25" s="73">
        <v>426</v>
      </c>
      <c r="FL25" s="70">
        <v>13</v>
      </c>
      <c r="FM25" s="71">
        <v>47</v>
      </c>
      <c r="FN25" s="72">
        <v>60</v>
      </c>
      <c r="FO25" s="244"/>
      <c r="FP25" s="71">
        <v>96</v>
      </c>
      <c r="FQ25" s="71">
        <v>95</v>
      </c>
      <c r="FR25" s="71">
        <v>84</v>
      </c>
      <c r="FS25" s="71">
        <v>90</v>
      </c>
      <c r="FT25" s="71">
        <v>38</v>
      </c>
      <c r="FU25" s="72">
        <v>403</v>
      </c>
      <c r="FV25" s="73">
        <v>463</v>
      </c>
      <c r="FW25" s="70">
        <v>1</v>
      </c>
      <c r="FX25" s="71">
        <v>2</v>
      </c>
      <c r="FY25" s="72">
        <v>3</v>
      </c>
      <c r="FZ25" s="244"/>
      <c r="GA25" s="71">
        <v>4</v>
      </c>
      <c r="GB25" s="71">
        <v>6</v>
      </c>
      <c r="GC25" s="71">
        <v>4</v>
      </c>
      <c r="GD25" s="71">
        <v>3</v>
      </c>
      <c r="GE25" s="71">
        <v>1</v>
      </c>
      <c r="GF25" s="72">
        <v>18</v>
      </c>
      <c r="GG25" s="73">
        <v>21</v>
      </c>
      <c r="GH25" s="70">
        <v>109</v>
      </c>
      <c r="GI25" s="71">
        <v>229</v>
      </c>
      <c r="GJ25" s="72">
        <v>338</v>
      </c>
      <c r="GK25" s="244"/>
      <c r="GL25" s="71">
        <v>353</v>
      </c>
      <c r="GM25" s="71">
        <v>304</v>
      </c>
      <c r="GN25" s="71">
        <v>216</v>
      </c>
      <c r="GO25" s="71">
        <v>207</v>
      </c>
      <c r="GP25" s="71">
        <v>108</v>
      </c>
      <c r="GQ25" s="72">
        <v>1188</v>
      </c>
      <c r="GR25" s="73">
        <v>1526</v>
      </c>
      <c r="GS25" s="123">
        <v>177</v>
      </c>
      <c r="GT25" s="82">
        <v>309</v>
      </c>
      <c r="GU25" s="83">
        <v>486</v>
      </c>
      <c r="GV25" s="241"/>
      <c r="GW25" s="82">
        <v>535</v>
      </c>
      <c r="GX25" s="82">
        <v>449</v>
      </c>
      <c r="GY25" s="82">
        <v>305</v>
      </c>
      <c r="GZ25" s="82">
        <v>285</v>
      </c>
      <c r="HA25" s="82">
        <v>159</v>
      </c>
      <c r="HB25" s="84">
        <v>1733</v>
      </c>
      <c r="HC25" s="85">
        <v>2219</v>
      </c>
      <c r="HD25" s="70">
        <v>7</v>
      </c>
      <c r="HE25" s="71">
        <v>12</v>
      </c>
      <c r="HF25" s="72">
        <v>19</v>
      </c>
      <c r="HG25" s="244"/>
      <c r="HH25" s="71">
        <v>8</v>
      </c>
      <c r="HI25" s="71">
        <v>12</v>
      </c>
      <c r="HJ25" s="71">
        <v>3</v>
      </c>
      <c r="HK25" s="71">
        <v>8</v>
      </c>
      <c r="HL25" s="71">
        <v>3</v>
      </c>
      <c r="HM25" s="72">
        <v>34</v>
      </c>
      <c r="HN25" s="73">
        <v>53</v>
      </c>
      <c r="HO25" s="70">
        <v>12</v>
      </c>
      <c r="HP25" s="71">
        <v>10</v>
      </c>
      <c r="HQ25" s="72">
        <v>22</v>
      </c>
      <c r="HR25" s="244"/>
      <c r="HS25" s="71">
        <v>36</v>
      </c>
      <c r="HT25" s="71">
        <v>30</v>
      </c>
      <c r="HU25" s="71">
        <v>11</v>
      </c>
      <c r="HV25" s="71">
        <v>14</v>
      </c>
      <c r="HW25" s="71">
        <v>14</v>
      </c>
      <c r="HX25" s="72">
        <v>105</v>
      </c>
      <c r="HY25" s="73">
        <v>127</v>
      </c>
      <c r="HZ25" s="70">
        <v>30</v>
      </c>
      <c r="IA25" s="71">
        <v>57</v>
      </c>
      <c r="IB25" s="72">
        <v>87</v>
      </c>
      <c r="IC25" s="244"/>
      <c r="ID25" s="71">
        <v>67</v>
      </c>
      <c r="IE25" s="71">
        <v>49</v>
      </c>
      <c r="IF25" s="71">
        <v>35</v>
      </c>
      <c r="IG25" s="71">
        <v>32</v>
      </c>
      <c r="IH25" s="71">
        <v>21</v>
      </c>
      <c r="II25" s="72">
        <v>204</v>
      </c>
      <c r="IJ25" s="73">
        <v>291</v>
      </c>
      <c r="IK25" s="70">
        <v>47</v>
      </c>
      <c r="IL25" s="71">
        <v>88</v>
      </c>
      <c r="IM25" s="72">
        <v>135</v>
      </c>
      <c r="IN25" s="244"/>
      <c r="IO25" s="71">
        <v>118</v>
      </c>
      <c r="IP25" s="71">
        <v>107</v>
      </c>
      <c r="IQ25" s="71">
        <v>76</v>
      </c>
      <c r="IR25" s="71">
        <v>56</v>
      </c>
      <c r="IS25" s="71">
        <v>33</v>
      </c>
      <c r="IT25" s="72">
        <v>390</v>
      </c>
      <c r="IU25" s="73">
        <v>525</v>
      </c>
      <c r="IV25" s="70">
        <v>54</v>
      </c>
      <c r="IW25" s="71">
        <v>87</v>
      </c>
      <c r="IX25" s="72">
        <v>141</v>
      </c>
      <c r="IY25" s="244"/>
      <c r="IZ25" s="71">
        <v>167</v>
      </c>
      <c r="JA25" s="71">
        <v>124</v>
      </c>
      <c r="JB25" s="71">
        <v>77</v>
      </c>
      <c r="JC25" s="71">
        <v>66</v>
      </c>
      <c r="JD25" s="71">
        <v>39</v>
      </c>
      <c r="JE25" s="72">
        <v>473</v>
      </c>
      <c r="JF25" s="73">
        <v>614</v>
      </c>
      <c r="JG25" s="70">
        <v>27</v>
      </c>
      <c r="JH25" s="71">
        <v>55</v>
      </c>
      <c r="JI25" s="72">
        <v>82</v>
      </c>
      <c r="JJ25" s="244"/>
      <c r="JK25" s="71">
        <v>139</v>
      </c>
      <c r="JL25" s="71">
        <v>127</v>
      </c>
      <c r="JM25" s="71">
        <v>103</v>
      </c>
      <c r="JN25" s="71">
        <v>109</v>
      </c>
      <c r="JO25" s="71">
        <v>49</v>
      </c>
      <c r="JP25" s="72">
        <v>527</v>
      </c>
      <c r="JQ25" s="73">
        <v>609</v>
      </c>
      <c r="JR25" s="70">
        <v>1</v>
      </c>
      <c r="JS25" s="71">
        <v>8</v>
      </c>
      <c r="JT25" s="72">
        <v>9</v>
      </c>
      <c r="JU25" s="244"/>
      <c r="JV25" s="71">
        <v>14</v>
      </c>
      <c r="JW25" s="71">
        <v>9</v>
      </c>
      <c r="JX25" s="71">
        <v>5</v>
      </c>
      <c r="JY25" s="71">
        <v>5</v>
      </c>
      <c r="JZ25" s="71">
        <v>4</v>
      </c>
      <c r="KA25" s="72">
        <v>37</v>
      </c>
      <c r="KB25" s="73">
        <v>46</v>
      </c>
      <c r="KC25" s="70">
        <v>178</v>
      </c>
      <c r="KD25" s="71">
        <v>317</v>
      </c>
      <c r="KE25" s="72">
        <v>495</v>
      </c>
      <c r="KF25" s="244"/>
      <c r="KG25" s="71">
        <v>549</v>
      </c>
      <c r="KH25" s="71">
        <v>458</v>
      </c>
      <c r="KI25" s="71">
        <v>310</v>
      </c>
      <c r="KJ25" s="71">
        <v>290</v>
      </c>
      <c r="KK25" s="71">
        <v>163</v>
      </c>
      <c r="KL25" s="72">
        <v>1770</v>
      </c>
      <c r="KM25" s="73">
        <v>2265</v>
      </c>
    </row>
    <row r="26" spans="2:299" ht="21" customHeight="1" x14ac:dyDescent="0.2">
      <c r="B26" s="126" t="s">
        <v>23</v>
      </c>
      <c r="C26" s="315">
        <v>179</v>
      </c>
      <c r="D26" s="82">
        <v>199</v>
      </c>
      <c r="E26" s="83">
        <v>378</v>
      </c>
      <c r="F26" s="241"/>
      <c r="G26" s="82">
        <v>308</v>
      </c>
      <c r="H26" s="82">
        <v>258</v>
      </c>
      <c r="I26" s="82">
        <v>165</v>
      </c>
      <c r="J26" s="82">
        <v>161</v>
      </c>
      <c r="K26" s="82">
        <v>92</v>
      </c>
      <c r="L26" s="84">
        <v>984</v>
      </c>
      <c r="M26" s="85">
        <v>1362</v>
      </c>
      <c r="N26" s="70">
        <v>8</v>
      </c>
      <c r="O26" s="71">
        <v>7</v>
      </c>
      <c r="P26" s="72">
        <v>15</v>
      </c>
      <c r="Q26" s="244"/>
      <c r="R26" s="71">
        <v>11</v>
      </c>
      <c r="S26" s="71">
        <v>14</v>
      </c>
      <c r="T26" s="71">
        <v>7</v>
      </c>
      <c r="U26" s="71">
        <v>9</v>
      </c>
      <c r="V26" s="71">
        <v>4</v>
      </c>
      <c r="W26" s="72">
        <v>45</v>
      </c>
      <c r="X26" s="73">
        <v>60</v>
      </c>
      <c r="Y26" s="70">
        <v>29</v>
      </c>
      <c r="Z26" s="71">
        <v>21</v>
      </c>
      <c r="AA26" s="72">
        <v>50</v>
      </c>
      <c r="AB26" s="244"/>
      <c r="AC26" s="71">
        <v>26</v>
      </c>
      <c r="AD26" s="71">
        <v>27</v>
      </c>
      <c r="AE26" s="71">
        <v>15</v>
      </c>
      <c r="AF26" s="71">
        <v>20</v>
      </c>
      <c r="AG26" s="71">
        <v>10</v>
      </c>
      <c r="AH26" s="72">
        <v>98</v>
      </c>
      <c r="AI26" s="73">
        <v>148</v>
      </c>
      <c r="AJ26" s="70">
        <v>37</v>
      </c>
      <c r="AK26" s="71">
        <v>37</v>
      </c>
      <c r="AL26" s="72">
        <v>74</v>
      </c>
      <c r="AM26" s="244"/>
      <c r="AN26" s="71">
        <v>63</v>
      </c>
      <c r="AO26" s="71">
        <v>47</v>
      </c>
      <c r="AP26" s="71">
        <v>21</v>
      </c>
      <c r="AQ26" s="71">
        <v>22</v>
      </c>
      <c r="AR26" s="71">
        <v>29</v>
      </c>
      <c r="AS26" s="72">
        <v>182</v>
      </c>
      <c r="AT26" s="73">
        <v>256</v>
      </c>
      <c r="AU26" s="70">
        <v>42</v>
      </c>
      <c r="AV26" s="71">
        <v>74</v>
      </c>
      <c r="AW26" s="72">
        <v>116</v>
      </c>
      <c r="AX26" s="244"/>
      <c r="AY26" s="71">
        <v>92</v>
      </c>
      <c r="AZ26" s="71">
        <v>69</v>
      </c>
      <c r="BA26" s="71">
        <v>47</v>
      </c>
      <c r="BB26" s="71">
        <v>55</v>
      </c>
      <c r="BC26" s="71">
        <v>18</v>
      </c>
      <c r="BD26" s="72">
        <v>281</v>
      </c>
      <c r="BE26" s="73">
        <v>397</v>
      </c>
      <c r="BF26" s="70">
        <v>47</v>
      </c>
      <c r="BG26" s="71">
        <v>45</v>
      </c>
      <c r="BH26" s="72">
        <v>92</v>
      </c>
      <c r="BI26" s="244"/>
      <c r="BJ26" s="71">
        <v>81</v>
      </c>
      <c r="BK26" s="71">
        <v>59</v>
      </c>
      <c r="BL26" s="71">
        <v>47</v>
      </c>
      <c r="BM26" s="71">
        <v>35</v>
      </c>
      <c r="BN26" s="71">
        <v>22</v>
      </c>
      <c r="BO26" s="72">
        <v>244</v>
      </c>
      <c r="BP26" s="73">
        <v>336</v>
      </c>
      <c r="BQ26" s="70">
        <v>16</v>
      </c>
      <c r="BR26" s="71">
        <v>15</v>
      </c>
      <c r="BS26" s="72">
        <v>31</v>
      </c>
      <c r="BT26" s="244"/>
      <c r="BU26" s="71">
        <v>35</v>
      </c>
      <c r="BV26" s="71">
        <v>42</v>
      </c>
      <c r="BW26" s="71">
        <v>28</v>
      </c>
      <c r="BX26" s="71">
        <v>20</v>
      </c>
      <c r="BY26" s="71">
        <v>9</v>
      </c>
      <c r="BZ26" s="72">
        <v>134</v>
      </c>
      <c r="CA26" s="73">
        <v>165</v>
      </c>
      <c r="CB26" s="70">
        <v>3</v>
      </c>
      <c r="CC26" s="71">
        <v>10</v>
      </c>
      <c r="CD26" s="72">
        <v>13</v>
      </c>
      <c r="CE26" s="244"/>
      <c r="CF26" s="71">
        <v>7</v>
      </c>
      <c r="CG26" s="71">
        <v>11</v>
      </c>
      <c r="CH26" s="71">
        <v>8</v>
      </c>
      <c r="CI26" s="71">
        <v>6</v>
      </c>
      <c r="CJ26" s="71">
        <v>4</v>
      </c>
      <c r="CK26" s="72">
        <v>36</v>
      </c>
      <c r="CL26" s="73">
        <v>49</v>
      </c>
      <c r="CM26" s="70">
        <v>182</v>
      </c>
      <c r="CN26" s="71">
        <v>209</v>
      </c>
      <c r="CO26" s="72">
        <v>391</v>
      </c>
      <c r="CP26" s="244"/>
      <c r="CQ26" s="71">
        <v>315</v>
      </c>
      <c r="CR26" s="71">
        <v>269</v>
      </c>
      <c r="CS26" s="71">
        <v>173</v>
      </c>
      <c r="CT26" s="71">
        <v>167</v>
      </c>
      <c r="CU26" s="71">
        <v>96</v>
      </c>
      <c r="CV26" s="72">
        <v>1020</v>
      </c>
      <c r="CW26" s="73">
        <v>1411</v>
      </c>
      <c r="CX26" s="123">
        <v>312</v>
      </c>
      <c r="CY26" s="82">
        <v>402</v>
      </c>
      <c r="CZ26" s="83">
        <v>714</v>
      </c>
      <c r="DA26" s="241"/>
      <c r="DB26" s="82">
        <v>535</v>
      </c>
      <c r="DC26" s="82">
        <v>420</v>
      </c>
      <c r="DD26" s="82">
        <v>289</v>
      </c>
      <c r="DE26" s="82">
        <v>360</v>
      </c>
      <c r="DF26" s="82">
        <v>232</v>
      </c>
      <c r="DG26" s="84">
        <v>1836</v>
      </c>
      <c r="DH26" s="85">
        <v>2550</v>
      </c>
      <c r="DI26" s="70">
        <v>10</v>
      </c>
      <c r="DJ26" s="71">
        <v>18</v>
      </c>
      <c r="DK26" s="72">
        <v>28</v>
      </c>
      <c r="DL26" s="244"/>
      <c r="DM26" s="71">
        <v>11</v>
      </c>
      <c r="DN26" s="71">
        <v>8</v>
      </c>
      <c r="DO26" s="71">
        <v>5</v>
      </c>
      <c r="DP26" s="71">
        <v>10</v>
      </c>
      <c r="DQ26" s="71">
        <v>3</v>
      </c>
      <c r="DR26" s="72">
        <v>37</v>
      </c>
      <c r="DS26" s="73">
        <v>65</v>
      </c>
      <c r="DT26" s="70">
        <v>23</v>
      </c>
      <c r="DU26" s="71">
        <v>39</v>
      </c>
      <c r="DV26" s="72">
        <v>62</v>
      </c>
      <c r="DW26" s="244"/>
      <c r="DX26" s="71">
        <v>27</v>
      </c>
      <c r="DY26" s="71">
        <v>26</v>
      </c>
      <c r="DZ26" s="71">
        <v>22</v>
      </c>
      <c r="EA26" s="71">
        <v>24</v>
      </c>
      <c r="EB26" s="71">
        <v>11</v>
      </c>
      <c r="EC26" s="72">
        <v>110</v>
      </c>
      <c r="ED26" s="73">
        <v>172</v>
      </c>
      <c r="EE26" s="70">
        <v>63</v>
      </c>
      <c r="EF26" s="71">
        <v>75</v>
      </c>
      <c r="EG26" s="72">
        <v>138</v>
      </c>
      <c r="EH26" s="244"/>
      <c r="EI26" s="71">
        <v>76</v>
      </c>
      <c r="EJ26" s="71">
        <v>59</v>
      </c>
      <c r="EK26" s="71">
        <v>31</v>
      </c>
      <c r="EL26" s="71">
        <v>48</v>
      </c>
      <c r="EM26" s="71">
        <v>33</v>
      </c>
      <c r="EN26" s="72">
        <v>247</v>
      </c>
      <c r="EO26" s="73">
        <v>385</v>
      </c>
      <c r="EP26" s="70">
        <v>118</v>
      </c>
      <c r="EQ26" s="71">
        <v>118</v>
      </c>
      <c r="ER26" s="72">
        <v>236</v>
      </c>
      <c r="ES26" s="244"/>
      <c r="ET26" s="71">
        <v>154</v>
      </c>
      <c r="EU26" s="71">
        <v>99</v>
      </c>
      <c r="EV26" s="71">
        <v>76</v>
      </c>
      <c r="EW26" s="71">
        <v>55</v>
      </c>
      <c r="EX26" s="71">
        <v>47</v>
      </c>
      <c r="EY26" s="72">
        <v>431</v>
      </c>
      <c r="EZ26" s="73">
        <v>667</v>
      </c>
      <c r="FA26" s="70">
        <v>68</v>
      </c>
      <c r="FB26" s="71">
        <v>104</v>
      </c>
      <c r="FC26" s="72">
        <v>172</v>
      </c>
      <c r="FD26" s="244"/>
      <c r="FE26" s="71">
        <v>165</v>
      </c>
      <c r="FF26" s="71">
        <v>125</v>
      </c>
      <c r="FG26" s="71">
        <v>78</v>
      </c>
      <c r="FH26" s="71">
        <v>101</v>
      </c>
      <c r="FI26" s="71">
        <v>55</v>
      </c>
      <c r="FJ26" s="72">
        <v>524</v>
      </c>
      <c r="FK26" s="73">
        <v>696</v>
      </c>
      <c r="FL26" s="70">
        <v>30</v>
      </c>
      <c r="FM26" s="71">
        <v>48</v>
      </c>
      <c r="FN26" s="72">
        <v>78</v>
      </c>
      <c r="FO26" s="244"/>
      <c r="FP26" s="71">
        <v>102</v>
      </c>
      <c r="FQ26" s="71">
        <v>103</v>
      </c>
      <c r="FR26" s="71">
        <v>77</v>
      </c>
      <c r="FS26" s="71">
        <v>122</v>
      </c>
      <c r="FT26" s="71">
        <v>83</v>
      </c>
      <c r="FU26" s="72">
        <v>487</v>
      </c>
      <c r="FV26" s="73">
        <v>565</v>
      </c>
      <c r="FW26" s="70">
        <v>2</v>
      </c>
      <c r="FX26" s="71">
        <v>9</v>
      </c>
      <c r="FY26" s="72">
        <v>11</v>
      </c>
      <c r="FZ26" s="244"/>
      <c r="GA26" s="71">
        <v>4</v>
      </c>
      <c r="GB26" s="71">
        <v>10</v>
      </c>
      <c r="GC26" s="71">
        <v>4</v>
      </c>
      <c r="GD26" s="71">
        <v>2</v>
      </c>
      <c r="GE26" s="71">
        <v>6</v>
      </c>
      <c r="GF26" s="72">
        <v>26</v>
      </c>
      <c r="GG26" s="73">
        <v>37</v>
      </c>
      <c r="GH26" s="70">
        <v>314</v>
      </c>
      <c r="GI26" s="71">
        <v>411</v>
      </c>
      <c r="GJ26" s="72">
        <v>725</v>
      </c>
      <c r="GK26" s="244"/>
      <c r="GL26" s="71">
        <v>539</v>
      </c>
      <c r="GM26" s="71">
        <v>430</v>
      </c>
      <c r="GN26" s="71">
        <v>293</v>
      </c>
      <c r="GO26" s="71">
        <v>362</v>
      </c>
      <c r="GP26" s="71">
        <v>238</v>
      </c>
      <c r="GQ26" s="72">
        <v>1862</v>
      </c>
      <c r="GR26" s="73">
        <v>2587</v>
      </c>
      <c r="GS26" s="123">
        <v>491</v>
      </c>
      <c r="GT26" s="82">
        <v>601</v>
      </c>
      <c r="GU26" s="83">
        <v>1092</v>
      </c>
      <c r="GV26" s="241"/>
      <c r="GW26" s="82">
        <v>843</v>
      </c>
      <c r="GX26" s="82">
        <v>678</v>
      </c>
      <c r="GY26" s="82">
        <v>454</v>
      </c>
      <c r="GZ26" s="82">
        <v>521</v>
      </c>
      <c r="HA26" s="82">
        <v>324</v>
      </c>
      <c r="HB26" s="84">
        <v>2820</v>
      </c>
      <c r="HC26" s="85">
        <v>3912</v>
      </c>
      <c r="HD26" s="70">
        <v>18</v>
      </c>
      <c r="HE26" s="71">
        <v>25</v>
      </c>
      <c r="HF26" s="72">
        <v>43</v>
      </c>
      <c r="HG26" s="244"/>
      <c r="HH26" s="71">
        <v>22</v>
      </c>
      <c r="HI26" s="71">
        <v>22</v>
      </c>
      <c r="HJ26" s="71">
        <v>12</v>
      </c>
      <c r="HK26" s="71">
        <v>19</v>
      </c>
      <c r="HL26" s="71">
        <v>7</v>
      </c>
      <c r="HM26" s="72">
        <v>82</v>
      </c>
      <c r="HN26" s="73">
        <v>125</v>
      </c>
      <c r="HO26" s="70">
        <v>52</v>
      </c>
      <c r="HP26" s="71">
        <v>60</v>
      </c>
      <c r="HQ26" s="72">
        <v>112</v>
      </c>
      <c r="HR26" s="244"/>
      <c r="HS26" s="71">
        <v>53</v>
      </c>
      <c r="HT26" s="71">
        <v>53</v>
      </c>
      <c r="HU26" s="71">
        <v>37</v>
      </c>
      <c r="HV26" s="71">
        <v>44</v>
      </c>
      <c r="HW26" s="71">
        <v>21</v>
      </c>
      <c r="HX26" s="72">
        <v>208</v>
      </c>
      <c r="HY26" s="73">
        <v>320</v>
      </c>
      <c r="HZ26" s="70">
        <v>100</v>
      </c>
      <c r="IA26" s="71">
        <v>112</v>
      </c>
      <c r="IB26" s="72">
        <v>212</v>
      </c>
      <c r="IC26" s="244"/>
      <c r="ID26" s="71">
        <v>139</v>
      </c>
      <c r="IE26" s="71">
        <v>106</v>
      </c>
      <c r="IF26" s="71">
        <v>52</v>
      </c>
      <c r="IG26" s="71">
        <v>70</v>
      </c>
      <c r="IH26" s="71">
        <v>62</v>
      </c>
      <c r="II26" s="72">
        <v>429</v>
      </c>
      <c r="IJ26" s="73">
        <v>641</v>
      </c>
      <c r="IK26" s="70">
        <v>160</v>
      </c>
      <c r="IL26" s="71">
        <v>192</v>
      </c>
      <c r="IM26" s="72">
        <v>352</v>
      </c>
      <c r="IN26" s="244"/>
      <c r="IO26" s="71">
        <v>246</v>
      </c>
      <c r="IP26" s="71">
        <v>168</v>
      </c>
      <c r="IQ26" s="71">
        <v>123</v>
      </c>
      <c r="IR26" s="71">
        <v>110</v>
      </c>
      <c r="IS26" s="71">
        <v>65</v>
      </c>
      <c r="IT26" s="72">
        <v>712</v>
      </c>
      <c r="IU26" s="73">
        <v>1064</v>
      </c>
      <c r="IV26" s="70">
        <v>115</v>
      </c>
      <c r="IW26" s="71">
        <v>149</v>
      </c>
      <c r="IX26" s="72">
        <v>264</v>
      </c>
      <c r="IY26" s="244"/>
      <c r="IZ26" s="71">
        <v>246</v>
      </c>
      <c r="JA26" s="71">
        <v>184</v>
      </c>
      <c r="JB26" s="71">
        <v>125</v>
      </c>
      <c r="JC26" s="71">
        <v>136</v>
      </c>
      <c r="JD26" s="71">
        <v>77</v>
      </c>
      <c r="JE26" s="72">
        <v>768</v>
      </c>
      <c r="JF26" s="73">
        <v>1032</v>
      </c>
      <c r="JG26" s="70">
        <v>46</v>
      </c>
      <c r="JH26" s="71">
        <v>63</v>
      </c>
      <c r="JI26" s="72">
        <v>109</v>
      </c>
      <c r="JJ26" s="244"/>
      <c r="JK26" s="71">
        <v>137</v>
      </c>
      <c r="JL26" s="71">
        <v>145</v>
      </c>
      <c r="JM26" s="71">
        <v>105</v>
      </c>
      <c r="JN26" s="71">
        <v>142</v>
      </c>
      <c r="JO26" s="71">
        <v>92</v>
      </c>
      <c r="JP26" s="72">
        <v>621</v>
      </c>
      <c r="JQ26" s="73">
        <v>730</v>
      </c>
      <c r="JR26" s="70">
        <v>5</v>
      </c>
      <c r="JS26" s="71">
        <v>19</v>
      </c>
      <c r="JT26" s="72">
        <v>24</v>
      </c>
      <c r="JU26" s="244"/>
      <c r="JV26" s="71">
        <v>11</v>
      </c>
      <c r="JW26" s="71">
        <v>21</v>
      </c>
      <c r="JX26" s="71">
        <v>12</v>
      </c>
      <c r="JY26" s="71">
        <v>8</v>
      </c>
      <c r="JZ26" s="71">
        <v>10</v>
      </c>
      <c r="KA26" s="72">
        <v>62</v>
      </c>
      <c r="KB26" s="73">
        <v>86</v>
      </c>
      <c r="KC26" s="70">
        <v>496</v>
      </c>
      <c r="KD26" s="71">
        <v>620</v>
      </c>
      <c r="KE26" s="72">
        <v>1116</v>
      </c>
      <c r="KF26" s="244"/>
      <c r="KG26" s="71">
        <v>854</v>
      </c>
      <c r="KH26" s="71">
        <v>699</v>
      </c>
      <c r="KI26" s="71">
        <v>466</v>
      </c>
      <c r="KJ26" s="71">
        <v>529</v>
      </c>
      <c r="KK26" s="71">
        <v>334</v>
      </c>
      <c r="KL26" s="72">
        <v>2882</v>
      </c>
      <c r="KM26" s="73">
        <v>3998</v>
      </c>
    </row>
    <row r="27" spans="2:299" ht="21" customHeight="1" x14ac:dyDescent="0.2">
      <c r="B27" s="126" t="s">
        <v>24</v>
      </c>
      <c r="C27" s="315">
        <v>107</v>
      </c>
      <c r="D27" s="82">
        <v>76</v>
      </c>
      <c r="E27" s="83">
        <v>183</v>
      </c>
      <c r="F27" s="241"/>
      <c r="G27" s="82">
        <v>154</v>
      </c>
      <c r="H27" s="82">
        <v>96</v>
      </c>
      <c r="I27" s="82">
        <v>63</v>
      </c>
      <c r="J27" s="82">
        <v>62</v>
      </c>
      <c r="K27" s="82">
        <v>54</v>
      </c>
      <c r="L27" s="84">
        <v>429</v>
      </c>
      <c r="M27" s="85">
        <v>612</v>
      </c>
      <c r="N27" s="70">
        <v>2</v>
      </c>
      <c r="O27" s="71">
        <v>3</v>
      </c>
      <c r="P27" s="72">
        <v>5</v>
      </c>
      <c r="Q27" s="244"/>
      <c r="R27" s="71">
        <v>6</v>
      </c>
      <c r="S27" s="71">
        <v>3</v>
      </c>
      <c r="T27" s="71">
        <v>0</v>
      </c>
      <c r="U27" s="71">
        <v>1</v>
      </c>
      <c r="V27" s="71">
        <v>4</v>
      </c>
      <c r="W27" s="72">
        <v>14</v>
      </c>
      <c r="X27" s="73">
        <v>19</v>
      </c>
      <c r="Y27" s="70">
        <v>7</v>
      </c>
      <c r="Z27" s="71">
        <v>6</v>
      </c>
      <c r="AA27" s="72">
        <v>13</v>
      </c>
      <c r="AB27" s="244"/>
      <c r="AC27" s="71">
        <v>12</v>
      </c>
      <c r="AD27" s="71">
        <v>13</v>
      </c>
      <c r="AE27" s="71">
        <v>4</v>
      </c>
      <c r="AF27" s="71">
        <v>6</v>
      </c>
      <c r="AG27" s="71">
        <v>7</v>
      </c>
      <c r="AH27" s="72">
        <v>42</v>
      </c>
      <c r="AI27" s="73">
        <v>55</v>
      </c>
      <c r="AJ27" s="70">
        <v>14</v>
      </c>
      <c r="AK27" s="71">
        <v>12</v>
      </c>
      <c r="AL27" s="72">
        <v>26</v>
      </c>
      <c r="AM27" s="244"/>
      <c r="AN27" s="71">
        <v>19</v>
      </c>
      <c r="AO27" s="71">
        <v>15</v>
      </c>
      <c r="AP27" s="71">
        <v>12</v>
      </c>
      <c r="AQ27" s="71">
        <v>6</v>
      </c>
      <c r="AR27" s="71">
        <v>5</v>
      </c>
      <c r="AS27" s="72">
        <v>57</v>
      </c>
      <c r="AT27" s="73">
        <v>83</v>
      </c>
      <c r="AU27" s="70">
        <v>23</v>
      </c>
      <c r="AV27" s="71">
        <v>12</v>
      </c>
      <c r="AW27" s="72">
        <v>35</v>
      </c>
      <c r="AX27" s="244"/>
      <c r="AY27" s="71">
        <v>43</v>
      </c>
      <c r="AZ27" s="71">
        <v>14</v>
      </c>
      <c r="BA27" s="71">
        <v>14</v>
      </c>
      <c r="BB27" s="71">
        <v>16</v>
      </c>
      <c r="BC27" s="71">
        <v>17</v>
      </c>
      <c r="BD27" s="72">
        <v>104</v>
      </c>
      <c r="BE27" s="73">
        <v>139</v>
      </c>
      <c r="BF27" s="70">
        <v>31</v>
      </c>
      <c r="BG27" s="71">
        <v>27</v>
      </c>
      <c r="BH27" s="72">
        <v>58</v>
      </c>
      <c r="BI27" s="244"/>
      <c r="BJ27" s="71">
        <v>41</v>
      </c>
      <c r="BK27" s="71">
        <v>28</v>
      </c>
      <c r="BL27" s="71">
        <v>17</v>
      </c>
      <c r="BM27" s="71">
        <v>19</v>
      </c>
      <c r="BN27" s="71">
        <v>9</v>
      </c>
      <c r="BO27" s="72">
        <v>114</v>
      </c>
      <c r="BP27" s="73">
        <v>172</v>
      </c>
      <c r="BQ27" s="70">
        <v>30</v>
      </c>
      <c r="BR27" s="71">
        <v>16</v>
      </c>
      <c r="BS27" s="72">
        <v>46</v>
      </c>
      <c r="BT27" s="244"/>
      <c r="BU27" s="71">
        <v>33</v>
      </c>
      <c r="BV27" s="71">
        <v>23</v>
      </c>
      <c r="BW27" s="71">
        <v>16</v>
      </c>
      <c r="BX27" s="71">
        <v>14</v>
      </c>
      <c r="BY27" s="71">
        <v>12</v>
      </c>
      <c r="BZ27" s="72">
        <v>98</v>
      </c>
      <c r="CA27" s="73">
        <v>144</v>
      </c>
      <c r="CB27" s="70">
        <v>4</v>
      </c>
      <c r="CC27" s="71">
        <v>2</v>
      </c>
      <c r="CD27" s="72">
        <v>6</v>
      </c>
      <c r="CE27" s="244"/>
      <c r="CF27" s="71">
        <v>4</v>
      </c>
      <c r="CG27" s="71">
        <v>5</v>
      </c>
      <c r="CH27" s="71">
        <v>1</v>
      </c>
      <c r="CI27" s="71">
        <v>3</v>
      </c>
      <c r="CJ27" s="71">
        <v>2</v>
      </c>
      <c r="CK27" s="72">
        <v>15</v>
      </c>
      <c r="CL27" s="73">
        <v>21</v>
      </c>
      <c r="CM27" s="70">
        <v>111</v>
      </c>
      <c r="CN27" s="71">
        <v>78</v>
      </c>
      <c r="CO27" s="72">
        <v>189</v>
      </c>
      <c r="CP27" s="244"/>
      <c r="CQ27" s="71">
        <v>158</v>
      </c>
      <c r="CR27" s="71">
        <v>101</v>
      </c>
      <c r="CS27" s="71">
        <v>64</v>
      </c>
      <c r="CT27" s="71">
        <v>65</v>
      </c>
      <c r="CU27" s="71">
        <v>56</v>
      </c>
      <c r="CV27" s="72">
        <v>444</v>
      </c>
      <c r="CW27" s="73">
        <v>633</v>
      </c>
      <c r="CX27" s="123">
        <v>213</v>
      </c>
      <c r="CY27" s="82">
        <v>166</v>
      </c>
      <c r="CZ27" s="83">
        <v>379</v>
      </c>
      <c r="DA27" s="241"/>
      <c r="DB27" s="82">
        <v>280</v>
      </c>
      <c r="DC27" s="82">
        <v>178</v>
      </c>
      <c r="DD27" s="82">
        <v>165</v>
      </c>
      <c r="DE27" s="82">
        <v>178</v>
      </c>
      <c r="DF27" s="82">
        <v>114</v>
      </c>
      <c r="DG27" s="84">
        <v>915</v>
      </c>
      <c r="DH27" s="85">
        <v>1294</v>
      </c>
      <c r="DI27" s="70">
        <v>5</v>
      </c>
      <c r="DJ27" s="71">
        <v>3</v>
      </c>
      <c r="DK27" s="72">
        <v>8</v>
      </c>
      <c r="DL27" s="244"/>
      <c r="DM27" s="71">
        <v>1</v>
      </c>
      <c r="DN27" s="71">
        <v>3</v>
      </c>
      <c r="DO27" s="71">
        <v>4</v>
      </c>
      <c r="DP27" s="71">
        <v>3</v>
      </c>
      <c r="DQ27" s="71">
        <v>2</v>
      </c>
      <c r="DR27" s="72">
        <v>13</v>
      </c>
      <c r="DS27" s="73">
        <v>21</v>
      </c>
      <c r="DT27" s="70">
        <v>12</v>
      </c>
      <c r="DU27" s="71">
        <v>5</v>
      </c>
      <c r="DV27" s="72">
        <v>17</v>
      </c>
      <c r="DW27" s="244"/>
      <c r="DX27" s="71">
        <v>8</v>
      </c>
      <c r="DY27" s="71">
        <v>5</v>
      </c>
      <c r="DZ27" s="71">
        <v>6</v>
      </c>
      <c r="EA27" s="71">
        <v>8</v>
      </c>
      <c r="EB27" s="71">
        <v>1</v>
      </c>
      <c r="EC27" s="72">
        <v>28</v>
      </c>
      <c r="ED27" s="73">
        <v>45</v>
      </c>
      <c r="EE27" s="70">
        <v>26</v>
      </c>
      <c r="EF27" s="71">
        <v>28</v>
      </c>
      <c r="EG27" s="72">
        <v>54</v>
      </c>
      <c r="EH27" s="244"/>
      <c r="EI27" s="71">
        <v>23</v>
      </c>
      <c r="EJ27" s="71">
        <v>18</v>
      </c>
      <c r="EK27" s="71">
        <v>17</v>
      </c>
      <c r="EL27" s="71">
        <v>11</v>
      </c>
      <c r="EM27" s="71">
        <v>5</v>
      </c>
      <c r="EN27" s="72">
        <v>74</v>
      </c>
      <c r="EO27" s="73">
        <v>128</v>
      </c>
      <c r="EP27" s="70">
        <v>61</v>
      </c>
      <c r="EQ27" s="71">
        <v>40</v>
      </c>
      <c r="ER27" s="72">
        <v>101</v>
      </c>
      <c r="ES27" s="244"/>
      <c r="ET27" s="71">
        <v>70</v>
      </c>
      <c r="EU27" s="71">
        <v>37</v>
      </c>
      <c r="EV27" s="71">
        <v>22</v>
      </c>
      <c r="EW27" s="71">
        <v>29</v>
      </c>
      <c r="EX27" s="71">
        <v>20</v>
      </c>
      <c r="EY27" s="72">
        <v>178</v>
      </c>
      <c r="EZ27" s="73">
        <v>279</v>
      </c>
      <c r="FA27" s="70">
        <v>69</v>
      </c>
      <c r="FB27" s="71">
        <v>52</v>
      </c>
      <c r="FC27" s="72">
        <v>121</v>
      </c>
      <c r="FD27" s="244"/>
      <c r="FE27" s="71">
        <v>89</v>
      </c>
      <c r="FF27" s="71">
        <v>49</v>
      </c>
      <c r="FG27" s="71">
        <v>40</v>
      </c>
      <c r="FH27" s="71">
        <v>39</v>
      </c>
      <c r="FI27" s="71">
        <v>29</v>
      </c>
      <c r="FJ27" s="72">
        <v>246</v>
      </c>
      <c r="FK27" s="73">
        <v>367</v>
      </c>
      <c r="FL27" s="70">
        <v>40</v>
      </c>
      <c r="FM27" s="71">
        <v>38</v>
      </c>
      <c r="FN27" s="72">
        <v>78</v>
      </c>
      <c r="FO27" s="244"/>
      <c r="FP27" s="71">
        <v>89</v>
      </c>
      <c r="FQ27" s="71">
        <v>66</v>
      </c>
      <c r="FR27" s="71">
        <v>76</v>
      </c>
      <c r="FS27" s="71">
        <v>88</v>
      </c>
      <c r="FT27" s="71">
        <v>57</v>
      </c>
      <c r="FU27" s="72">
        <v>376</v>
      </c>
      <c r="FV27" s="73">
        <v>454</v>
      </c>
      <c r="FW27" s="70">
        <v>2</v>
      </c>
      <c r="FX27" s="71">
        <v>2</v>
      </c>
      <c r="FY27" s="72">
        <v>4</v>
      </c>
      <c r="FZ27" s="244"/>
      <c r="GA27" s="71">
        <v>1</v>
      </c>
      <c r="GB27" s="71">
        <v>2</v>
      </c>
      <c r="GC27" s="71">
        <v>2</v>
      </c>
      <c r="GD27" s="71">
        <v>1</v>
      </c>
      <c r="GE27" s="71">
        <v>4</v>
      </c>
      <c r="GF27" s="72">
        <v>10</v>
      </c>
      <c r="GG27" s="73">
        <v>14</v>
      </c>
      <c r="GH27" s="70">
        <v>215</v>
      </c>
      <c r="GI27" s="71">
        <v>168</v>
      </c>
      <c r="GJ27" s="72">
        <v>383</v>
      </c>
      <c r="GK27" s="244"/>
      <c r="GL27" s="71">
        <v>281</v>
      </c>
      <c r="GM27" s="71">
        <v>180</v>
      </c>
      <c r="GN27" s="71">
        <v>167</v>
      </c>
      <c r="GO27" s="71">
        <v>179</v>
      </c>
      <c r="GP27" s="71">
        <v>118</v>
      </c>
      <c r="GQ27" s="72">
        <v>925</v>
      </c>
      <c r="GR27" s="73">
        <v>1308</v>
      </c>
      <c r="GS27" s="123">
        <v>320</v>
      </c>
      <c r="GT27" s="82">
        <v>242</v>
      </c>
      <c r="GU27" s="83">
        <v>562</v>
      </c>
      <c r="GV27" s="241"/>
      <c r="GW27" s="82">
        <v>434</v>
      </c>
      <c r="GX27" s="82">
        <v>274</v>
      </c>
      <c r="GY27" s="82">
        <v>228</v>
      </c>
      <c r="GZ27" s="82">
        <v>240</v>
      </c>
      <c r="HA27" s="82">
        <v>168</v>
      </c>
      <c r="HB27" s="84">
        <v>1344</v>
      </c>
      <c r="HC27" s="85">
        <v>1906</v>
      </c>
      <c r="HD27" s="70">
        <v>7</v>
      </c>
      <c r="HE27" s="71">
        <v>6</v>
      </c>
      <c r="HF27" s="72">
        <v>13</v>
      </c>
      <c r="HG27" s="244"/>
      <c r="HH27" s="71">
        <v>7</v>
      </c>
      <c r="HI27" s="71">
        <v>6</v>
      </c>
      <c r="HJ27" s="71">
        <v>4</v>
      </c>
      <c r="HK27" s="71">
        <v>4</v>
      </c>
      <c r="HL27" s="71">
        <v>6</v>
      </c>
      <c r="HM27" s="72">
        <v>27</v>
      </c>
      <c r="HN27" s="73">
        <v>40</v>
      </c>
      <c r="HO27" s="70">
        <v>19</v>
      </c>
      <c r="HP27" s="71">
        <v>11</v>
      </c>
      <c r="HQ27" s="72">
        <v>30</v>
      </c>
      <c r="HR27" s="244"/>
      <c r="HS27" s="71">
        <v>20</v>
      </c>
      <c r="HT27" s="71">
        <v>18</v>
      </c>
      <c r="HU27" s="71">
        <v>10</v>
      </c>
      <c r="HV27" s="71">
        <v>14</v>
      </c>
      <c r="HW27" s="71">
        <v>8</v>
      </c>
      <c r="HX27" s="72">
        <v>70</v>
      </c>
      <c r="HY27" s="73">
        <v>100</v>
      </c>
      <c r="HZ27" s="70">
        <v>40</v>
      </c>
      <c r="IA27" s="71">
        <v>40</v>
      </c>
      <c r="IB27" s="72">
        <v>80</v>
      </c>
      <c r="IC27" s="244"/>
      <c r="ID27" s="71">
        <v>42</v>
      </c>
      <c r="IE27" s="71">
        <v>33</v>
      </c>
      <c r="IF27" s="71">
        <v>29</v>
      </c>
      <c r="IG27" s="71">
        <v>17</v>
      </c>
      <c r="IH27" s="71">
        <v>10</v>
      </c>
      <c r="II27" s="72">
        <v>131</v>
      </c>
      <c r="IJ27" s="73">
        <v>211</v>
      </c>
      <c r="IK27" s="70">
        <v>84</v>
      </c>
      <c r="IL27" s="71">
        <v>52</v>
      </c>
      <c r="IM27" s="72">
        <v>136</v>
      </c>
      <c r="IN27" s="244"/>
      <c r="IO27" s="71">
        <v>113</v>
      </c>
      <c r="IP27" s="71">
        <v>51</v>
      </c>
      <c r="IQ27" s="71">
        <v>36</v>
      </c>
      <c r="IR27" s="71">
        <v>45</v>
      </c>
      <c r="IS27" s="71">
        <v>37</v>
      </c>
      <c r="IT27" s="72">
        <v>282</v>
      </c>
      <c r="IU27" s="73">
        <v>418</v>
      </c>
      <c r="IV27" s="70">
        <v>100</v>
      </c>
      <c r="IW27" s="71">
        <v>79</v>
      </c>
      <c r="IX27" s="72">
        <v>179</v>
      </c>
      <c r="IY27" s="244"/>
      <c r="IZ27" s="71">
        <v>130</v>
      </c>
      <c r="JA27" s="71">
        <v>77</v>
      </c>
      <c r="JB27" s="71">
        <v>57</v>
      </c>
      <c r="JC27" s="71">
        <v>58</v>
      </c>
      <c r="JD27" s="71">
        <v>38</v>
      </c>
      <c r="JE27" s="72">
        <v>360</v>
      </c>
      <c r="JF27" s="73">
        <v>539</v>
      </c>
      <c r="JG27" s="70">
        <v>70</v>
      </c>
      <c r="JH27" s="71">
        <v>54</v>
      </c>
      <c r="JI27" s="72">
        <v>124</v>
      </c>
      <c r="JJ27" s="244"/>
      <c r="JK27" s="71">
        <v>122</v>
      </c>
      <c r="JL27" s="71">
        <v>89</v>
      </c>
      <c r="JM27" s="71">
        <v>92</v>
      </c>
      <c r="JN27" s="71">
        <v>102</v>
      </c>
      <c r="JO27" s="71">
        <v>69</v>
      </c>
      <c r="JP27" s="72">
        <v>474</v>
      </c>
      <c r="JQ27" s="73">
        <v>598</v>
      </c>
      <c r="JR27" s="70">
        <v>6</v>
      </c>
      <c r="JS27" s="71">
        <v>4</v>
      </c>
      <c r="JT27" s="72">
        <v>10</v>
      </c>
      <c r="JU27" s="244"/>
      <c r="JV27" s="71">
        <v>5</v>
      </c>
      <c r="JW27" s="71">
        <v>7</v>
      </c>
      <c r="JX27" s="71">
        <v>3</v>
      </c>
      <c r="JY27" s="71">
        <v>4</v>
      </c>
      <c r="JZ27" s="71">
        <v>6</v>
      </c>
      <c r="KA27" s="72">
        <v>25</v>
      </c>
      <c r="KB27" s="73">
        <v>35</v>
      </c>
      <c r="KC27" s="70">
        <v>326</v>
      </c>
      <c r="KD27" s="71">
        <v>246</v>
      </c>
      <c r="KE27" s="72">
        <v>572</v>
      </c>
      <c r="KF27" s="244"/>
      <c r="KG27" s="71">
        <v>439</v>
      </c>
      <c r="KH27" s="71">
        <v>281</v>
      </c>
      <c r="KI27" s="71">
        <v>231</v>
      </c>
      <c r="KJ27" s="71">
        <v>244</v>
      </c>
      <c r="KK27" s="71">
        <v>174</v>
      </c>
      <c r="KL27" s="72">
        <v>1369</v>
      </c>
      <c r="KM27" s="73">
        <v>1941</v>
      </c>
    </row>
    <row r="28" spans="2:299" ht="21" customHeight="1" x14ac:dyDescent="0.2">
      <c r="B28" s="126" t="s">
        <v>25</v>
      </c>
      <c r="C28" s="315">
        <v>114</v>
      </c>
      <c r="D28" s="82">
        <v>110</v>
      </c>
      <c r="E28" s="83">
        <v>224</v>
      </c>
      <c r="F28" s="241"/>
      <c r="G28" s="82">
        <v>194</v>
      </c>
      <c r="H28" s="82">
        <v>141</v>
      </c>
      <c r="I28" s="82">
        <v>100</v>
      </c>
      <c r="J28" s="82">
        <v>113</v>
      </c>
      <c r="K28" s="82">
        <v>58</v>
      </c>
      <c r="L28" s="84">
        <v>606</v>
      </c>
      <c r="M28" s="85">
        <v>830</v>
      </c>
      <c r="N28" s="70">
        <v>3</v>
      </c>
      <c r="O28" s="71">
        <v>6</v>
      </c>
      <c r="P28" s="72">
        <v>9</v>
      </c>
      <c r="Q28" s="244"/>
      <c r="R28" s="71">
        <v>8</v>
      </c>
      <c r="S28" s="71">
        <v>8</v>
      </c>
      <c r="T28" s="71">
        <v>2</v>
      </c>
      <c r="U28" s="71">
        <v>4</v>
      </c>
      <c r="V28" s="71">
        <v>2</v>
      </c>
      <c r="W28" s="72">
        <v>24</v>
      </c>
      <c r="X28" s="73">
        <v>33</v>
      </c>
      <c r="Y28" s="70">
        <v>14</v>
      </c>
      <c r="Z28" s="71">
        <v>12</v>
      </c>
      <c r="AA28" s="72">
        <v>26</v>
      </c>
      <c r="AB28" s="244"/>
      <c r="AC28" s="71">
        <v>22</v>
      </c>
      <c r="AD28" s="71">
        <v>19</v>
      </c>
      <c r="AE28" s="71">
        <v>10</v>
      </c>
      <c r="AF28" s="71">
        <v>13</v>
      </c>
      <c r="AG28" s="71">
        <v>5</v>
      </c>
      <c r="AH28" s="72">
        <v>69</v>
      </c>
      <c r="AI28" s="73">
        <v>95</v>
      </c>
      <c r="AJ28" s="70">
        <v>26</v>
      </c>
      <c r="AK28" s="71">
        <v>19</v>
      </c>
      <c r="AL28" s="72">
        <v>45</v>
      </c>
      <c r="AM28" s="244"/>
      <c r="AN28" s="71">
        <v>31</v>
      </c>
      <c r="AO28" s="71">
        <v>26</v>
      </c>
      <c r="AP28" s="71">
        <v>14</v>
      </c>
      <c r="AQ28" s="71">
        <v>21</v>
      </c>
      <c r="AR28" s="71">
        <v>7</v>
      </c>
      <c r="AS28" s="72">
        <v>99</v>
      </c>
      <c r="AT28" s="73">
        <v>144</v>
      </c>
      <c r="AU28" s="70">
        <v>35</v>
      </c>
      <c r="AV28" s="71">
        <v>35</v>
      </c>
      <c r="AW28" s="72">
        <v>70</v>
      </c>
      <c r="AX28" s="244"/>
      <c r="AY28" s="71">
        <v>65</v>
      </c>
      <c r="AZ28" s="71">
        <v>38</v>
      </c>
      <c r="BA28" s="71">
        <v>28</v>
      </c>
      <c r="BB28" s="71">
        <v>35</v>
      </c>
      <c r="BC28" s="71">
        <v>17</v>
      </c>
      <c r="BD28" s="72">
        <v>183</v>
      </c>
      <c r="BE28" s="73">
        <v>253</v>
      </c>
      <c r="BF28" s="70">
        <v>26</v>
      </c>
      <c r="BG28" s="71">
        <v>27</v>
      </c>
      <c r="BH28" s="72">
        <v>53</v>
      </c>
      <c r="BI28" s="244"/>
      <c r="BJ28" s="71">
        <v>42</v>
      </c>
      <c r="BK28" s="71">
        <v>36</v>
      </c>
      <c r="BL28" s="71">
        <v>30</v>
      </c>
      <c r="BM28" s="71">
        <v>24</v>
      </c>
      <c r="BN28" s="71">
        <v>16</v>
      </c>
      <c r="BO28" s="72">
        <v>148</v>
      </c>
      <c r="BP28" s="73">
        <v>201</v>
      </c>
      <c r="BQ28" s="70">
        <v>10</v>
      </c>
      <c r="BR28" s="71">
        <v>11</v>
      </c>
      <c r="BS28" s="72">
        <v>21</v>
      </c>
      <c r="BT28" s="244"/>
      <c r="BU28" s="71">
        <v>26</v>
      </c>
      <c r="BV28" s="71">
        <v>14</v>
      </c>
      <c r="BW28" s="71">
        <v>16</v>
      </c>
      <c r="BX28" s="71">
        <v>16</v>
      </c>
      <c r="BY28" s="71">
        <v>11</v>
      </c>
      <c r="BZ28" s="72">
        <v>83</v>
      </c>
      <c r="CA28" s="73">
        <v>104</v>
      </c>
      <c r="CB28" s="70">
        <v>0</v>
      </c>
      <c r="CC28" s="71">
        <v>2</v>
      </c>
      <c r="CD28" s="72">
        <v>2</v>
      </c>
      <c r="CE28" s="244"/>
      <c r="CF28" s="71">
        <v>3</v>
      </c>
      <c r="CG28" s="71">
        <v>10</v>
      </c>
      <c r="CH28" s="71">
        <v>1</v>
      </c>
      <c r="CI28" s="71">
        <v>5</v>
      </c>
      <c r="CJ28" s="71">
        <v>3</v>
      </c>
      <c r="CK28" s="72">
        <v>22</v>
      </c>
      <c r="CL28" s="73">
        <v>24</v>
      </c>
      <c r="CM28" s="70">
        <v>114</v>
      </c>
      <c r="CN28" s="71">
        <v>112</v>
      </c>
      <c r="CO28" s="72">
        <v>226</v>
      </c>
      <c r="CP28" s="244"/>
      <c r="CQ28" s="71">
        <v>197</v>
      </c>
      <c r="CR28" s="71">
        <v>151</v>
      </c>
      <c r="CS28" s="71">
        <v>101</v>
      </c>
      <c r="CT28" s="71">
        <v>118</v>
      </c>
      <c r="CU28" s="71">
        <v>61</v>
      </c>
      <c r="CV28" s="72">
        <v>628</v>
      </c>
      <c r="CW28" s="73">
        <v>854</v>
      </c>
      <c r="CX28" s="123">
        <v>197</v>
      </c>
      <c r="CY28" s="82">
        <v>210</v>
      </c>
      <c r="CZ28" s="83">
        <v>407</v>
      </c>
      <c r="DA28" s="241"/>
      <c r="DB28" s="82">
        <v>291</v>
      </c>
      <c r="DC28" s="82">
        <v>206</v>
      </c>
      <c r="DD28" s="82">
        <v>172</v>
      </c>
      <c r="DE28" s="82">
        <v>185</v>
      </c>
      <c r="DF28" s="82">
        <v>106</v>
      </c>
      <c r="DG28" s="84">
        <v>960</v>
      </c>
      <c r="DH28" s="85">
        <v>1367</v>
      </c>
      <c r="DI28" s="70">
        <v>3</v>
      </c>
      <c r="DJ28" s="71">
        <v>4</v>
      </c>
      <c r="DK28" s="72">
        <v>7</v>
      </c>
      <c r="DL28" s="244"/>
      <c r="DM28" s="71">
        <v>7</v>
      </c>
      <c r="DN28" s="71">
        <v>7</v>
      </c>
      <c r="DO28" s="71">
        <v>4</v>
      </c>
      <c r="DP28" s="71">
        <v>4</v>
      </c>
      <c r="DQ28" s="71">
        <v>2</v>
      </c>
      <c r="DR28" s="72">
        <v>24</v>
      </c>
      <c r="DS28" s="73">
        <v>31</v>
      </c>
      <c r="DT28" s="70">
        <v>24</v>
      </c>
      <c r="DU28" s="71">
        <v>16</v>
      </c>
      <c r="DV28" s="72">
        <v>40</v>
      </c>
      <c r="DW28" s="244"/>
      <c r="DX28" s="71">
        <v>19</v>
      </c>
      <c r="DY28" s="71">
        <v>19</v>
      </c>
      <c r="DZ28" s="71">
        <v>10</v>
      </c>
      <c r="EA28" s="71">
        <v>5</v>
      </c>
      <c r="EB28" s="71">
        <v>10</v>
      </c>
      <c r="EC28" s="72">
        <v>63</v>
      </c>
      <c r="ED28" s="73">
        <v>103</v>
      </c>
      <c r="EE28" s="70">
        <v>31</v>
      </c>
      <c r="EF28" s="71">
        <v>29</v>
      </c>
      <c r="EG28" s="72">
        <v>60</v>
      </c>
      <c r="EH28" s="244"/>
      <c r="EI28" s="71">
        <v>48</v>
      </c>
      <c r="EJ28" s="71">
        <v>24</v>
      </c>
      <c r="EK28" s="71">
        <v>27</v>
      </c>
      <c r="EL28" s="71">
        <v>26</v>
      </c>
      <c r="EM28" s="71">
        <v>16</v>
      </c>
      <c r="EN28" s="72">
        <v>141</v>
      </c>
      <c r="EO28" s="73">
        <v>201</v>
      </c>
      <c r="EP28" s="70">
        <v>62</v>
      </c>
      <c r="EQ28" s="71">
        <v>60</v>
      </c>
      <c r="ER28" s="72">
        <v>122</v>
      </c>
      <c r="ES28" s="244"/>
      <c r="ET28" s="71">
        <v>71</v>
      </c>
      <c r="EU28" s="71">
        <v>41</v>
      </c>
      <c r="EV28" s="71">
        <v>35</v>
      </c>
      <c r="EW28" s="71">
        <v>36</v>
      </c>
      <c r="EX28" s="71">
        <v>14</v>
      </c>
      <c r="EY28" s="72">
        <v>197</v>
      </c>
      <c r="EZ28" s="73">
        <v>319</v>
      </c>
      <c r="FA28" s="70">
        <v>51</v>
      </c>
      <c r="FB28" s="71">
        <v>56</v>
      </c>
      <c r="FC28" s="72">
        <v>107</v>
      </c>
      <c r="FD28" s="244"/>
      <c r="FE28" s="71">
        <v>83</v>
      </c>
      <c r="FF28" s="71">
        <v>60</v>
      </c>
      <c r="FG28" s="71">
        <v>49</v>
      </c>
      <c r="FH28" s="71">
        <v>45</v>
      </c>
      <c r="FI28" s="71">
        <v>27</v>
      </c>
      <c r="FJ28" s="72">
        <v>264</v>
      </c>
      <c r="FK28" s="73">
        <v>371</v>
      </c>
      <c r="FL28" s="70">
        <v>26</v>
      </c>
      <c r="FM28" s="71">
        <v>45</v>
      </c>
      <c r="FN28" s="72">
        <v>71</v>
      </c>
      <c r="FO28" s="244"/>
      <c r="FP28" s="71">
        <v>63</v>
      </c>
      <c r="FQ28" s="71">
        <v>55</v>
      </c>
      <c r="FR28" s="71">
        <v>47</v>
      </c>
      <c r="FS28" s="71">
        <v>69</v>
      </c>
      <c r="FT28" s="71">
        <v>37</v>
      </c>
      <c r="FU28" s="72">
        <v>271</v>
      </c>
      <c r="FV28" s="73">
        <v>342</v>
      </c>
      <c r="FW28" s="70">
        <v>2</v>
      </c>
      <c r="FX28" s="71">
        <v>4</v>
      </c>
      <c r="FY28" s="72">
        <v>6</v>
      </c>
      <c r="FZ28" s="244"/>
      <c r="GA28" s="71">
        <v>3</v>
      </c>
      <c r="GB28" s="71">
        <v>2</v>
      </c>
      <c r="GC28" s="71">
        <v>3</v>
      </c>
      <c r="GD28" s="71">
        <v>1</v>
      </c>
      <c r="GE28" s="71">
        <v>6</v>
      </c>
      <c r="GF28" s="72">
        <v>15</v>
      </c>
      <c r="GG28" s="73">
        <v>21</v>
      </c>
      <c r="GH28" s="70">
        <v>199</v>
      </c>
      <c r="GI28" s="71">
        <v>214</v>
      </c>
      <c r="GJ28" s="72">
        <v>413</v>
      </c>
      <c r="GK28" s="244"/>
      <c r="GL28" s="71">
        <v>294</v>
      </c>
      <c r="GM28" s="71">
        <v>208</v>
      </c>
      <c r="GN28" s="71">
        <v>175</v>
      </c>
      <c r="GO28" s="71">
        <v>186</v>
      </c>
      <c r="GP28" s="71">
        <v>112</v>
      </c>
      <c r="GQ28" s="72">
        <v>975</v>
      </c>
      <c r="GR28" s="73">
        <v>1388</v>
      </c>
      <c r="GS28" s="123">
        <v>311</v>
      </c>
      <c r="GT28" s="82">
        <v>320</v>
      </c>
      <c r="GU28" s="83">
        <v>631</v>
      </c>
      <c r="GV28" s="241"/>
      <c r="GW28" s="82">
        <v>485</v>
      </c>
      <c r="GX28" s="82">
        <v>347</v>
      </c>
      <c r="GY28" s="82">
        <v>272</v>
      </c>
      <c r="GZ28" s="82">
        <v>298</v>
      </c>
      <c r="HA28" s="82">
        <v>164</v>
      </c>
      <c r="HB28" s="84">
        <v>1566</v>
      </c>
      <c r="HC28" s="85">
        <v>2197</v>
      </c>
      <c r="HD28" s="70">
        <v>6</v>
      </c>
      <c r="HE28" s="71">
        <v>10</v>
      </c>
      <c r="HF28" s="72">
        <v>16</v>
      </c>
      <c r="HG28" s="244"/>
      <c r="HH28" s="71">
        <v>15</v>
      </c>
      <c r="HI28" s="71">
        <v>15</v>
      </c>
      <c r="HJ28" s="71">
        <v>6</v>
      </c>
      <c r="HK28" s="71">
        <v>8</v>
      </c>
      <c r="HL28" s="71">
        <v>4</v>
      </c>
      <c r="HM28" s="72">
        <v>48</v>
      </c>
      <c r="HN28" s="73">
        <v>64</v>
      </c>
      <c r="HO28" s="70">
        <v>38</v>
      </c>
      <c r="HP28" s="71">
        <v>28</v>
      </c>
      <c r="HQ28" s="72">
        <v>66</v>
      </c>
      <c r="HR28" s="244"/>
      <c r="HS28" s="71">
        <v>41</v>
      </c>
      <c r="HT28" s="71">
        <v>38</v>
      </c>
      <c r="HU28" s="71">
        <v>20</v>
      </c>
      <c r="HV28" s="71">
        <v>18</v>
      </c>
      <c r="HW28" s="71">
        <v>15</v>
      </c>
      <c r="HX28" s="72">
        <v>132</v>
      </c>
      <c r="HY28" s="73">
        <v>198</v>
      </c>
      <c r="HZ28" s="70">
        <v>57</v>
      </c>
      <c r="IA28" s="71">
        <v>48</v>
      </c>
      <c r="IB28" s="72">
        <v>105</v>
      </c>
      <c r="IC28" s="244"/>
      <c r="ID28" s="71">
        <v>79</v>
      </c>
      <c r="IE28" s="71">
        <v>50</v>
      </c>
      <c r="IF28" s="71">
        <v>41</v>
      </c>
      <c r="IG28" s="71">
        <v>47</v>
      </c>
      <c r="IH28" s="71">
        <v>23</v>
      </c>
      <c r="II28" s="72">
        <v>240</v>
      </c>
      <c r="IJ28" s="73">
        <v>345</v>
      </c>
      <c r="IK28" s="70">
        <v>97</v>
      </c>
      <c r="IL28" s="71">
        <v>95</v>
      </c>
      <c r="IM28" s="72">
        <v>192</v>
      </c>
      <c r="IN28" s="244"/>
      <c r="IO28" s="71">
        <v>136</v>
      </c>
      <c r="IP28" s="71">
        <v>79</v>
      </c>
      <c r="IQ28" s="71">
        <v>63</v>
      </c>
      <c r="IR28" s="71">
        <v>71</v>
      </c>
      <c r="IS28" s="71">
        <v>31</v>
      </c>
      <c r="IT28" s="72">
        <v>380</v>
      </c>
      <c r="IU28" s="73">
        <v>572</v>
      </c>
      <c r="IV28" s="70">
        <v>77</v>
      </c>
      <c r="IW28" s="71">
        <v>83</v>
      </c>
      <c r="IX28" s="72">
        <v>160</v>
      </c>
      <c r="IY28" s="244"/>
      <c r="IZ28" s="71">
        <v>125</v>
      </c>
      <c r="JA28" s="71">
        <v>96</v>
      </c>
      <c r="JB28" s="71">
        <v>79</v>
      </c>
      <c r="JC28" s="71">
        <v>69</v>
      </c>
      <c r="JD28" s="71">
        <v>43</v>
      </c>
      <c r="JE28" s="72">
        <v>412</v>
      </c>
      <c r="JF28" s="73">
        <v>572</v>
      </c>
      <c r="JG28" s="70">
        <v>36</v>
      </c>
      <c r="JH28" s="71">
        <v>56</v>
      </c>
      <c r="JI28" s="72">
        <v>92</v>
      </c>
      <c r="JJ28" s="244"/>
      <c r="JK28" s="71">
        <v>89</v>
      </c>
      <c r="JL28" s="71">
        <v>69</v>
      </c>
      <c r="JM28" s="71">
        <v>63</v>
      </c>
      <c r="JN28" s="71">
        <v>85</v>
      </c>
      <c r="JO28" s="71">
        <v>48</v>
      </c>
      <c r="JP28" s="72">
        <v>354</v>
      </c>
      <c r="JQ28" s="73">
        <v>446</v>
      </c>
      <c r="JR28" s="70">
        <v>2</v>
      </c>
      <c r="JS28" s="71">
        <v>6</v>
      </c>
      <c r="JT28" s="72">
        <v>8</v>
      </c>
      <c r="JU28" s="244"/>
      <c r="JV28" s="71">
        <v>6</v>
      </c>
      <c r="JW28" s="71">
        <v>12</v>
      </c>
      <c r="JX28" s="71">
        <v>4</v>
      </c>
      <c r="JY28" s="71">
        <v>6</v>
      </c>
      <c r="JZ28" s="71">
        <v>9</v>
      </c>
      <c r="KA28" s="72">
        <v>37</v>
      </c>
      <c r="KB28" s="73">
        <v>45</v>
      </c>
      <c r="KC28" s="70">
        <v>313</v>
      </c>
      <c r="KD28" s="71">
        <v>326</v>
      </c>
      <c r="KE28" s="72">
        <v>639</v>
      </c>
      <c r="KF28" s="244"/>
      <c r="KG28" s="71">
        <v>491</v>
      </c>
      <c r="KH28" s="71">
        <v>359</v>
      </c>
      <c r="KI28" s="71">
        <v>276</v>
      </c>
      <c r="KJ28" s="71">
        <v>304</v>
      </c>
      <c r="KK28" s="71">
        <v>173</v>
      </c>
      <c r="KL28" s="72">
        <v>1603</v>
      </c>
      <c r="KM28" s="73">
        <v>2242</v>
      </c>
    </row>
    <row r="29" spans="2:299" ht="21" customHeight="1" x14ac:dyDescent="0.2">
      <c r="B29" s="126" t="s">
        <v>26</v>
      </c>
      <c r="C29" s="315">
        <v>85</v>
      </c>
      <c r="D29" s="82">
        <v>64</v>
      </c>
      <c r="E29" s="83">
        <v>149</v>
      </c>
      <c r="F29" s="241"/>
      <c r="G29" s="82">
        <v>138</v>
      </c>
      <c r="H29" s="82">
        <v>117</v>
      </c>
      <c r="I29" s="82">
        <v>82</v>
      </c>
      <c r="J29" s="82">
        <v>77</v>
      </c>
      <c r="K29" s="82">
        <v>37</v>
      </c>
      <c r="L29" s="84">
        <v>451</v>
      </c>
      <c r="M29" s="85">
        <v>600</v>
      </c>
      <c r="N29" s="70">
        <v>2</v>
      </c>
      <c r="O29" s="71">
        <v>3</v>
      </c>
      <c r="P29" s="72">
        <v>5</v>
      </c>
      <c r="Q29" s="244"/>
      <c r="R29" s="71">
        <v>6</v>
      </c>
      <c r="S29" s="71">
        <v>3</v>
      </c>
      <c r="T29" s="71">
        <v>4</v>
      </c>
      <c r="U29" s="71">
        <v>4</v>
      </c>
      <c r="V29" s="71">
        <v>3</v>
      </c>
      <c r="W29" s="72">
        <v>20</v>
      </c>
      <c r="X29" s="73">
        <v>25</v>
      </c>
      <c r="Y29" s="70">
        <v>9</v>
      </c>
      <c r="Z29" s="71">
        <v>5</v>
      </c>
      <c r="AA29" s="72">
        <v>14</v>
      </c>
      <c r="AB29" s="244"/>
      <c r="AC29" s="71">
        <v>10</v>
      </c>
      <c r="AD29" s="71">
        <v>10</v>
      </c>
      <c r="AE29" s="71">
        <v>6</v>
      </c>
      <c r="AF29" s="71">
        <v>7</v>
      </c>
      <c r="AG29" s="71">
        <v>6</v>
      </c>
      <c r="AH29" s="72">
        <v>39</v>
      </c>
      <c r="AI29" s="73">
        <v>53</v>
      </c>
      <c r="AJ29" s="70">
        <v>9</v>
      </c>
      <c r="AK29" s="71">
        <v>10</v>
      </c>
      <c r="AL29" s="72">
        <v>19</v>
      </c>
      <c r="AM29" s="244"/>
      <c r="AN29" s="71">
        <v>18</v>
      </c>
      <c r="AO29" s="71">
        <v>12</v>
      </c>
      <c r="AP29" s="71">
        <v>16</v>
      </c>
      <c r="AQ29" s="71">
        <v>12</v>
      </c>
      <c r="AR29" s="71">
        <v>7</v>
      </c>
      <c r="AS29" s="72">
        <v>65</v>
      </c>
      <c r="AT29" s="73">
        <v>84</v>
      </c>
      <c r="AU29" s="70">
        <v>26</v>
      </c>
      <c r="AV29" s="71">
        <v>17</v>
      </c>
      <c r="AW29" s="72">
        <v>43</v>
      </c>
      <c r="AX29" s="244"/>
      <c r="AY29" s="71">
        <v>46</v>
      </c>
      <c r="AZ29" s="71">
        <v>33</v>
      </c>
      <c r="BA29" s="71">
        <v>18</v>
      </c>
      <c r="BB29" s="71">
        <v>22</v>
      </c>
      <c r="BC29" s="71">
        <v>4</v>
      </c>
      <c r="BD29" s="72">
        <v>123</v>
      </c>
      <c r="BE29" s="73">
        <v>166</v>
      </c>
      <c r="BF29" s="70">
        <v>19</v>
      </c>
      <c r="BG29" s="71">
        <v>20</v>
      </c>
      <c r="BH29" s="72">
        <v>39</v>
      </c>
      <c r="BI29" s="244"/>
      <c r="BJ29" s="71">
        <v>32</v>
      </c>
      <c r="BK29" s="71">
        <v>33</v>
      </c>
      <c r="BL29" s="71">
        <v>21</v>
      </c>
      <c r="BM29" s="71">
        <v>20</v>
      </c>
      <c r="BN29" s="71">
        <v>10</v>
      </c>
      <c r="BO29" s="72">
        <v>116</v>
      </c>
      <c r="BP29" s="73">
        <v>155</v>
      </c>
      <c r="BQ29" s="70">
        <v>20</v>
      </c>
      <c r="BR29" s="71">
        <v>9</v>
      </c>
      <c r="BS29" s="72">
        <v>29</v>
      </c>
      <c r="BT29" s="244"/>
      <c r="BU29" s="71">
        <v>26</v>
      </c>
      <c r="BV29" s="71">
        <v>26</v>
      </c>
      <c r="BW29" s="71">
        <v>17</v>
      </c>
      <c r="BX29" s="71">
        <v>12</v>
      </c>
      <c r="BY29" s="71">
        <v>7</v>
      </c>
      <c r="BZ29" s="72">
        <v>88</v>
      </c>
      <c r="CA29" s="73">
        <v>117</v>
      </c>
      <c r="CB29" s="70">
        <v>3</v>
      </c>
      <c r="CC29" s="71">
        <v>0</v>
      </c>
      <c r="CD29" s="72">
        <v>3</v>
      </c>
      <c r="CE29" s="244"/>
      <c r="CF29" s="71">
        <v>5</v>
      </c>
      <c r="CG29" s="71">
        <v>5</v>
      </c>
      <c r="CH29" s="71">
        <v>3</v>
      </c>
      <c r="CI29" s="71">
        <v>1</v>
      </c>
      <c r="CJ29" s="71">
        <v>2</v>
      </c>
      <c r="CK29" s="72">
        <v>16</v>
      </c>
      <c r="CL29" s="73">
        <v>19</v>
      </c>
      <c r="CM29" s="70">
        <v>88</v>
      </c>
      <c r="CN29" s="71">
        <v>64</v>
      </c>
      <c r="CO29" s="72">
        <v>152</v>
      </c>
      <c r="CP29" s="244"/>
      <c r="CQ29" s="71">
        <v>143</v>
      </c>
      <c r="CR29" s="71">
        <v>122</v>
      </c>
      <c r="CS29" s="71">
        <v>85</v>
      </c>
      <c r="CT29" s="71">
        <v>78</v>
      </c>
      <c r="CU29" s="71">
        <v>39</v>
      </c>
      <c r="CV29" s="72">
        <v>467</v>
      </c>
      <c r="CW29" s="73">
        <v>619</v>
      </c>
      <c r="CX29" s="123">
        <v>184</v>
      </c>
      <c r="CY29" s="82">
        <v>189</v>
      </c>
      <c r="CZ29" s="83">
        <v>373</v>
      </c>
      <c r="DA29" s="241"/>
      <c r="DB29" s="82">
        <v>267</v>
      </c>
      <c r="DC29" s="82">
        <v>216</v>
      </c>
      <c r="DD29" s="82">
        <v>168</v>
      </c>
      <c r="DE29" s="82">
        <v>138</v>
      </c>
      <c r="DF29" s="82">
        <v>106</v>
      </c>
      <c r="DG29" s="84">
        <v>895</v>
      </c>
      <c r="DH29" s="85">
        <v>1268</v>
      </c>
      <c r="DI29" s="70">
        <v>5</v>
      </c>
      <c r="DJ29" s="71">
        <v>5</v>
      </c>
      <c r="DK29" s="72">
        <v>10</v>
      </c>
      <c r="DL29" s="244"/>
      <c r="DM29" s="71">
        <v>6</v>
      </c>
      <c r="DN29" s="71">
        <v>2</v>
      </c>
      <c r="DO29" s="71">
        <v>4</v>
      </c>
      <c r="DP29" s="71">
        <v>3</v>
      </c>
      <c r="DQ29" s="71">
        <v>2</v>
      </c>
      <c r="DR29" s="72">
        <v>17</v>
      </c>
      <c r="DS29" s="73">
        <v>27</v>
      </c>
      <c r="DT29" s="70">
        <v>10</v>
      </c>
      <c r="DU29" s="71">
        <v>14</v>
      </c>
      <c r="DV29" s="72">
        <v>24</v>
      </c>
      <c r="DW29" s="244"/>
      <c r="DX29" s="71">
        <v>14</v>
      </c>
      <c r="DY29" s="71">
        <v>9</v>
      </c>
      <c r="DZ29" s="71">
        <v>4</v>
      </c>
      <c r="EA29" s="71">
        <v>5</v>
      </c>
      <c r="EB29" s="71">
        <v>6</v>
      </c>
      <c r="EC29" s="72">
        <v>38</v>
      </c>
      <c r="ED29" s="73">
        <v>62</v>
      </c>
      <c r="EE29" s="70">
        <v>20</v>
      </c>
      <c r="EF29" s="71">
        <v>23</v>
      </c>
      <c r="EG29" s="72">
        <v>43</v>
      </c>
      <c r="EH29" s="244"/>
      <c r="EI29" s="71">
        <v>35</v>
      </c>
      <c r="EJ29" s="71">
        <v>23</v>
      </c>
      <c r="EK29" s="71">
        <v>14</v>
      </c>
      <c r="EL29" s="71">
        <v>18</v>
      </c>
      <c r="EM29" s="71">
        <v>6</v>
      </c>
      <c r="EN29" s="72">
        <v>96</v>
      </c>
      <c r="EO29" s="73">
        <v>139</v>
      </c>
      <c r="EP29" s="70">
        <v>56</v>
      </c>
      <c r="EQ29" s="71">
        <v>46</v>
      </c>
      <c r="ER29" s="72">
        <v>102</v>
      </c>
      <c r="ES29" s="244"/>
      <c r="ET29" s="71">
        <v>54</v>
      </c>
      <c r="EU29" s="71">
        <v>43</v>
      </c>
      <c r="EV29" s="71">
        <v>38</v>
      </c>
      <c r="EW29" s="71">
        <v>13</v>
      </c>
      <c r="EX29" s="71">
        <v>19</v>
      </c>
      <c r="EY29" s="72">
        <v>167</v>
      </c>
      <c r="EZ29" s="73">
        <v>269</v>
      </c>
      <c r="FA29" s="70">
        <v>61</v>
      </c>
      <c r="FB29" s="71">
        <v>59</v>
      </c>
      <c r="FC29" s="72">
        <v>120</v>
      </c>
      <c r="FD29" s="244"/>
      <c r="FE29" s="71">
        <v>79</v>
      </c>
      <c r="FF29" s="71">
        <v>52</v>
      </c>
      <c r="FG29" s="71">
        <v>41</v>
      </c>
      <c r="FH29" s="71">
        <v>31</v>
      </c>
      <c r="FI29" s="71">
        <v>22</v>
      </c>
      <c r="FJ29" s="72">
        <v>225</v>
      </c>
      <c r="FK29" s="73">
        <v>345</v>
      </c>
      <c r="FL29" s="70">
        <v>32</v>
      </c>
      <c r="FM29" s="71">
        <v>42</v>
      </c>
      <c r="FN29" s="72">
        <v>74</v>
      </c>
      <c r="FO29" s="244"/>
      <c r="FP29" s="71">
        <v>79</v>
      </c>
      <c r="FQ29" s="71">
        <v>87</v>
      </c>
      <c r="FR29" s="71">
        <v>67</v>
      </c>
      <c r="FS29" s="71">
        <v>68</v>
      </c>
      <c r="FT29" s="71">
        <v>51</v>
      </c>
      <c r="FU29" s="72">
        <v>352</v>
      </c>
      <c r="FV29" s="73">
        <v>426</v>
      </c>
      <c r="FW29" s="70">
        <v>0</v>
      </c>
      <c r="FX29" s="71">
        <v>1</v>
      </c>
      <c r="FY29" s="72">
        <v>1</v>
      </c>
      <c r="FZ29" s="244"/>
      <c r="GA29" s="71">
        <v>6</v>
      </c>
      <c r="GB29" s="71">
        <v>3</v>
      </c>
      <c r="GC29" s="71">
        <v>2</v>
      </c>
      <c r="GD29" s="71">
        <v>4</v>
      </c>
      <c r="GE29" s="71">
        <v>2</v>
      </c>
      <c r="GF29" s="72">
        <v>17</v>
      </c>
      <c r="GG29" s="73">
        <v>18</v>
      </c>
      <c r="GH29" s="70">
        <v>184</v>
      </c>
      <c r="GI29" s="71">
        <v>190</v>
      </c>
      <c r="GJ29" s="72">
        <v>374</v>
      </c>
      <c r="GK29" s="244"/>
      <c r="GL29" s="71">
        <v>273</v>
      </c>
      <c r="GM29" s="71">
        <v>219</v>
      </c>
      <c r="GN29" s="71">
        <v>170</v>
      </c>
      <c r="GO29" s="71">
        <v>142</v>
      </c>
      <c r="GP29" s="71">
        <v>108</v>
      </c>
      <c r="GQ29" s="72">
        <v>912</v>
      </c>
      <c r="GR29" s="73">
        <v>1286</v>
      </c>
      <c r="GS29" s="123">
        <v>269</v>
      </c>
      <c r="GT29" s="82">
        <v>253</v>
      </c>
      <c r="GU29" s="83">
        <v>522</v>
      </c>
      <c r="GV29" s="241"/>
      <c r="GW29" s="82">
        <v>405</v>
      </c>
      <c r="GX29" s="82">
        <v>333</v>
      </c>
      <c r="GY29" s="82">
        <v>250</v>
      </c>
      <c r="GZ29" s="82">
        <v>215</v>
      </c>
      <c r="HA29" s="82">
        <v>143</v>
      </c>
      <c r="HB29" s="84">
        <v>1346</v>
      </c>
      <c r="HC29" s="85">
        <v>1868</v>
      </c>
      <c r="HD29" s="70">
        <v>7</v>
      </c>
      <c r="HE29" s="71">
        <v>8</v>
      </c>
      <c r="HF29" s="72">
        <v>15</v>
      </c>
      <c r="HG29" s="244"/>
      <c r="HH29" s="71">
        <v>12</v>
      </c>
      <c r="HI29" s="71">
        <v>5</v>
      </c>
      <c r="HJ29" s="71">
        <v>8</v>
      </c>
      <c r="HK29" s="71">
        <v>7</v>
      </c>
      <c r="HL29" s="71">
        <v>5</v>
      </c>
      <c r="HM29" s="72">
        <v>37</v>
      </c>
      <c r="HN29" s="73">
        <v>52</v>
      </c>
      <c r="HO29" s="70">
        <v>19</v>
      </c>
      <c r="HP29" s="71">
        <v>19</v>
      </c>
      <c r="HQ29" s="72">
        <v>38</v>
      </c>
      <c r="HR29" s="244"/>
      <c r="HS29" s="71">
        <v>24</v>
      </c>
      <c r="HT29" s="71">
        <v>19</v>
      </c>
      <c r="HU29" s="71">
        <v>10</v>
      </c>
      <c r="HV29" s="71">
        <v>12</v>
      </c>
      <c r="HW29" s="71">
        <v>12</v>
      </c>
      <c r="HX29" s="72">
        <v>77</v>
      </c>
      <c r="HY29" s="73">
        <v>115</v>
      </c>
      <c r="HZ29" s="70">
        <v>29</v>
      </c>
      <c r="IA29" s="71">
        <v>33</v>
      </c>
      <c r="IB29" s="72">
        <v>62</v>
      </c>
      <c r="IC29" s="244"/>
      <c r="ID29" s="71">
        <v>53</v>
      </c>
      <c r="IE29" s="71">
        <v>35</v>
      </c>
      <c r="IF29" s="71">
        <v>30</v>
      </c>
      <c r="IG29" s="71">
        <v>30</v>
      </c>
      <c r="IH29" s="71">
        <v>13</v>
      </c>
      <c r="II29" s="72">
        <v>161</v>
      </c>
      <c r="IJ29" s="73">
        <v>223</v>
      </c>
      <c r="IK29" s="70">
        <v>82</v>
      </c>
      <c r="IL29" s="71">
        <v>63</v>
      </c>
      <c r="IM29" s="72">
        <v>145</v>
      </c>
      <c r="IN29" s="244"/>
      <c r="IO29" s="71">
        <v>100</v>
      </c>
      <c r="IP29" s="71">
        <v>76</v>
      </c>
      <c r="IQ29" s="71">
        <v>56</v>
      </c>
      <c r="IR29" s="71">
        <v>35</v>
      </c>
      <c r="IS29" s="71">
        <v>23</v>
      </c>
      <c r="IT29" s="72">
        <v>290</v>
      </c>
      <c r="IU29" s="73">
        <v>435</v>
      </c>
      <c r="IV29" s="70">
        <v>80</v>
      </c>
      <c r="IW29" s="71">
        <v>79</v>
      </c>
      <c r="IX29" s="72">
        <v>159</v>
      </c>
      <c r="IY29" s="244"/>
      <c r="IZ29" s="71">
        <v>111</v>
      </c>
      <c r="JA29" s="71">
        <v>85</v>
      </c>
      <c r="JB29" s="71">
        <v>62</v>
      </c>
      <c r="JC29" s="71">
        <v>51</v>
      </c>
      <c r="JD29" s="71">
        <v>32</v>
      </c>
      <c r="JE29" s="72">
        <v>341</v>
      </c>
      <c r="JF29" s="73">
        <v>500</v>
      </c>
      <c r="JG29" s="70">
        <v>52</v>
      </c>
      <c r="JH29" s="71">
        <v>51</v>
      </c>
      <c r="JI29" s="72">
        <v>103</v>
      </c>
      <c r="JJ29" s="244"/>
      <c r="JK29" s="71">
        <v>105</v>
      </c>
      <c r="JL29" s="71">
        <v>113</v>
      </c>
      <c r="JM29" s="71">
        <v>84</v>
      </c>
      <c r="JN29" s="71">
        <v>80</v>
      </c>
      <c r="JO29" s="71">
        <v>58</v>
      </c>
      <c r="JP29" s="72">
        <v>440</v>
      </c>
      <c r="JQ29" s="73">
        <v>543</v>
      </c>
      <c r="JR29" s="70">
        <v>3</v>
      </c>
      <c r="JS29" s="71">
        <v>1</v>
      </c>
      <c r="JT29" s="72">
        <v>4</v>
      </c>
      <c r="JU29" s="244"/>
      <c r="JV29" s="71">
        <v>11</v>
      </c>
      <c r="JW29" s="71">
        <v>8</v>
      </c>
      <c r="JX29" s="71">
        <v>5</v>
      </c>
      <c r="JY29" s="71">
        <v>5</v>
      </c>
      <c r="JZ29" s="71">
        <v>4</v>
      </c>
      <c r="KA29" s="72">
        <v>33</v>
      </c>
      <c r="KB29" s="73">
        <v>37</v>
      </c>
      <c r="KC29" s="70">
        <v>272</v>
      </c>
      <c r="KD29" s="71">
        <v>254</v>
      </c>
      <c r="KE29" s="72">
        <v>526</v>
      </c>
      <c r="KF29" s="244"/>
      <c r="KG29" s="71">
        <v>416</v>
      </c>
      <c r="KH29" s="71">
        <v>341</v>
      </c>
      <c r="KI29" s="71">
        <v>255</v>
      </c>
      <c r="KJ29" s="71">
        <v>220</v>
      </c>
      <c r="KK29" s="71">
        <v>147</v>
      </c>
      <c r="KL29" s="72">
        <v>1379</v>
      </c>
      <c r="KM29" s="73">
        <v>1905</v>
      </c>
    </row>
    <row r="30" spans="2:299" ht="21" customHeight="1" x14ac:dyDescent="0.2">
      <c r="B30" s="126" t="s">
        <v>27</v>
      </c>
      <c r="C30" s="315">
        <v>83</v>
      </c>
      <c r="D30" s="82">
        <v>113</v>
      </c>
      <c r="E30" s="83">
        <v>196</v>
      </c>
      <c r="F30" s="241"/>
      <c r="G30" s="82">
        <v>103</v>
      </c>
      <c r="H30" s="82">
        <v>88</v>
      </c>
      <c r="I30" s="82">
        <v>76</v>
      </c>
      <c r="J30" s="82">
        <v>70</v>
      </c>
      <c r="K30" s="82">
        <v>31</v>
      </c>
      <c r="L30" s="84">
        <v>368</v>
      </c>
      <c r="M30" s="85">
        <v>564</v>
      </c>
      <c r="N30" s="70">
        <v>2</v>
      </c>
      <c r="O30" s="71">
        <v>4</v>
      </c>
      <c r="P30" s="72">
        <v>6</v>
      </c>
      <c r="Q30" s="244"/>
      <c r="R30" s="71">
        <v>2</v>
      </c>
      <c r="S30" s="71">
        <v>3</v>
      </c>
      <c r="T30" s="71">
        <v>2</v>
      </c>
      <c r="U30" s="71">
        <v>1</v>
      </c>
      <c r="V30" s="71">
        <v>0</v>
      </c>
      <c r="W30" s="72">
        <v>8</v>
      </c>
      <c r="X30" s="73">
        <v>14</v>
      </c>
      <c r="Y30" s="70">
        <v>7</v>
      </c>
      <c r="Z30" s="71">
        <v>4</v>
      </c>
      <c r="AA30" s="72">
        <v>11</v>
      </c>
      <c r="AB30" s="244"/>
      <c r="AC30" s="71">
        <v>8</v>
      </c>
      <c r="AD30" s="71">
        <v>15</v>
      </c>
      <c r="AE30" s="71">
        <v>7</v>
      </c>
      <c r="AF30" s="71">
        <v>10</v>
      </c>
      <c r="AG30" s="71">
        <v>3</v>
      </c>
      <c r="AH30" s="72">
        <v>43</v>
      </c>
      <c r="AI30" s="73">
        <v>54</v>
      </c>
      <c r="AJ30" s="70">
        <v>19</v>
      </c>
      <c r="AK30" s="71">
        <v>22</v>
      </c>
      <c r="AL30" s="72">
        <v>41</v>
      </c>
      <c r="AM30" s="244"/>
      <c r="AN30" s="71">
        <v>15</v>
      </c>
      <c r="AO30" s="71">
        <v>18</v>
      </c>
      <c r="AP30" s="71">
        <v>10</v>
      </c>
      <c r="AQ30" s="71">
        <v>9</v>
      </c>
      <c r="AR30" s="71">
        <v>4</v>
      </c>
      <c r="AS30" s="72">
        <v>56</v>
      </c>
      <c r="AT30" s="73">
        <v>97</v>
      </c>
      <c r="AU30" s="70">
        <v>20</v>
      </c>
      <c r="AV30" s="71">
        <v>27</v>
      </c>
      <c r="AW30" s="72">
        <v>47</v>
      </c>
      <c r="AX30" s="244"/>
      <c r="AY30" s="71">
        <v>26</v>
      </c>
      <c r="AZ30" s="71">
        <v>13</v>
      </c>
      <c r="BA30" s="71">
        <v>18</v>
      </c>
      <c r="BB30" s="71">
        <v>15</v>
      </c>
      <c r="BC30" s="71">
        <v>6</v>
      </c>
      <c r="BD30" s="72">
        <v>78</v>
      </c>
      <c r="BE30" s="73">
        <v>125</v>
      </c>
      <c r="BF30" s="70">
        <v>19</v>
      </c>
      <c r="BG30" s="71">
        <v>31</v>
      </c>
      <c r="BH30" s="72">
        <v>50</v>
      </c>
      <c r="BI30" s="244"/>
      <c r="BJ30" s="71">
        <v>31</v>
      </c>
      <c r="BK30" s="71">
        <v>16</v>
      </c>
      <c r="BL30" s="71">
        <v>25</v>
      </c>
      <c r="BM30" s="71">
        <v>18</v>
      </c>
      <c r="BN30" s="71">
        <v>11</v>
      </c>
      <c r="BO30" s="72">
        <v>101</v>
      </c>
      <c r="BP30" s="73">
        <v>151</v>
      </c>
      <c r="BQ30" s="70">
        <v>16</v>
      </c>
      <c r="BR30" s="71">
        <v>25</v>
      </c>
      <c r="BS30" s="72">
        <v>41</v>
      </c>
      <c r="BT30" s="244"/>
      <c r="BU30" s="71">
        <v>21</v>
      </c>
      <c r="BV30" s="71">
        <v>23</v>
      </c>
      <c r="BW30" s="71">
        <v>14</v>
      </c>
      <c r="BX30" s="71">
        <v>17</v>
      </c>
      <c r="BY30" s="71">
        <v>7</v>
      </c>
      <c r="BZ30" s="72">
        <v>82</v>
      </c>
      <c r="CA30" s="73">
        <v>123</v>
      </c>
      <c r="CB30" s="70">
        <v>2</v>
      </c>
      <c r="CC30" s="71">
        <v>1</v>
      </c>
      <c r="CD30" s="72">
        <v>3</v>
      </c>
      <c r="CE30" s="244"/>
      <c r="CF30" s="71">
        <v>3</v>
      </c>
      <c r="CG30" s="71">
        <v>2</v>
      </c>
      <c r="CH30" s="71">
        <v>6</v>
      </c>
      <c r="CI30" s="71">
        <v>1</v>
      </c>
      <c r="CJ30" s="71">
        <v>4</v>
      </c>
      <c r="CK30" s="72">
        <v>16</v>
      </c>
      <c r="CL30" s="73">
        <v>19</v>
      </c>
      <c r="CM30" s="70">
        <v>85</v>
      </c>
      <c r="CN30" s="71">
        <v>114</v>
      </c>
      <c r="CO30" s="72">
        <v>199</v>
      </c>
      <c r="CP30" s="244"/>
      <c r="CQ30" s="71">
        <v>106</v>
      </c>
      <c r="CR30" s="71">
        <v>90</v>
      </c>
      <c r="CS30" s="71">
        <v>82</v>
      </c>
      <c r="CT30" s="71">
        <v>71</v>
      </c>
      <c r="CU30" s="71">
        <v>35</v>
      </c>
      <c r="CV30" s="72">
        <v>384</v>
      </c>
      <c r="CW30" s="73">
        <v>583</v>
      </c>
      <c r="CX30" s="123">
        <v>245</v>
      </c>
      <c r="CY30" s="82">
        <v>193</v>
      </c>
      <c r="CZ30" s="83">
        <v>438</v>
      </c>
      <c r="DA30" s="241"/>
      <c r="DB30" s="82">
        <v>210</v>
      </c>
      <c r="DC30" s="82">
        <v>131</v>
      </c>
      <c r="DD30" s="82">
        <v>146</v>
      </c>
      <c r="DE30" s="82">
        <v>143</v>
      </c>
      <c r="DF30" s="82">
        <v>111</v>
      </c>
      <c r="DG30" s="84">
        <v>741</v>
      </c>
      <c r="DH30" s="85">
        <v>1179</v>
      </c>
      <c r="DI30" s="70">
        <v>2</v>
      </c>
      <c r="DJ30" s="71">
        <v>5</v>
      </c>
      <c r="DK30" s="72">
        <v>7</v>
      </c>
      <c r="DL30" s="244"/>
      <c r="DM30" s="71">
        <v>1</v>
      </c>
      <c r="DN30" s="71">
        <v>1</v>
      </c>
      <c r="DO30" s="71">
        <v>2</v>
      </c>
      <c r="DP30" s="71">
        <v>2</v>
      </c>
      <c r="DQ30" s="71">
        <v>2</v>
      </c>
      <c r="DR30" s="72">
        <v>8</v>
      </c>
      <c r="DS30" s="73">
        <v>15</v>
      </c>
      <c r="DT30" s="70">
        <v>15</v>
      </c>
      <c r="DU30" s="71">
        <v>15</v>
      </c>
      <c r="DV30" s="72">
        <v>30</v>
      </c>
      <c r="DW30" s="244"/>
      <c r="DX30" s="71">
        <v>5</v>
      </c>
      <c r="DY30" s="71">
        <v>5</v>
      </c>
      <c r="DZ30" s="71">
        <v>10</v>
      </c>
      <c r="EA30" s="71">
        <v>9</v>
      </c>
      <c r="EB30" s="71">
        <v>0</v>
      </c>
      <c r="EC30" s="72">
        <v>29</v>
      </c>
      <c r="ED30" s="73">
        <v>59</v>
      </c>
      <c r="EE30" s="70">
        <v>33</v>
      </c>
      <c r="EF30" s="71">
        <v>15</v>
      </c>
      <c r="EG30" s="72">
        <v>48</v>
      </c>
      <c r="EH30" s="244"/>
      <c r="EI30" s="71">
        <v>17</v>
      </c>
      <c r="EJ30" s="71">
        <v>14</v>
      </c>
      <c r="EK30" s="71">
        <v>11</v>
      </c>
      <c r="EL30" s="71">
        <v>12</v>
      </c>
      <c r="EM30" s="71">
        <v>11</v>
      </c>
      <c r="EN30" s="72">
        <v>65</v>
      </c>
      <c r="EO30" s="73">
        <v>113</v>
      </c>
      <c r="EP30" s="70">
        <v>67</v>
      </c>
      <c r="EQ30" s="71">
        <v>53</v>
      </c>
      <c r="ER30" s="72">
        <v>120</v>
      </c>
      <c r="ES30" s="244"/>
      <c r="ET30" s="71">
        <v>43</v>
      </c>
      <c r="EU30" s="71">
        <v>25</v>
      </c>
      <c r="EV30" s="71">
        <v>26</v>
      </c>
      <c r="EW30" s="71">
        <v>19</v>
      </c>
      <c r="EX30" s="71">
        <v>21</v>
      </c>
      <c r="EY30" s="72">
        <v>134</v>
      </c>
      <c r="EZ30" s="73">
        <v>254</v>
      </c>
      <c r="FA30" s="70">
        <v>79</v>
      </c>
      <c r="FB30" s="71">
        <v>58</v>
      </c>
      <c r="FC30" s="72">
        <v>137</v>
      </c>
      <c r="FD30" s="244"/>
      <c r="FE30" s="71">
        <v>63</v>
      </c>
      <c r="FF30" s="71">
        <v>41</v>
      </c>
      <c r="FG30" s="71">
        <v>30</v>
      </c>
      <c r="FH30" s="71">
        <v>27</v>
      </c>
      <c r="FI30" s="71">
        <v>34</v>
      </c>
      <c r="FJ30" s="72">
        <v>195</v>
      </c>
      <c r="FK30" s="73">
        <v>332</v>
      </c>
      <c r="FL30" s="70">
        <v>49</v>
      </c>
      <c r="FM30" s="71">
        <v>47</v>
      </c>
      <c r="FN30" s="72">
        <v>96</v>
      </c>
      <c r="FO30" s="244"/>
      <c r="FP30" s="71">
        <v>81</v>
      </c>
      <c r="FQ30" s="71">
        <v>45</v>
      </c>
      <c r="FR30" s="71">
        <v>67</v>
      </c>
      <c r="FS30" s="71">
        <v>74</v>
      </c>
      <c r="FT30" s="71">
        <v>43</v>
      </c>
      <c r="FU30" s="72">
        <v>310</v>
      </c>
      <c r="FV30" s="73">
        <v>406</v>
      </c>
      <c r="FW30" s="70">
        <v>0</v>
      </c>
      <c r="FX30" s="71">
        <v>3</v>
      </c>
      <c r="FY30" s="72">
        <v>3</v>
      </c>
      <c r="FZ30" s="244"/>
      <c r="GA30" s="71">
        <v>4</v>
      </c>
      <c r="GB30" s="71">
        <v>5</v>
      </c>
      <c r="GC30" s="71">
        <v>2</v>
      </c>
      <c r="GD30" s="71">
        <v>1</v>
      </c>
      <c r="GE30" s="71">
        <v>2</v>
      </c>
      <c r="GF30" s="72">
        <v>14</v>
      </c>
      <c r="GG30" s="73">
        <v>17</v>
      </c>
      <c r="GH30" s="70">
        <v>245</v>
      </c>
      <c r="GI30" s="71">
        <v>196</v>
      </c>
      <c r="GJ30" s="72">
        <v>441</v>
      </c>
      <c r="GK30" s="244"/>
      <c r="GL30" s="71">
        <v>214</v>
      </c>
      <c r="GM30" s="71">
        <v>136</v>
      </c>
      <c r="GN30" s="71">
        <v>148</v>
      </c>
      <c r="GO30" s="71">
        <v>144</v>
      </c>
      <c r="GP30" s="71">
        <v>113</v>
      </c>
      <c r="GQ30" s="72">
        <v>755</v>
      </c>
      <c r="GR30" s="73">
        <v>1196</v>
      </c>
      <c r="GS30" s="123">
        <v>328</v>
      </c>
      <c r="GT30" s="82">
        <v>306</v>
      </c>
      <c r="GU30" s="83">
        <v>634</v>
      </c>
      <c r="GV30" s="241"/>
      <c r="GW30" s="82">
        <v>313</v>
      </c>
      <c r="GX30" s="82">
        <v>219</v>
      </c>
      <c r="GY30" s="82">
        <v>222</v>
      </c>
      <c r="GZ30" s="82">
        <v>213</v>
      </c>
      <c r="HA30" s="82">
        <v>142</v>
      </c>
      <c r="HB30" s="84">
        <v>1109</v>
      </c>
      <c r="HC30" s="85">
        <v>1743</v>
      </c>
      <c r="HD30" s="70">
        <v>4</v>
      </c>
      <c r="HE30" s="71">
        <v>9</v>
      </c>
      <c r="HF30" s="72">
        <v>13</v>
      </c>
      <c r="HG30" s="244"/>
      <c r="HH30" s="71">
        <v>3</v>
      </c>
      <c r="HI30" s="71">
        <v>4</v>
      </c>
      <c r="HJ30" s="71">
        <v>4</v>
      </c>
      <c r="HK30" s="71">
        <v>3</v>
      </c>
      <c r="HL30" s="71">
        <v>2</v>
      </c>
      <c r="HM30" s="72">
        <v>16</v>
      </c>
      <c r="HN30" s="73">
        <v>29</v>
      </c>
      <c r="HO30" s="70">
        <v>22</v>
      </c>
      <c r="HP30" s="71">
        <v>19</v>
      </c>
      <c r="HQ30" s="72">
        <v>41</v>
      </c>
      <c r="HR30" s="244"/>
      <c r="HS30" s="71">
        <v>13</v>
      </c>
      <c r="HT30" s="71">
        <v>20</v>
      </c>
      <c r="HU30" s="71">
        <v>17</v>
      </c>
      <c r="HV30" s="71">
        <v>19</v>
      </c>
      <c r="HW30" s="71">
        <v>3</v>
      </c>
      <c r="HX30" s="72">
        <v>72</v>
      </c>
      <c r="HY30" s="73">
        <v>113</v>
      </c>
      <c r="HZ30" s="70">
        <v>52</v>
      </c>
      <c r="IA30" s="71">
        <v>37</v>
      </c>
      <c r="IB30" s="72">
        <v>89</v>
      </c>
      <c r="IC30" s="244"/>
      <c r="ID30" s="71">
        <v>32</v>
      </c>
      <c r="IE30" s="71">
        <v>32</v>
      </c>
      <c r="IF30" s="71">
        <v>21</v>
      </c>
      <c r="IG30" s="71">
        <v>21</v>
      </c>
      <c r="IH30" s="71">
        <v>15</v>
      </c>
      <c r="II30" s="72">
        <v>121</v>
      </c>
      <c r="IJ30" s="73">
        <v>210</v>
      </c>
      <c r="IK30" s="70">
        <v>87</v>
      </c>
      <c r="IL30" s="71">
        <v>80</v>
      </c>
      <c r="IM30" s="72">
        <v>167</v>
      </c>
      <c r="IN30" s="244"/>
      <c r="IO30" s="71">
        <v>69</v>
      </c>
      <c r="IP30" s="71">
        <v>38</v>
      </c>
      <c r="IQ30" s="71">
        <v>44</v>
      </c>
      <c r="IR30" s="71">
        <v>34</v>
      </c>
      <c r="IS30" s="71">
        <v>27</v>
      </c>
      <c r="IT30" s="72">
        <v>212</v>
      </c>
      <c r="IU30" s="73">
        <v>379</v>
      </c>
      <c r="IV30" s="70">
        <v>98</v>
      </c>
      <c r="IW30" s="71">
        <v>89</v>
      </c>
      <c r="IX30" s="72">
        <v>187</v>
      </c>
      <c r="IY30" s="244"/>
      <c r="IZ30" s="71">
        <v>94</v>
      </c>
      <c r="JA30" s="71">
        <v>57</v>
      </c>
      <c r="JB30" s="71">
        <v>55</v>
      </c>
      <c r="JC30" s="71">
        <v>45</v>
      </c>
      <c r="JD30" s="71">
        <v>45</v>
      </c>
      <c r="JE30" s="72">
        <v>296</v>
      </c>
      <c r="JF30" s="73">
        <v>483</v>
      </c>
      <c r="JG30" s="70">
        <v>65</v>
      </c>
      <c r="JH30" s="71">
        <v>72</v>
      </c>
      <c r="JI30" s="72">
        <v>137</v>
      </c>
      <c r="JJ30" s="244"/>
      <c r="JK30" s="71">
        <v>102</v>
      </c>
      <c r="JL30" s="71">
        <v>68</v>
      </c>
      <c r="JM30" s="71">
        <v>81</v>
      </c>
      <c r="JN30" s="71">
        <v>91</v>
      </c>
      <c r="JO30" s="71">
        <v>50</v>
      </c>
      <c r="JP30" s="72">
        <v>392</v>
      </c>
      <c r="JQ30" s="73">
        <v>529</v>
      </c>
      <c r="JR30" s="70">
        <v>2</v>
      </c>
      <c r="JS30" s="71">
        <v>4</v>
      </c>
      <c r="JT30" s="72">
        <v>6</v>
      </c>
      <c r="JU30" s="244"/>
      <c r="JV30" s="71">
        <v>7</v>
      </c>
      <c r="JW30" s="71">
        <v>7</v>
      </c>
      <c r="JX30" s="71">
        <v>8</v>
      </c>
      <c r="JY30" s="71">
        <v>2</v>
      </c>
      <c r="JZ30" s="71">
        <v>6</v>
      </c>
      <c r="KA30" s="72">
        <v>30</v>
      </c>
      <c r="KB30" s="73">
        <v>36</v>
      </c>
      <c r="KC30" s="70">
        <v>330</v>
      </c>
      <c r="KD30" s="71">
        <v>310</v>
      </c>
      <c r="KE30" s="72">
        <v>640</v>
      </c>
      <c r="KF30" s="244"/>
      <c r="KG30" s="71">
        <v>320</v>
      </c>
      <c r="KH30" s="71">
        <v>226</v>
      </c>
      <c r="KI30" s="71">
        <v>230</v>
      </c>
      <c r="KJ30" s="71">
        <v>215</v>
      </c>
      <c r="KK30" s="71">
        <v>148</v>
      </c>
      <c r="KL30" s="72">
        <v>1139</v>
      </c>
      <c r="KM30" s="73">
        <v>1779</v>
      </c>
    </row>
    <row r="31" spans="2:299" ht="21" customHeight="1" x14ac:dyDescent="0.2">
      <c r="B31" s="126" t="s">
        <v>28</v>
      </c>
      <c r="C31" s="315">
        <v>9</v>
      </c>
      <c r="D31" s="82">
        <v>13</v>
      </c>
      <c r="E31" s="83">
        <v>22</v>
      </c>
      <c r="F31" s="241"/>
      <c r="G31" s="82">
        <v>41</v>
      </c>
      <c r="H31" s="82">
        <v>44</v>
      </c>
      <c r="I31" s="82">
        <v>27</v>
      </c>
      <c r="J31" s="82">
        <v>21</v>
      </c>
      <c r="K31" s="82">
        <v>13</v>
      </c>
      <c r="L31" s="84">
        <v>146</v>
      </c>
      <c r="M31" s="85">
        <v>168</v>
      </c>
      <c r="N31" s="70">
        <v>0</v>
      </c>
      <c r="O31" s="71">
        <v>2</v>
      </c>
      <c r="P31" s="72">
        <v>2</v>
      </c>
      <c r="Q31" s="244"/>
      <c r="R31" s="71">
        <v>2</v>
      </c>
      <c r="S31" s="71">
        <v>1</v>
      </c>
      <c r="T31" s="71">
        <v>2</v>
      </c>
      <c r="U31" s="71">
        <v>1</v>
      </c>
      <c r="V31" s="71">
        <v>1</v>
      </c>
      <c r="W31" s="72">
        <v>7</v>
      </c>
      <c r="X31" s="73">
        <v>9</v>
      </c>
      <c r="Y31" s="70">
        <v>0</v>
      </c>
      <c r="Z31" s="71">
        <v>3</v>
      </c>
      <c r="AA31" s="72">
        <v>3</v>
      </c>
      <c r="AB31" s="244"/>
      <c r="AC31" s="71">
        <v>3</v>
      </c>
      <c r="AD31" s="71">
        <v>5</v>
      </c>
      <c r="AE31" s="71">
        <v>5</v>
      </c>
      <c r="AF31" s="71">
        <v>3</v>
      </c>
      <c r="AG31" s="71">
        <v>0</v>
      </c>
      <c r="AH31" s="72">
        <v>16</v>
      </c>
      <c r="AI31" s="73">
        <v>19</v>
      </c>
      <c r="AJ31" s="70">
        <v>1</v>
      </c>
      <c r="AK31" s="71">
        <v>2</v>
      </c>
      <c r="AL31" s="72">
        <v>3</v>
      </c>
      <c r="AM31" s="244"/>
      <c r="AN31" s="71">
        <v>8</v>
      </c>
      <c r="AO31" s="71">
        <v>7</v>
      </c>
      <c r="AP31" s="71">
        <v>6</v>
      </c>
      <c r="AQ31" s="71">
        <v>3</v>
      </c>
      <c r="AR31" s="71">
        <v>3</v>
      </c>
      <c r="AS31" s="72">
        <v>27</v>
      </c>
      <c r="AT31" s="73">
        <v>30</v>
      </c>
      <c r="AU31" s="70">
        <v>3</v>
      </c>
      <c r="AV31" s="71">
        <v>1</v>
      </c>
      <c r="AW31" s="72">
        <v>4</v>
      </c>
      <c r="AX31" s="244"/>
      <c r="AY31" s="71">
        <v>10</v>
      </c>
      <c r="AZ31" s="71">
        <v>12</v>
      </c>
      <c r="BA31" s="71">
        <v>2</v>
      </c>
      <c r="BB31" s="71">
        <v>3</v>
      </c>
      <c r="BC31" s="71">
        <v>0</v>
      </c>
      <c r="BD31" s="72">
        <v>27</v>
      </c>
      <c r="BE31" s="73">
        <v>31</v>
      </c>
      <c r="BF31" s="70">
        <v>4</v>
      </c>
      <c r="BG31" s="71">
        <v>4</v>
      </c>
      <c r="BH31" s="72">
        <v>8</v>
      </c>
      <c r="BI31" s="244"/>
      <c r="BJ31" s="71">
        <v>12</v>
      </c>
      <c r="BK31" s="71">
        <v>6</v>
      </c>
      <c r="BL31" s="71">
        <v>3</v>
      </c>
      <c r="BM31" s="71">
        <v>3</v>
      </c>
      <c r="BN31" s="71">
        <v>4</v>
      </c>
      <c r="BO31" s="72">
        <v>28</v>
      </c>
      <c r="BP31" s="73">
        <v>36</v>
      </c>
      <c r="BQ31" s="70">
        <v>1</v>
      </c>
      <c r="BR31" s="71">
        <v>1</v>
      </c>
      <c r="BS31" s="72">
        <v>2</v>
      </c>
      <c r="BT31" s="244"/>
      <c r="BU31" s="71">
        <v>6</v>
      </c>
      <c r="BV31" s="71">
        <v>13</v>
      </c>
      <c r="BW31" s="71">
        <v>9</v>
      </c>
      <c r="BX31" s="71">
        <v>8</v>
      </c>
      <c r="BY31" s="71">
        <v>5</v>
      </c>
      <c r="BZ31" s="72">
        <v>41</v>
      </c>
      <c r="CA31" s="73">
        <v>43</v>
      </c>
      <c r="CB31" s="70">
        <v>0</v>
      </c>
      <c r="CC31" s="71">
        <v>1</v>
      </c>
      <c r="CD31" s="72">
        <v>1</v>
      </c>
      <c r="CE31" s="244"/>
      <c r="CF31" s="71">
        <v>0</v>
      </c>
      <c r="CG31" s="71">
        <v>4</v>
      </c>
      <c r="CH31" s="71">
        <v>0</v>
      </c>
      <c r="CI31" s="71">
        <v>0</v>
      </c>
      <c r="CJ31" s="71">
        <v>3</v>
      </c>
      <c r="CK31" s="72">
        <v>7</v>
      </c>
      <c r="CL31" s="73">
        <v>8</v>
      </c>
      <c r="CM31" s="70">
        <v>9</v>
      </c>
      <c r="CN31" s="71">
        <v>14</v>
      </c>
      <c r="CO31" s="72">
        <v>23</v>
      </c>
      <c r="CP31" s="244"/>
      <c r="CQ31" s="71">
        <v>41</v>
      </c>
      <c r="CR31" s="71">
        <v>48</v>
      </c>
      <c r="CS31" s="71">
        <v>27</v>
      </c>
      <c r="CT31" s="71">
        <v>21</v>
      </c>
      <c r="CU31" s="71">
        <v>16</v>
      </c>
      <c r="CV31" s="72">
        <v>153</v>
      </c>
      <c r="CW31" s="73">
        <v>176</v>
      </c>
      <c r="CX31" s="123">
        <v>21</v>
      </c>
      <c r="CY31" s="82">
        <v>34</v>
      </c>
      <c r="CZ31" s="83">
        <v>55</v>
      </c>
      <c r="DA31" s="241"/>
      <c r="DB31" s="82">
        <v>53</v>
      </c>
      <c r="DC31" s="82">
        <v>71</v>
      </c>
      <c r="DD31" s="82">
        <v>56</v>
      </c>
      <c r="DE31" s="82">
        <v>58</v>
      </c>
      <c r="DF31" s="82">
        <v>26</v>
      </c>
      <c r="DG31" s="84">
        <v>264</v>
      </c>
      <c r="DH31" s="85">
        <v>319</v>
      </c>
      <c r="DI31" s="70">
        <v>4</v>
      </c>
      <c r="DJ31" s="71">
        <v>0</v>
      </c>
      <c r="DK31" s="72">
        <v>4</v>
      </c>
      <c r="DL31" s="244"/>
      <c r="DM31" s="71">
        <v>1</v>
      </c>
      <c r="DN31" s="71">
        <v>2</v>
      </c>
      <c r="DO31" s="71">
        <v>1</v>
      </c>
      <c r="DP31" s="71">
        <v>0</v>
      </c>
      <c r="DQ31" s="71">
        <v>0</v>
      </c>
      <c r="DR31" s="72">
        <v>4</v>
      </c>
      <c r="DS31" s="73">
        <v>8</v>
      </c>
      <c r="DT31" s="70">
        <v>2</v>
      </c>
      <c r="DU31" s="71">
        <v>5</v>
      </c>
      <c r="DV31" s="72">
        <v>7</v>
      </c>
      <c r="DW31" s="244"/>
      <c r="DX31" s="71">
        <v>1</v>
      </c>
      <c r="DY31" s="71">
        <v>4</v>
      </c>
      <c r="DZ31" s="71">
        <v>1</v>
      </c>
      <c r="EA31" s="71">
        <v>3</v>
      </c>
      <c r="EB31" s="71">
        <v>0</v>
      </c>
      <c r="EC31" s="72">
        <v>9</v>
      </c>
      <c r="ED31" s="73">
        <v>16</v>
      </c>
      <c r="EE31" s="70">
        <v>4</v>
      </c>
      <c r="EF31" s="71">
        <v>4</v>
      </c>
      <c r="EG31" s="72">
        <v>8</v>
      </c>
      <c r="EH31" s="244"/>
      <c r="EI31" s="71">
        <v>11</v>
      </c>
      <c r="EJ31" s="71">
        <v>9</v>
      </c>
      <c r="EK31" s="71">
        <v>8</v>
      </c>
      <c r="EL31" s="71">
        <v>2</v>
      </c>
      <c r="EM31" s="71">
        <v>3</v>
      </c>
      <c r="EN31" s="72">
        <v>33</v>
      </c>
      <c r="EO31" s="73">
        <v>41</v>
      </c>
      <c r="EP31" s="70">
        <v>8</v>
      </c>
      <c r="EQ31" s="71">
        <v>12</v>
      </c>
      <c r="ER31" s="72">
        <v>20</v>
      </c>
      <c r="ES31" s="244"/>
      <c r="ET31" s="71">
        <v>9</v>
      </c>
      <c r="EU31" s="71">
        <v>15</v>
      </c>
      <c r="EV31" s="71">
        <v>12</v>
      </c>
      <c r="EW31" s="71">
        <v>7</v>
      </c>
      <c r="EX31" s="71">
        <v>9</v>
      </c>
      <c r="EY31" s="72">
        <v>52</v>
      </c>
      <c r="EZ31" s="73">
        <v>72</v>
      </c>
      <c r="FA31" s="70">
        <v>3</v>
      </c>
      <c r="FB31" s="71">
        <v>8</v>
      </c>
      <c r="FC31" s="72">
        <v>11</v>
      </c>
      <c r="FD31" s="244"/>
      <c r="FE31" s="71">
        <v>15</v>
      </c>
      <c r="FF31" s="71">
        <v>28</v>
      </c>
      <c r="FG31" s="71">
        <v>10</v>
      </c>
      <c r="FH31" s="71">
        <v>20</v>
      </c>
      <c r="FI31" s="71">
        <v>7</v>
      </c>
      <c r="FJ31" s="72">
        <v>80</v>
      </c>
      <c r="FK31" s="73">
        <v>91</v>
      </c>
      <c r="FL31" s="70">
        <v>0</v>
      </c>
      <c r="FM31" s="71">
        <v>5</v>
      </c>
      <c r="FN31" s="72">
        <v>5</v>
      </c>
      <c r="FO31" s="244"/>
      <c r="FP31" s="71">
        <v>16</v>
      </c>
      <c r="FQ31" s="71">
        <v>13</v>
      </c>
      <c r="FR31" s="71">
        <v>24</v>
      </c>
      <c r="FS31" s="71">
        <v>26</v>
      </c>
      <c r="FT31" s="71">
        <v>7</v>
      </c>
      <c r="FU31" s="72">
        <v>86</v>
      </c>
      <c r="FV31" s="73">
        <v>91</v>
      </c>
      <c r="FW31" s="70">
        <v>1</v>
      </c>
      <c r="FX31" s="71">
        <v>1</v>
      </c>
      <c r="FY31" s="72">
        <v>2</v>
      </c>
      <c r="FZ31" s="244"/>
      <c r="GA31" s="71">
        <v>1</v>
      </c>
      <c r="GB31" s="71">
        <v>1</v>
      </c>
      <c r="GC31" s="71">
        <v>0</v>
      </c>
      <c r="GD31" s="71">
        <v>0</v>
      </c>
      <c r="GE31" s="71">
        <v>2</v>
      </c>
      <c r="GF31" s="72">
        <v>4</v>
      </c>
      <c r="GG31" s="73">
        <v>6</v>
      </c>
      <c r="GH31" s="70">
        <v>22</v>
      </c>
      <c r="GI31" s="71">
        <v>35</v>
      </c>
      <c r="GJ31" s="72">
        <v>57</v>
      </c>
      <c r="GK31" s="244"/>
      <c r="GL31" s="71">
        <v>54</v>
      </c>
      <c r="GM31" s="71">
        <v>72</v>
      </c>
      <c r="GN31" s="71">
        <v>56</v>
      </c>
      <c r="GO31" s="71">
        <v>58</v>
      </c>
      <c r="GP31" s="71">
        <v>28</v>
      </c>
      <c r="GQ31" s="72">
        <v>268</v>
      </c>
      <c r="GR31" s="73">
        <v>325</v>
      </c>
      <c r="GS31" s="123">
        <v>30</v>
      </c>
      <c r="GT31" s="82">
        <v>47</v>
      </c>
      <c r="GU31" s="83">
        <v>77</v>
      </c>
      <c r="GV31" s="241"/>
      <c r="GW31" s="82">
        <v>94</v>
      </c>
      <c r="GX31" s="82">
        <v>115</v>
      </c>
      <c r="GY31" s="82">
        <v>83</v>
      </c>
      <c r="GZ31" s="82">
        <v>79</v>
      </c>
      <c r="HA31" s="82">
        <v>39</v>
      </c>
      <c r="HB31" s="84">
        <v>410</v>
      </c>
      <c r="HC31" s="85">
        <v>487</v>
      </c>
      <c r="HD31" s="70">
        <v>4</v>
      </c>
      <c r="HE31" s="71">
        <v>2</v>
      </c>
      <c r="HF31" s="72">
        <v>6</v>
      </c>
      <c r="HG31" s="244"/>
      <c r="HH31" s="71">
        <v>3</v>
      </c>
      <c r="HI31" s="71">
        <v>3</v>
      </c>
      <c r="HJ31" s="71">
        <v>3</v>
      </c>
      <c r="HK31" s="71">
        <v>1</v>
      </c>
      <c r="HL31" s="71">
        <v>1</v>
      </c>
      <c r="HM31" s="72">
        <v>11</v>
      </c>
      <c r="HN31" s="73">
        <v>17</v>
      </c>
      <c r="HO31" s="70">
        <v>2</v>
      </c>
      <c r="HP31" s="71">
        <v>8</v>
      </c>
      <c r="HQ31" s="72">
        <v>10</v>
      </c>
      <c r="HR31" s="244"/>
      <c r="HS31" s="71">
        <v>4</v>
      </c>
      <c r="HT31" s="71">
        <v>9</v>
      </c>
      <c r="HU31" s="71">
        <v>6</v>
      </c>
      <c r="HV31" s="71">
        <v>6</v>
      </c>
      <c r="HW31" s="71">
        <v>0</v>
      </c>
      <c r="HX31" s="72">
        <v>25</v>
      </c>
      <c r="HY31" s="73">
        <v>35</v>
      </c>
      <c r="HZ31" s="70">
        <v>5</v>
      </c>
      <c r="IA31" s="71">
        <v>6</v>
      </c>
      <c r="IB31" s="72">
        <v>11</v>
      </c>
      <c r="IC31" s="244"/>
      <c r="ID31" s="71">
        <v>19</v>
      </c>
      <c r="IE31" s="71">
        <v>16</v>
      </c>
      <c r="IF31" s="71">
        <v>14</v>
      </c>
      <c r="IG31" s="71">
        <v>5</v>
      </c>
      <c r="IH31" s="71">
        <v>6</v>
      </c>
      <c r="II31" s="72">
        <v>60</v>
      </c>
      <c r="IJ31" s="73">
        <v>71</v>
      </c>
      <c r="IK31" s="70">
        <v>11</v>
      </c>
      <c r="IL31" s="71">
        <v>13</v>
      </c>
      <c r="IM31" s="72">
        <v>24</v>
      </c>
      <c r="IN31" s="244"/>
      <c r="IO31" s="71">
        <v>19</v>
      </c>
      <c r="IP31" s="71">
        <v>27</v>
      </c>
      <c r="IQ31" s="71">
        <v>14</v>
      </c>
      <c r="IR31" s="71">
        <v>10</v>
      </c>
      <c r="IS31" s="71">
        <v>9</v>
      </c>
      <c r="IT31" s="72">
        <v>79</v>
      </c>
      <c r="IU31" s="73">
        <v>103</v>
      </c>
      <c r="IV31" s="70">
        <v>7</v>
      </c>
      <c r="IW31" s="71">
        <v>12</v>
      </c>
      <c r="IX31" s="72">
        <v>19</v>
      </c>
      <c r="IY31" s="244"/>
      <c r="IZ31" s="71">
        <v>27</v>
      </c>
      <c r="JA31" s="71">
        <v>34</v>
      </c>
      <c r="JB31" s="71">
        <v>13</v>
      </c>
      <c r="JC31" s="71">
        <v>23</v>
      </c>
      <c r="JD31" s="71">
        <v>11</v>
      </c>
      <c r="JE31" s="72">
        <v>108</v>
      </c>
      <c r="JF31" s="73">
        <v>127</v>
      </c>
      <c r="JG31" s="70">
        <v>1</v>
      </c>
      <c r="JH31" s="71">
        <v>6</v>
      </c>
      <c r="JI31" s="72">
        <v>7</v>
      </c>
      <c r="JJ31" s="244"/>
      <c r="JK31" s="71">
        <v>22</v>
      </c>
      <c r="JL31" s="71">
        <v>26</v>
      </c>
      <c r="JM31" s="71">
        <v>33</v>
      </c>
      <c r="JN31" s="71">
        <v>34</v>
      </c>
      <c r="JO31" s="71">
        <v>12</v>
      </c>
      <c r="JP31" s="72">
        <v>127</v>
      </c>
      <c r="JQ31" s="73">
        <v>134</v>
      </c>
      <c r="JR31" s="70">
        <v>1</v>
      </c>
      <c r="JS31" s="71">
        <v>2</v>
      </c>
      <c r="JT31" s="72">
        <v>3</v>
      </c>
      <c r="JU31" s="244"/>
      <c r="JV31" s="71">
        <v>1</v>
      </c>
      <c r="JW31" s="71">
        <v>5</v>
      </c>
      <c r="JX31" s="71">
        <v>0</v>
      </c>
      <c r="JY31" s="71">
        <v>0</v>
      </c>
      <c r="JZ31" s="71">
        <v>5</v>
      </c>
      <c r="KA31" s="72">
        <v>11</v>
      </c>
      <c r="KB31" s="73">
        <v>14</v>
      </c>
      <c r="KC31" s="70">
        <v>31</v>
      </c>
      <c r="KD31" s="71">
        <v>49</v>
      </c>
      <c r="KE31" s="72">
        <v>80</v>
      </c>
      <c r="KF31" s="244"/>
      <c r="KG31" s="71">
        <v>95</v>
      </c>
      <c r="KH31" s="71">
        <v>120</v>
      </c>
      <c r="KI31" s="71">
        <v>83</v>
      </c>
      <c r="KJ31" s="71">
        <v>79</v>
      </c>
      <c r="KK31" s="71">
        <v>44</v>
      </c>
      <c r="KL31" s="72">
        <v>421</v>
      </c>
      <c r="KM31" s="73">
        <v>501</v>
      </c>
    </row>
    <row r="32" spans="2:299" ht="21" customHeight="1" x14ac:dyDescent="0.2">
      <c r="B32" s="126" t="s">
        <v>29</v>
      </c>
      <c r="C32" s="315">
        <v>30</v>
      </c>
      <c r="D32" s="82">
        <v>28</v>
      </c>
      <c r="E32" s="83">
        <v>58</v>
      </c>
      <c r="F32" s="241"/>
      <c r="G32" s="82">
        <v>47</v>
      </c>
      <c r="H32" s="82">
        <v>45</v>
      </c>
      <c r="I32" s="82">
        <v>40</v>
      </c>
      <c r="J32" s="82">
        <v>37</v>
      </c>
      <c r="K32" s="82">
        <v>17</v>
      </c>
      <c r="L32" s="84">
        <v>186</v>
      </c>
      <c r="M32" s="85">
        <v>244</v>
      </c>
      <c r="N32" s="70">
        <v>2</v>
      </c>
      <c r="O32" s="71">
        <v>0</v>
      </c>
      <c r="P32" s="72">
        <v>2</v>
      </c>
      <c r="Q32" s="244"/>
      <c r="R32" s="71">
        <v>3</v>
      </c>
      <c r="S32" s="71">
        <v>0</v>
      </c>
      <c r="T32" s="71">
        <v>3</v>
      </c>
      <c r="U32" s="71">
        <v>1</v>
      </c>
      <c r="V32" s="71">
        <v>0</v>
      </c>
      <c r="W32" s="72">
        <v>7</v>
      </c>
      <c r="X32" s="73">
        <v>9</v>
      </c>
      <c r="Y32" s="70">
        <v>4</v>
      </c>
      <c r="Z32" s="71">
        <v>5</v>
      </c>
      <c r="AA32" s="72">
        <v>9</v>
      </c>
      <c r="AB32" s="244"/>
      <c r="AC32" s="71">
        <v>10</v>
      </c>
      <c r="AD32" s="71">
        <v>4</v>
      </c>
      <c r="AE32" s="71">
        <v>5</v>
      </c>
      <c r="AF32" s="71">
        <v>4</v>
      </c>
      <c r="AG32" s="71">
        <v>2</v>
      </c>
      <c r="AH32" s="72">
        <v>25</v>
      </c>
      <c r="AI32" s="73">
        <v>34</v>
      </c>
      <c r="AJ32" s="70">
        <v>5</v>
      </c>
      <c r="AK32" s="71">
        <v>3</v>
      </c>
      <c r="AL32" s="72">
        <v>8</v>
      </c>
      <c r="AM32" s="244"/>
      <c r="AN32" s="71">
        <v>12</v>
      </c>
      <c r="AO32" s="71">
        <v>11</v>
      </c>
      <c r="AP32" s="71">
        <v>6</v>
      </c>
      <c r="AQ32" s="71">
        <v>6</v>
      </c>
      <c r="AR32" s="71">
        <v>1</v>
      </c>
      <c r="AS32" s="72">
        <v>36</v>
      </c>
      <c r="AT32" s="73">
        <v>44</v>
      </c>
      <c r="AU32" s="70">
        <v>8</v>
      </c>
      <c r="AV32" s="71">
        <v>8</v>
      </c>
      <c r="AW32" s="72">
        <v>16</v>
      </c>
      <c r="AX32" s="244"/>
      <c r="AY32" s="71">
        <v>6</v>
      </c>
      <c r="AZ32" s="71">
        <v>10</v>
      </c>
      <c r="BA32" s="71">
        <v>8</v>
      </c>
      <c r="BB32" s="71">
        <v>9</v>
      </c>
      <c r="BC32" s="71">
        <v>8</v>
      </c>
      <c r="BD32" s="72">
        <v>41</v>
      </c>
      <c r="BE32" s="73">
        <v>57</v>
      </c>
      <c r="BF32" s="70">
        <v>5</v>
      </c>
      <c r="BG32" s="71">
        <v>10</v>
      </c>
      <c r="BH32" s="72">
        <v>15</v>
      </c>
      <c r="BI32" s="244"/>
      <c r="BJ32" s="71">
        <v>10</v>
      </c>
      <c r="BK32" s="71">
        <v>8</v>
      </c>
      <c r="BL32" s="71">
        <v>9</v>
      </c>
      <c r="BM32" s="71">
        <v>10</v>
      </c>
      <c r="BN32" s="71">
        <v>5</v>
      </c>
      <c r="BO32" s="72">
        <v>42</v>
      </c>
      <c r="BP32" s="73">
        <v>57</v>
      </c>
      <c r="BQ32" s="70">
        <v>6</v>
      </c>
      <c r="BR32" s="71">
        <v>2</v>
      </c>
      <c r="BS32" s="72">
        <v>8</v>
      </c>
      <c r="BT32" s="244"/>
      <c r="BU32" s="71">
        <v>6</v>
      </c>
      <c r="BV32" s="71">
        <v>12</v>
      </c>
      <c r="BW32" s="71">
        <v>9</v>
      </c>
      <c r="BX32" s="71">
        <v>7</v>
      </c>
      <c r="BY32" s="71">
        <v>1</v>
      </c>
      <c r="BZ32" s="72">
        <v>35</v>
      </c>
      <c r="CA32" s="73">
        <v>43</v>
      </c>
      <c r="CB32" s="70">
        <v>2</v>
      </c>
      <c r="CC32" s="71">
        <v>1</v>
      </c>
      <c r="CD32" s="72">
        <v>3</v>
      </c>
      <c r="CE32" s="244"/>
      <c r="CF32" s="71">
        <v>1</v>
      </c>
      <c r="CG32" s="71">
        <v>5</v>
      </c>
      <c r="CH32" s="71">
        <v>2</v>
      </c>
      <c r="CI32" s="71">
        <v>1</v>
      </c>
      <c r="CJ32" s="71">
        <v>1</v>
      </c>
      <c r="CK32" s="72">
        <v>10</v>
      </c>
      <c r="CL32" s="73">
        <v>13</v>
      </c>
      <c r="CM32" s="70">
        <v>32</v>
      </c>
      <c r="CN32" s="71">
        <v>29</v>
      </c>
      <c r="CO32" s="72">
        <v>61</v>
      </c>
      <c r="CP32" s="244"/>
      <c r="CQ32" s="71">
        <v>48</v>
      </c>
      <c r="CR32" s="71">
        <v>50</v>
      </c>
      <c r="CS32" s="71">
        <v>42</v>
      </c>
      <c r="CT32" s="71">
        <v>38</v>
      </c>
      <c r="CU32" s="71">
        <v>18</v>
      </c>
      <c r="CV32" s="72">
        <v>196</v>
      </c>
      <c r="CW32" s="73">
        <v>257</v>
      </c>
      <c r="CX32" s="123">
        <v>43</v>
      </c>
      <c r="CY32" s="82">
        <v>43</v>
      </c>
      <c r="CZ32" s="83">
        <v>86</v>
      </c>
      <c r="DA32" s="241"/>
      <c r="DB32" s="82">
        <v>97</v>
      </c>
      <c r="DC32" s="82">
        <v>77</v>
      </c>
      <c r="DD32" s="82">
        <v>73</v>
      </c>
      <c r="DE32" s="82">
        <v>70</v>
      </c>
      <c r="DF32" s="82">
        <v>55</v>
      </c>
      <c r="DG32" s="84">
        <v>372</v>
      </c>
      <c r="DH32" s="85">
        <v>458</v>
      </c>
      <c r="DI32" s="70">
        <v>3</v>
      </c>
      <c r="DJ32" s="71">
        <v>3</v>
      </c>
      <c r="DK32" s="72">
        <v>6</v>
      </c>
      <c r="DL32" s="244"/>
      <c r="DM32" s="71">
        <v>2</v>
      </c>
      <c r="DN32" s="71">
        <v>2</v>
      </c>
      <c r="DO32" s="71">
        <v>1</v>
      </c>
      <c r="DP32" s="71">
        <v>0</v>
      </c>
      <c r="DQ32" s="71">
        <v>3</v>
      </c>
      <c r="DR32" s="72">
        <v>8</v>
      </c>
      <c r="DS32" s="73">
        <v>14</v>
      </c>
      <c r="DT32" s="70">
        <v>2</v>
      </c>
      <c r="DU32" s="71">
        <v>4</v>
      </c>
      <c r="DV32" s="72">
        <v>6</v>
      </c>
      <c r="DW32" s="244"/>
      <c r="DX32" s="71">
        <v>5</v>
      </c>
      <c r="DY32" s="71">
        <v>4</v>
      </c>
      <c r="DZ32" s="71">
        <v>3</v>
      </c>
      <c r="EA32" s="71">
        <v>5</v>
      </c>
      <c r="EB32" s="71">
        <v>2</v>
      </c>
      <c r="EC32" s="72">
        <v>19</v>
      </c>
      <c r="ED32" s="73">
        <v>25</v>
      </c>
      <c r="EE32" s="70">
        <v>8</v>
      </c>
      <c r="EF32" s="71">
        <v>3</v>
      </c>
      <c r="EG32" s="72">
        <v>11</v>
      </c>
      <c r="EH32" s="244"/>
      <c r="EI32" s="71">
        <v>12</v>
      </c>
      <c r="EJ32" s="71">
        <v>5</v>
      </c>
      <c r="EK32" s="71">
        <v>4</v>
      </c>
      <c r="EL32" s="71">
        <v>3</v>
      </c>
      <c r="EM32" s="71">
        <v>4</v>
      </c>
      <c r="EN32" s="72">
        <v>28</v>
      </c>
      <c r="EO32" s="73">
        <v>39</v>
      </c>
      <c r="EP32" s="70">
        <v>12</v>
      </c>
      <c r="EQ32" s="71">
        <v>16</v>
      </c>
      <c r="ER32" s="72">
        <v>28</v>
      </c>
      <c r="ES32" s="244"/>
      <c r="ET32" s="71">
        <v>28</v>
      </c>
      <c r="EU32" s="71">
        <v>19</v>
      </c>
      <c r="EV32" s="71">
        <v>16</v>
      </c>
      <c r="EW32" s="71">
        <v>11</v>
      </c>
      <c r="EX32" s="71">
        <v>9</v>
      </c>
      <c r="EY32" s="72">
        <v>83</v>
      </c>
      <c r="EZ32" s="73">
        <v>111</v>
      </c>
      <c r="FA32" s="70">
        <v>14</v>
      </c>
      <c r="FB32" s="71">
        <v>9</v>
      </c>
      <c r="FC32" s="72">
        <v>23</v>
      </c>
      <c r="FD32" s="244"/>
      <c r="FE32" s="71">
        <v>25</v>
      </c>
      <c r="FF32" s="71">
        <v>20</v>
      </c>
      <c r="FG32" s="71">
        <v>19</v>
      </c>
      <c r="FH32" s="71">
        <v>19</v>
      </c>
      <c r="FI32" s="71">
        <v>16</v>
      </c>
      <c r="FJ32" s="72">
        <v>99</v>
      </c>
      <c r="FK32" s="73">
        <v>122</v>
      </c>
      <c r="FL32" s="70">
        <v>4</v>
      </c>
      <c r="FM32" s="71">
        <v>8</v>
      </c>
      <c r="FN32" s="72">
        <v>12</v>
      </c>
      <c r="FO32" s="244"/>
      <c r="FP32" s="71">
        <v>25</v>
      </c>
      <c r="FQ32" s="71">
        <v>27</v>
      </c>
      <c r="FR32" s="71">
        <v>30</v>
      </c>
      <c r="FS32" s="71">
        <v>32</v>
      </c>
      <c r="FT32" s="71">
        <v>21</v>
      </c>
      <c r="FU32" s="72">
        <v>135</v>
      </c>
      <c r="FV32" s="73">
        <v>147</v>
      </c>
      <c r="FW32" s="70">
        <v>0</v>
      </c>
      <c r="FX32" s="71">
        <v>2</v>
      </c>
      <c r="FY32" s="72">
        <v>2</v>
      </c>
      <c r="FZ32" s="244"/>
      <c r="GA32" s="71">
        <v>2</v>
      </c>
      <c r="GB32" s="71">
        <v>1</v>
      </c>
      <c r="GC32" s="71">
        <v>1</v>
      </c>
      <c r="GD32" s="71">
        <v>0</v>
      </c>
      <c r="GE32" s="71">
        <v>0</v>
      </c>
      <c r="GF32" s="72">
        <v>4</v>
      </c>
      <c r="GG32" s="73">
        <v>6</v>
      </c>
      <c r="GH32" s="70">
        <v>43</v>
      </c>
      <c r="GI32" s="71">
        <v>45</v>
      </c>
      <c r="GJ32" s="72">
        <v>88</v>
      </c>
      <c r="GK32" s="244"/>
      <c r="GL32" s="71">
        <v>99</v>
      </c>
      <c r="GM32" s="71">
        <v>78</v>
      </c>
      <c r="GN32" s="71">
        <v>74</v>
      </c>
      <c r="GO32" s="71">
        <v>70</v>
      </c>
      <c r="GP32" s="71">
        <v>55</v>
      </c>
      <c r="GQ32" s="72">
        <v>376</v>
      </c>
      <c r="GR32" s="73">
        <v>464</v>
      </c>
      <c r="GS32" s="123">
        <v>73</v>
      </c>
      <c r="GT32" s="82">
        <v>71</v>
      </c>
      <c r="GU32" s="83">
        <v>144</v>
      </c>
      <c r="GV32" s="241"/>
      <c r="GW32" s="82">
        <v>144</v>
      </c>
      <c r="GX32" s="82">
        <v>122</v>
      </c>
      <c r="GY32" s="82">
        <v>113</v>
      </c>
      <c r="GZ32" s="82">
        <v>107</v>
      </c>
      <c r="HA32" s="82">
        <v>72</v>
      </c>
      <c r="HB32" s="84">
        <v>558</v>
      </c>
      <c r="HC32" s="85">
        <v>702</v>
      </c>
      <c r="HD32" s="70">
        <v>5</v>
      </c>
      <c r="HE32" s="71">
        <v>3</v>
      </c>
      <c r="HF32" s="72">
        <v>8</v>
      </c>
      <c r="HG32" s="244"/>
      <c r="HH32" s="71">
        <v>5</v>
      </c>
      <c r="HI32" s="71">
        <v>2</v>
      </c>
      <c r="HJ32" s="71">
        <v>4</v>
      </c>
      <c r="HK32" s="71">
        <v>1</v>
      </c>
      <c r="HL32" s="71">
        <v>3</v>
      </c>
      <c r="HM32" s="72">
        <v>15</v>
      </c>
      <c r="HN32" s="73">
        <v>23</v>
      </c>
      <c r="HO32" s="70">
        <v>6</v>
      </c>
      <c r="HP32" s="71">
        <v>9</v>
      </c>
      <c r="HQ32" s="72">
        <v>15</v>
      </c>
      <c r="HR32" s="244"/>
      <c r="HS32" s="71">
        <v>15</v>
      </c>
      <c r="HT32" s="71">
        <v>8</v>
      </c>
      <c r="HU32" s="71">
        <v>8</v>
      </c>
      <c r="HV32" s="71">
        <v>9</v>
      </c>
      <c r="HW32" s="71">
        <v>4</v>
      </c>
      <c r="HX32" s="72">
        <v>44</v>
      </c>
      <c r="HY32" s="73">
        <v>59</v>
      </c>
      <c r="HZ32" s="70">
        <v>13</v>
      </c>
      <c r="IA32" s="71">
        <v>6</v>
      </c>
      <c r="IB32" s="72">
        <v>19</v>
      </c>
      <c r="IC32" s="244"/>
      <c r="ID32" s="71">
        <v>24</v>
      </c>
      <c r="IE32" s="71">
        <v>16</v>
      </c>
      <c r="IF32" s="71">
        <v>10</v>
      </c>
      <c r="IG32" s="71">
        <v>9</v>
      </c>
      <c r="IH32" s="71">
        <v>5</v>
      </c>
      <c r="II32" s="72">
        <v>64</v>
      </c>
      <c r="IJ32" s="73">
        <v>83</v>
      </c>
      <c r="IK32" s="70">
        <v>20</v>
      </c>
      <c r="IL32" s="71">
        <v>24</v>
      </c>
      <c r="IM32" s="72">
        <v>44</v>
      </c>
      <c r="IN32" s="244"/>
      <c r="IO32" s="71">
        <v>34</v>
      </c>
      <c r="IP32" s="71">
        <v>29</v>
      </c>
      <c r="IQ32" s="71">
        <v>24</v>
      </c>
      <c r="IR32" s="71">
        <v>20</v>
      </c>
      <c r="IS32" s="71">
        <v>17</v>
      </c>
      <c r="IT32" s="72">
        <v>124</v>
      </c>
      <c r="IU32" s="73">
        <v>168</v>
      </c>
      <c r="IV32" s="70">
        <v>19</v>
      </c>
      <c r="IW32" s="71">
        <v>19</v>
      </c>
      <c r="IX32" s="72">
        <v>38</v>
      </c>
      <c r="IY32" s="244"/>
      <c r="IZ32" s="71">
        <v>35</v>
      </c>
      <c r="JA32" s="71">
        <v>28</v>
      </c>
      <c r="JB32" s="71">
        <v>28</v>
      </c>
      <c r="JC32" s="71">
        <v>29</v>
      </c>
      <c r="JD32" s="71">
        <v>21</v>
      </c>
      <c r="JE32" s="72">
        <v>141</v>
      </c>
      <c r="JF32" s="73">
        <v>179</v>
      </c>
      <c r="JG32" s="70">
        <v>10</v>
      </c>
      <c r="JH32" s="71">
        <v>10</v>
      </c>
      <c r="JI32" s="72">
        <v>20</v>
      </c>
      <c r="JJ32" s="244"/>
      <c r="JK32" s="71">
        <v>31</v>
      </c>
      <c r="JL32" s="71">
        <v>39</v>
      </c>
      <c r="JM32" s="71">
        <v>39</v>
      </c>
      <c r="JN32" s="71">
        <v>39</v>
      </c>
      <c r="JO32" s="71">
        <v>22</v>
      </c>
      <c r="JP32" s="72">
        <v>170</v>
      </c>
      <c r="JQ32" s="73">
        <v>190</v>
      </c>
      <c r="JR32" s="70">
        <v>2</v>
      </c>
      <c r="JS32" s="71">
        <v>3</v>
      </c>
      <c r="JT32" s="72">
        <v>5</v>
      </c>
      <c r="JU32" s="244"/>
      <c r="JV32" s="71">
        <v>3</v>
      </c>
      <c r="JW32" s="71">
        <v>6</v>
      </c>
      <c r="JX32" s="71">
        <v>3</v>
      </c>
      <c r="JY32" s="71">
        <v>1</v>
      </c>
      <c r="JZ32" s="71">
        <v>1</v>
      </c>
      <c r="KA32" s="72">
        <v>14</v>
      </c>
      <c r="KB32" s="73">
        <v>19</v>
      </c>
      <c r="KC32" s="70">
        <v>75</v>
      </c>
      <c r="KD32" s="71">
        <v>74</v>
      </c>
      <c r="KE32" s="72">
        <v>149</v>
      </c>
      <c r="KF32" s="244"/>
      <c r="KG32" s="71">
        <v>147</v>
      </c>
      <c r="KH32" s="71">
        <v>128</v>
      </c>
      <c r="KI32" s="71">
        <v>116</v>
      </c>
      <c r="KJ32" s="71">
        <v>108</v>
      </c>
      <c r="KK32" s="71">
        <v>73</v>
      </c>
      <c r="KL32" s="72">
        <v>572</v>
      </c>
      <c r="KM32" s="73">
        <v>721</v>
      </c>
    </row>
    <row r="33" spans="2:299" ht="21" customHeight="1" x14ac:dyDescent="0.2">
      <c r="B33" s="126" t="s">
        <v>30</v>
      </c>
      <c r="C33" s="315">
        <v>22</v>
      </c>
      <c r="D33" s="82">
        <v>15</v>
      </c>
      <c r="E33" s="83">
        <v>37</v>
      </c>
      <c r="F33" s="241"/>
      <c r="G33" s="82">
        <v>38</v>
      </c>
      <c r="H33" s="82">
        <v>31</v>
      </c>
      <c r="I33" s="82">
        <v>24</v>
      </c>
      <c r="J33" s="82">
        <v>33</v>
      </c>
      <c r="K33" s="82">
        <v>10</v>
      </c>
      <c r="L33" s="84">
        <v>136</v>
      </c>
      <c r="M33" s="85">
        <v>173</v>
      </c>
      <c r="N33" s="70">
        <v>2</v>
      </c>
      <c r="O33" s="71">
        <v>1</v>
      </c>
      <c r="P33" s="72">
        <v>3</v>
      </c>
      <c r="Q33" s="244"/>
      <c r="R33" s="71">
        <v>2</v>
      </c>
      <c r="S33" s="71">
        <v>3</v>
      </c>
      <c r="T33" s="71">
        <v>2</v>
      </c>
      <c r="U33" s="71">
        <v>2</v>
      </c>
      <c r="V33" s="71">
        <v>1</v>
      </c>
      <c r="W33" s="72">
        <v>10</v>
      </c>
      <c r="X33" s="73">
        <v>13</v>
      </c>
      <c r="Y33" s="70">
        <v>5</v>
      </c>
      <c r="Z33" s="71">
        <v>1</v>
      </c>
      <c r="AA33" s="72">
        <v>6</v>
      </c>
      <c r="AB33" s="244"/>
      <c r="AC33" s="71">
        <v>6</v>
      </c>
      <c r="AD33" s="71">
        <v>5</v>
      </c>
      <c r="AE33" s="71">
        <v>0</v>
      </c>
      <c r="AF33" s="71">
        <v>3</v>
      </c>
      <c r="AG33" s="71">
        <v>2</v>
      </c>
      <c r="AH33" s="72">
        <v>16</v>
      </c>
      <c r="AI33" s="73">
        <v>22</v>
      </c>
      <c r="AJ33" s="70">
        <v>2</v>
      </c>
      <c r="AK33" s="71">
        <v>2</v>
      </c>
      <c r="AL33" s="72">
        <v>4</v>
      </c>
      <c r="AM33" s="244"/>
      <c r="AN33" s="71">
        <v>2</v>
      </c>
      <c r="AO33" s="71">
        <v>5</v>
      </c>
      <c r="AP33" s="71">
        <v>4</v>
      </c>
      <c r="AQ33" s="71">
        <v>6</v>
      </c>
      <c r="AR33" s="71">
        <v>0</v>
      </c>
      <c r="AS33" s="72">
        <v>17</v>
      </c>
      <c r="AT33" s="73">
        <v>21</v>
      </c>
      <c r="AU33" s="70">
        <v>3</v>
      </c>
      <c r="AV33" s="71">
        <v>6</v>
      </c>
      <c r="AW33" s="72">
        <v>9</v>
      </c>
      <c r="AX33" s="244"/>
      <c r="AY33" s="71">
        <v>8</v>
      </c>
      <c r="AZ33" s="71">
        <v>7</v>
      </c>
      <c r="BA33" s="71">
        <v>6</v>
      </c>
      <c r="BB33" s="71">
        <v>7</v>
      </c>
      <c r="BC33" s="71">
        <v>0</v>
      </c>
      <c r="BD33" s="72">
        <v>28</v>
      </c>
      <c r="BE33" s="73">
        <v>37</v>
      </c>
      <c r="BF33" s="70">
        <v>7</v>
      </c>
      <c r="BG33" s="71">
        <v>1</v>
      </c>
      <c r="BH33" s="72">
        <v>8</v>
      </c>
      <c r="BI33" s="244"/>
      <c r="BJ33" s="71">
        <v>11</v>
      </c>
      <c r="BK33" s="71">
        <v>5</v>
      </c>
      <c r="BL33" s="71">
        <v>5</v>
      </c>
      <c r="BM33" s="71">
        <v>9</v>
      </c>
      <c r="BN33" s="71">
        <v>3</v>
      </c>
      <c r="BO33" s="72">
        <v>33</v>
      </c>
      <c r="BP33" s="73">
        <v>41</v>
      </c>
      <c r="BQ33" s="70">
        <v>3</v>
      </c>
      <c r="BR33" s="71">
        <v>4</v>
      </c>
      <c r="BS33" s="72">
        <v>7</v>
      </c>
      <c r="BT33" s="244"/>
      <c r="BU33" s="71">
        <v>9</v>
      </c>
      <c r="BV33" s="71">
        <v>6</v>
      </c>
      <c r="BW33" s="71">
        <v>7</v>
      </c>
      <c r="BX33" s="71">
        <v>6</v>
      </c>
      <c r="BY33" s="71">
        <v>4</v>
      </c>
      <c r="BZ33" s="72">
        <v>32</v>
      </c>
      <c r="CA33" s="73">
        <v>39</v>
      </c>
      <c r="CB33" s="70">
        <v>0</v>
      </c>
      <c r="CC33" s="71">
        <v>0</v>
      </c>
      <c r="CD33" s="72">
        <v>0</v>
      </c>
      <c r="CE33" s="244"/>
      <c r="CF33" s="71">
        <v>1</v>
      </c>
      <c r="CG33" s="71">
        <v>0</v>
      </c>
      <c r="CH33" s="71">
        <v>3</v>
      </c>
      <c r="CI33" s="71">
        <v>1</v>
      </c>
      <c r="CJ33" s="71">
        <v>2</v>
      </c>
      <c r="CK33" s="72">
        <v>7</v>
      </c>
      <c r="CL33" s="73">
        <v>7</v>
      </c>
      <c r="CM33" s="70">
        <v>22</v>
      </c>
      <c r="CN33" s="71">
        <v>15</v>
      </c>
      <c r="CO33" s="72">
        <v>37</v>
      </c>
      <c r="CP33" s="244"/>
      <c r="CQ33" s="71">
        <v>39</v>
      </c>
      <c r="CR33" s="71">
        <v>31</v>
      </c>
      <c r="CS33" s="71">
        <v>27</v>
      </c>
      <c r="CT33" s="71">
        <v>34</v>
      </c>
      <c r="CU33" s="71">
        <v>12</v>
      </c>
      <c r="CV33" s="72">
        <v>143</v>
      </c>
      <c r="CW33" s="73">
        <v>180</v>
      </c>
      <c r="CX33" s="123">
        <v>51</v>
      </c>
      <c r="CY33" s="82">
        <v>36</v>
      </c>
      <c r="CZ33" s="83">
        <v>87</v>
      </c>
      <c r="DA33" s="241"/>
      <c r="DB33" s="82">
        <v>87</v>
      </c>
      <c r="DC33" s="82">
        <v>62</v>
      </c>
      <c r="DD33" s="82">
        <v>83</v>
      </c>
      <c r="DE33" s="82">
        <v>75</v>
      </c>
      <c r="DF33" s="82">
        <v>32</v>
      </c>
      <c r="DG33" s="84">
        <v>339</v>
      </c>
      <c r="DH33" s="85">
        <v>426</v>
      </c>
      <c r="DI33" s="70">
        <v>1</v>
      </c>
      <c r="DJ33" s="71">
        <v>0</v>
      </c>
      <c r="DK33" s="72">
        <v>1</v>
      </c>
      <c r="DL33" s="244"/>
      <c r="DM33" s="71">
        <v>1</v>
      </c>
      <c r="DN33" s="71">
        <v>0</v>
      </c>
      <c r="DO33" s="71">
        <v>2</v>
      </c>
      <c r="DP33" s="71">
        <v>1</v>
      </c>
      <c r="DQ33" s="71">
        <v>1</v>
      </c>
      <c r="DR33" s="72">
        <v>5</v>
      </c>
      <c r="DS33" s="73">
        <v>6</v>
      </c>
      <c r="DT33" s="70">
        <v>4</v>
      </c>
      <c r="DU33" s="71">
        <v>2</v>
      </c>
      <c r="DV33" s="72">
        <v>6</v>
      </c>
      <c r="DW33" s="244"/>
      <c r="DX33" s="71">
        <v>2</v>
      </c>
      <c r="DY33" s="71">
        <v>4</v>
      </c>
      <c r="DZ33" s="71">
        <v>2</v>
      </c>
      <c r="EA33" s="71">
        <v>3</v>
      </c>
      <c r="EB33" s="71">
        <v>2</v>
      </c>
      <c r="EC33" s="72">
        <v>13</v>
      </c>
      <c r="ED33" s="73">
        <v>19</v>
      </c>
      <c r="EE33" s="70">
        <v>10</v>
      </c>
      <c r="EF33" s="71">
        <v>2</v>
      </c>
      <c r="EG33" s="72">
        <v>12</v>
      </c>
      <c r="EH33" s="244"/>
      <c r="EI33" s="71">
        <v>14</v>
      </c>
      <c r="EJ33" s="71">
        <v>7</v>
      </c>
      <c r="EK33" s="71">
        <v>12</v>
      </c>
      <c r="EL33" s="71">
        <v>3</v>
      </c>
      <c r="EM33" s="71">
        <v>2</v>
      </c>
      <c r="EN33" s="72">
        <v>38</v>
      </c>
      <c r="EO33" s="73">
        <v>50</v>
      </c>
      <c r="EP33" s="70">
        <v>14</v>
      </c>
      <c r="EQ33" s="71">
        <v>7</v>
      </c>
      <c r="ER33" s="72">
        <v>21</v>
      </c>
      <c r="ES33" s="244"/>
      <c r="ET33" s="71">
        <v>23</v>
      </c>
      <c r="EU33" s="71">
        <v>11</v>
      </c>
      <c r="EV33" s="71">
        <v>15</v>
      </c>
      <c r="EW33" s="71">
        <v>10</v>
      </c>
      <c r="EX33" s="71">
        <v>5</v>
      </c>
      <c r="EY33" s="72">
        <v>64</v>
      </c>
      <c r="EZ33" s="73">
        <v>85</v>
      </c>
      <c r="FA33" s="70">
        <v>12</v>
      </c>
      <c r="FB33" s="71">
        <v>13</v>
      </c>
      <c r="FC33" s="72">
        <v>25</v>
      </c>
      <c r="FD33" s="244"/>
      <c r="FE33" s="71">
        <v>28</v>
      </c>
      <c r="FF33" s="71">
        <v>20</v>
      </c>
      <c r="FG33" s="71">
        <v>13</v>
      </c>
      <c r="FH33" s="71">
        <v>19</v>
      </c>
      <c r="FI33" s="71">
        <v>13</v>
      </c>
      <c r="FJ33" s="72">
        <v>93</v>
      </c>
      <c r="FK33" s="73">
        <v>118</v>
      </c>
      <c r="FL33" s="70">
        <v>10</v>
      </c>
      <c r="FM33" s="71">
        <v>12</v>
      </c>
      <c r="FN33" s="72">
        <v>22</v>
      </c>
      <c r="FO33" s="244"/>
      <c r="FP33" s="71">
        <v>19</v>
      </c>
      <c r="FQ33" s="71">
        <v>20</v>
      </c>
      <c r="FR33" s="71">
        <v>39</v>
      </c>
      <c r="FS33" s="71">
        <v>39</v>
      </c>
      <c r="FT33" s="71">
        <v>9</v>
      </c>
      <c r="FU33" s="72">
        <v>126</v>
      </c>
      <c r="FV33" s="73">
        <v>148</v>
      </c>
      <c r="FW33" s="70">
        <v>0</v>
      </c>
      <c r="FX33" s="71">
        <v>0</v>
      </c>
      <c r="FY33" s="72">
        <v>0</v>
      </c>
      <c r="FZ33" s="244"/>
      <c r="GA33" s="71">
        <v>2</v>
      </c>
      <c r="GB33" s="71">
        <v>0</v>
      </c>
      <c r="GC33" s="71">
        <v>1</v>
      </c>
      <c r="GD33" s="71">
        <v>1</v>
      </c>
      <c r="GE33" s="71">
        <v>1</v>
      </c>
      <c r="GF33" s="72">
        <v>5</v>
      </c>
      <c r="GG33" s="73">
        <v>5</v>
      </c>
      <c r="GH33" s="70">
        <v>51</v>
      </c>
      <c r="GI33" s="71">
        <v>36</v>
      </c>
      <c r="GJ33" s="72">
        <v>87</v>
      </c>
      <c r="GK33" s="244"/>
      <c r="GL33" s="71">
        <v>89</v>
      </c>
      <c r="GM33" s="71">
        <v>62</v>
      </c>
      <c r="GN33" s="71">
        <v>84</v>
      </c>
      <c r="GO33" s="71">
        <v>76</v>
      </c>
      <c r="GP33" s="71">
        <v>33</v>
      </c>
      <c r="GQ33" s="72">
        <v>344</v>
      </c>
      <c r="GR33" s="73">
        <v>431</v>
      </c>
      <c r="GS33" s="123">
        <v>73</v>
      </c>
      <c r="GT33" s="82">
        <v>51</v>
      </c>
      <c r="GU33" s="83">
        <v>124</v>
      </c>
      <c r="GV33" s="241"/>
      <c r="GW33" s="82">
        <v>125</v>
      </c>
      <c r="GX33" s="82">
        <v>93</v>
      </c>
      <c r="GY33" s="82">
        <v>107</v>
      </c>
      <c r="GZ33" s="82">
        <v>108</v>
      </c>
      <c r="HA33" s="82">
        <v>42</v>
      </c>
      <c r="HB33" s="84">
        <v>475</v>
      </c>
      <c r="HC33" s="85">
        <v>599</v>
      </c>
      <c r="HD33" s="70">
        <v>3</v>
      </c>
      <c r="HE33" s="71">
        <v>1</v>
      </c>
      <c r="HF33" s="72">
        <v>4</v>
      </c>
      <c r="HG33" s="244"/>
      <c r="HH33" s="71">
        <v>3</v>
      </c>
      <c r="HI33" s="71">
        <v>3</v>
      </c>
      <c r="HJ33" s="71">
        <v>4</v>
      </c>
      <c r="HK33" s="71">
        <v>3</v>
      </c>
      <c r="HL33" s="71">
        <v>2</v>
      </c>
      <c r="HM33" s="72">
        <v>15</v>
      </c>
      <c r="HN33" s="73">
        <v>19</v>
      </c>
      <c r="HO33" s="70">
        <v>9</v>
      </c>
      <c r="HP33" s="71">
        <v>3</v>
      </c>
      <c r="HQ33" s="72">
        <v>12</v>
      </c>
      <c r="HR33" s="244"/>
      <c r="HS33" s="71">
        <v>8</v>
      </c>
      <c r="HT33" s="71">
        <v>9</v>
      </c>
      <c r="HU33" s="71">
        <v>2</v>
      </c>
      <c r="HV33" s="71">
        <v>6</v>
      </c>
      <c r="HW33" s="71">
        <v>4</v>
      </c>
      <c r="HX33" s="72">
        <v>29</v>
      </c>
      <c r="HY33" s="73">
        <v>41</v>
      </c>
      <c r="HZ33" s="70">
        <v>12</v>
      </c>
      <c r="IA33" s="71">
        <v>4</v>
      </c>
      <c r="IB33" s="72">
        <v>16</v>
      </c>
      <c r="IC33" s="244"/>
      <c r="ID33" s="71">
        <v>16</v>
      </c>
      <c r="IE33" s="71">
        <v>12</v>
      </c>
      <c r="IF33" s="71">
        <v>16</v>
      </c>
      <c r="IG33" s="71">
        <v>9</v>
      </c>
      <c r="IH33" s="71">
        <v>2</v>
      </c>
      <c r="II33" s="72">
        <v>55</v>
      </c>
      <c r="IJ33" s="73">
        <v>71</v>
      </c>
      <c r="IK33" s="70">
        <v>17</v>
      </c>
      <c r="IL33" s="71">
        <v>13</v>
      </c>
      <c r="IM33" s="72">
        <v>30</v>
      </c>
      <c r="IN33" s="244"/>
      <c r="IO33" s="71">
        <v>31</v>
      </c>
      <c r="IP33" s="71">
        <v>18</v>
      </c>
      <c r="IQ33" s="71">
        <v>21</v>
      </c>
      <c r="IR33" s="71">
        <v>17</v>
      </c>
      <c r="IS33" s="71">
        <v>5</v>
      </c>
      <c r="IT33" s="72">
        <v>92</v>
      </c>
      <c r="IU33" s="73">
        <v>122</v>
      </c>
      <c r="IV33" s="70">
        <v>19</v>
      </c>
      <c r="IW33" s="71">
        <v>14</v>
      </c>
      <c r="IX33" s="72">
        <v>33</v>
      </c>
      <c r="IY33" s="244"/>
      <c r="IZ33" s="71">
        <v>39</v>
      </c>
      <c r="JA33" s="71">
        <v>25</v>
      </c>
      <c r="JB33" s="71">
        <v>18</v>
      </c>
      <c r="JC33" s="71">
        <v>28</v>
      </c>
      <c r="JD33" s="71">
        <v>16</v>
      </c>
      <c r="JE33" s="72">
        <v>126</v>
      </c>
      <c r="JF33" s="73">
        <v>159</v>
      </c>
      <c r="JG33" s="70">
        <v>13</v>
      </c>
      <c r="JH33" s="71">
        <v>16</v>
      </c>
      <c r="JI33" s="72">
        <v>29</v>
      </c>
      <c r="JJ33" s="244"/>
      <c r="JK33" s="71">
        <v>28</v>
      </c>
      <c r="JL33" s="71">
        <v>26</v>
      </c>
      <c r="JM33" s="71">
        <v>46</v>
      </c>
      <c r="JN33" s="71">
        <v>45</v>
      </c>
      <c r="JO33" s="71">
        <v>13</v>
      </c>
      <c r="JP33" s="72">
        <v>158</v>
      </c>
      <c r="JQ33" s="73">
        <v>187</v>
      </c>
      <c r="JR33" s="70">
        <v>0</v>
      </c>
      <c r="JS33" s="71">
        <v>0</v>
      </c>
      <c r="JT33" s="72">
        <v>0</v>
      </c>
      <c r="JU33" s="244"/>
      <c r="JV33" s="71">
        <v>3</v>
      </c>
      <c r="JW33" s="71">
        <v>0</v>
      </c>
      <c r="JX33" s="71">
        <v>4</v>
      </c>
      <c r="JY33" s="71">
        <v>2</v>
      </c>
      <c r="JZ33" s="71">
        <v>3</v>
      </c>
      <c r="KA33" s="72">
        <v>12</v>
      </c>
      <c r="KB33" s="73">
        <v>12</v>
      </c>
      <c r="KC33" s="70">
        <v>73</v>
      </c>
      <c r="KD33" s="71">
        <v>51</v>
      </c>
      <c r="KE33" s="72">
        <v>124</v>
      </c>
      <c r="KF33" s="244"/>
      <c r="KG33" s="71">
        <v>128</v>
      </c>
      <c r="KH33" s="71">
        <v>93</v>
      </c>
      <c r="KI33" s="71">
        <v>111</v>
      </c>
      <c r="KJ33" s="71">
        <v>110</v>
      </c>
      <c r="KK33" s="71">
        <v>45</v>
      </c>
      <c r="KL33" s="72">
        <v>487</v>
      </c>
      <c r="KM33" s="73">
        <v>611</v>
      </c>
    </row>
    <row r="34" spans="2:299" ht="21" customHeight="1" x14ac:dyDescent="0.2">
      <c r="B34" s="126" t="s">
        <v>31</v>
      </c>
      <c r="C34" s="315">
        <v>20</v>
      </c>
      <c r="D34" s="82">
        <v>37</v>
      </c>
      <c r="E34" s="83">
        <v>57</v>
      </c>
      <c r="F34" s="241"/>
      <c r="G34" s="82">
        <v>55</v>
      </c>
      <c r="H34" s="82">
        <v>44</v>
      </c>
      <c r="I34" s="82">
        <v>40</v>
      </c>
      <c r="J34" s="82">
        <v>31</v>
      </c>
      <c r="K34" s="82">
        <v>16</v>
      </c>
      <c r="L34" s="84">
        <v>186</v>
      </c>
      <c r="M34" s="85">
        <v>243</v>
      </c>
      <c r="N34" s="70">
        <v>0</v>
      </c>
      <c r="O34" s="71">
        <v>0</v>
      </c>
      <c r="P34" s="72">
        <v>0</v>
      </c>
      <c r="Q34" s="244"/>
      <c r="R34" s="71">
        <v>2</v>
      </c>
      <c r="S34" s="71">
        <v>3</v>
      </c>
      <c r="T34" s="71">
        <v>4</v>
      </c>
      <c r="U34" s="71">
        <v>2</v>
      </c>
      <c r="V34" s="71">
        <v>1</v>
      </c>
      <c r="W34" s="72">
        <v>12</v>
      </c>
      <c r="X34" s="73">
        <v>12</v>
      </c>
      <c r="Y34" s="70">
        <v>3</v>
      </c>
      <c r="Z34" s="71">
        <v>5</v>
      </c>
      <c r="AA34" s="72">
        <v>8</v>
      </c>
      <c r="AB34" s="244"/>
      <c r="AC34" s="71">
        <v>7</v>
      </c>
      <c r="AD34" s="71">
        <v>6</v>
      </c>
      <c r="AE34" s="71">
        <v>4</v>
      </c>
      <c r="AF34" s="71">
        <v>3</v>
      </c>
      <c r="AG34" s="71">
        <v>2</v>
      </c>
      <c r="AH34" s="72">
        <v>22</v>
      </c>
      <c r="AI34" s="73">
        <v>30</v>
      </c>
      <c r="AJ34" s="70">
        <v>2</v>
      </c>
      <c r="AK34" s="71">
        <v>7</v>
      </c>
      <c r="AL34" s="72">
        <v>9</v>
      </c>
      <c r="AM34" s="244"/>
      <c r="AN34" s="71">
        <v>6</v>
      </c>
      <c r="AO34" s="71">
        <v>3</v>
      </c>
      <c r="AP34" s="71">
        <v>9</v>
      </c>
      <c r="AQ34" s="71">
        <v>6</v>
      </c>
      <c r="AR34" s="71">
        <v>2</v>
      </c>
      <c r="AS34" s="72">
        <v>26</v>
      </c>
      <c r="AT34" s="73">
        <v>35</v>
      </c>
      <c r="AU34" s="70">
        <v>4</v>
      </c>
      <c r="AV34" s="71">
        <v>12</v>
      </c>
      <c r="AW34" s="72">
        <v>16</v>
      </c>
      <c r="AX34" s="244"/>
      <c r="AY34" s="71">
        <v>16</v>
      </c>
      <c r="AZ34" s="71">
        <v>11</v>
      </c>
      <c r="BA34" s="71">
        <v>5</v>
      </c>
      <c r="BB34" s="71">
        <v>4</v>
      </c>
      <c r="BC34" s="71">
        <v>2</v>
      </c>
      <c r="BD34" s="72">
        <v>38</v>
      </c>
      <c r="BE34" s="73">
        <v>54</v>
      </c>
      <c r="BF34" s="70">
        <v>7</v>
      </c>
      <c r="BG34" s="71">
        <v>7</v>
      </c>
      <c r="BH34" s="72">
        <v>14</v>
      </c>
      <c r="BI34" s="244"/>
      <c r="BJ34" s="71">
        <v>13</v>
      </c>
      <c r="BK34" s="71">
        <v>11</v>
      </c>
      <c r="BL34" s="71">
        <v>7</v>
      </c>
      <c r="BM34" s="71">
        <v>7</v>
      </c>
      <c r="BN34" s="71">
        <v>3</v>
      </c>
      <c r="BO34" s="72">
        <v>41</v>
      </c>
      <c r="BP34" s="73">
        <v>55</v>
      </c>
      <c r="BQ34" s="70">
        <v>4</v>
      </c>
      <c r="BR34" s="71">
        <v>6</v>
      </c>
      <c r="BS34" s="72">
        <v>10</v>
      </c>
      <c r="BT34" s="244"/>
      <c r="BU34" s="71">
        <v>11</v>
      </c>
      <c r="BV34" s="71">
        <v>10</v>
      </c>
      <c r="BW34" s="71">
        <v>11</v>
      </c>
      <c r="BX34" s="71">
        <v>9</v>
      </c>
      <c r="BY34" s="71">
        <v>6</v>
      </c>
      <c r="BZ34" s="72">
        <v>47</v>
      </c>
      <c r="CA34" s="73">
        <v>57</v>
      </c>
      <c r="CB34" s="70">
        <v>0</v>
      </c>
      <c r="CC34" s="71">
        <v>4</v>
      </c>
      <c r="CD34" s="72">
        <v>4</v>
      </c>
      <c r="CE34" s="244"/>
      <c r="CF34" s="71">
        <v>2</v>
      </c>
      <c r="CG34" s="71">
        <v>0</v>
      </c>
      <c r="CH34" s="71">
        <v>0</v>
      </c>
      <c r="CI34" s="71">
        <v>1</v>
      </c>
      <c r="CJ34" s="71">
        <v>0</v>
      </c>
      <c r="CK34" s="72">
        <v>3</v>
      </c>
      <c r="CL34" s="73">
        <v>7</v>
      </c>
      <c r="CM34" s="70">
        <v>20</v>
      </c>
      <c r="CN34" s="71">
        <v>41</v>
      </c>
      <c r="CO34" s="72">
        <v>61</v>
      </c>
      <c r="CP34" s="244"/>
      <c r="CQ34" s="71">
        <v>57</v>
      </c>
      <c r="CR34" s="71">
        <v>44</v>
      </c>
      <c r="CS34" s="71">
        <v>40</v>
      </c>
      <c r="CT34" s="71">
        <v>32</v>
      </c>
      <c r="CU34" s="71">
        <v>16</v>
      </c>
      <c r="CV34" s="72">
        <v>189</v>
      </c>
      <c r="CW34" s="73">
        <v>250</v>
      </c>
      <c r="CX34" s="123">
        <v>51</v>
      </c>
      <c r="CY34" s="82">
        <v>88</v>
      </c>
      <c r="CZ34" s="83">
        <v>139</v>
      </c>
      <c r="DA34" s="241"/>
      <c r="DB34" s="82">
        <v>108</v>
      </c>
      <c r="DC34" s="82">
        <v>86</v>
      </c>
      <c r="DD34" s="82">
        <v>78</v>
      </c>
      <c r="DE34" s="82">
        <v>69</v>
      </c>
      <c r="DF34" s="82">
        <v>39</v>
      </c>
      <c r="DG34" s="84">
        <v>380</v>
      </c>
      <c r="DH34" s="85">
        <v>519</v>
      </c>
      <c r="DI34" s="70">
        <v>0</v>
      </c>
      <c r="DJ34" s="71">
        <v>3</v>
      </c>
      <c r="DK34" s="72">
        <v>3</v>
      </c>
      <c r="DL34" s="244"/>
      <c r="DM34" s="71">
        <v>1</v>
      </c>
      <c r="DN34" s="71">
        <v>1</v>
      </c>
      <c r="DO34" s="71">
        <v>0</v>
      </c>
      <c r="DP34" s="71">
        <v>2</v>
      </c>
      <c r="DQ34" s="71">
        <v>2</v>
      </c>
      <c r="DR34" s="72">
        <v>6</v>
      </c>
      <c r="DS34" s="73">
        <v>9</v>
      </c>
      <c r="DT34" s="70">
        <v>1</v>
      </c>
      <c r="DU34" s="71">
        <v>4</v>
      </c>
      <c r="DV34" s="72">
        <v>5</v>
      </c>
      <c r="DW34" s="244"/>
      <c r="DX34" s="71">
        <v>14</v>
      </c>
      <c r="DY34" s="71">
        <v>6</v>
      </c>
      <c r="DZ34" s="71">
        <v>3</v>
      </c>
      <c r="EA34" s="71">
        <v>7</v>
      </c>
      <c r="EB34" s="71">
        <v>1</v>
      </c>
      <c r="EC34" s="72">
        <v>31</v>
      </c>
      <c r="ED34" s="73">
        <v>36</v>
      </c>
      <c r="EE34" s="70">
        <v>5</v>
      </c>
      <c r="EF34" s="71">
        <v>8</v>
      </c>
      <c r="EG34" s="72">
        <v>13</v>
      </c>
      <c r="EH34" s="244"/>
      <c r="EI34" s="71">
        <v>9</v>
      </c>
      <c r="EJ34" s="71">
        <v>5</v>
      </c>
      <c r="EK34" s="71">
        <v>4</v>
      </c>
      <c r="EL34" s="71">
        <v>5</v>
      </c>
      <c r="EM34" s="71">
        <v>0</v>
      </c>
      <c r="EN34" s="72">
        <v>23</v>
      </c>
      <c r="EO34" s="73">
        <v>36</v>
      </c>
      <c r="EP34" s="70">
        <v>16</v>
      </c>
      <c r="EQ34" s="71">
        <v>26</v>
      </c>
      <c r="ER34" s="72">
        <v>42</v>
      </c>
      <c r="ES34" s="244"/>
      <c r="ET34" s="71">
        <v>19</v>
      </c>
      <c r="EU34" s="71">
        <v>13</v>
      </c>
      <c r="EV34" s="71">
        <v>14</v>
      </c>
      <c r="EW34" s="71">
        <v>8</v>
      </c>
      <c r="EX34" s="71">
        <v>5</v>
      </c>
      <c r="EY34" s="72">
        <v>59</v>
      </c>
      <c r="EZ34" s="73">
        <v>101</v>
      </c>
      <c r="FA34" s="70">
        <v>23</v>
      </c>
      <c r="FB34" s="71">
        <v>28</v>
      </c>
      <c r="FC34" s="72">
        <v>51</v>
      </c>
      <c r="FD34" s="244"/>
      <c r="FE34" s="71">
        <v>25</v>
      </c>
      <c r="FF34" s="71">
        <v>33</v>
      </c>
      <c r="FG34" s="71">
        <v>22</v>
      </c>
      <c r="FH34" s="71">
        <v>16</v>
      </c>
      <c r="FI34" s="71">
        <v>10</v>
      </c>
      <c r="FJ34" s="72">
        <v>106</v>
      </c>
      <c r="FK34" s="73">
        <v>157</v>
      </c>
      <c r="FL34" s="70">
        <v>6</v>
      </c>
      <c r="FM34" s="71">
        <v>19</v>
      </c>
      <c r="FN34" s="72">
        <v>25</v>
      </c>
      <c r="FO34" s="244"/>
      <c r="FP34" s="71">
        <v>40</v>
      </c>
      <c r="FQ34" s="71">
        <v>28</v>
      </c>
      <c r="FR34" s="71">
        <v>35</v>
      </c>
      <c r="FS34" s="71">
        <v>31</v>
      </c>
      <c r="FT34" s="71">
        <v>21</v>
      </c>
      <c r="FU34" s="72">
        <v>155</v>
      </c>
      <c r="FV34" s="73">
        <v>180</v>
      </c>
      <c r="FW34" s="70">
        <v>0</v>
      </c>
      <c r="FX34" s="71">
        <v>0</v>
      </c>
      <c r="FY34" s="72">
        <v>0</v>
      </c>
      <c r="FZ34" s="244"/>
      <c r="GA34" s="71">
        <v>2</v>
      </c>
      <c r="GB34" s="71">
        <v>0</v>
      </c>
      <c r="GC34" s="71">
        <v>1</v>
      </c>
      <c r="GD34" s="71">
        <v>2</v>
      </c>
      <c r="GE34" s="71">
        <v>1</v>
      </c>
      <c r="GF34" s="72">
        <v>6</v>
      </c>
      <c r="GG34" s="73">
        <v>6</v>
      </c>
      <c r="GH34" s="70">
        <v>51</v>
      </c>
      <c r="GI34" s="71">
        <v>88</v>
      </c>
      <c r="GJ34" s="72">
        <v>139</v>
      </c>
      <c r="GK34" s="244"/>
      <c r="GL34" s="71">
        <v>110</v>
      </c>
      <c r="GM34" s="71">
        <v>86</v>
      </c>
      <c r="GN34" s="71">
        <v>79</v>
      </c>
      <c r="GO34" s="71">
        <v>71</v>
      </c>
      <c r="GP34" s="71">
        <v>40</v>
      </c>
      <c r="GQ34" s="72">
        <v>386</v>
      </c>
      <c r="GR34" s="73">
        <v>525</v>
      </c>
      <c r="GS34" s="123">
        <v>71</v>
      </c>
      <c r="GT34" s="82">
        <v>125</v>
      </c>
      <c r="GU34" s="83">
        <v>196</v>
      </c>
      <c r="GV34" s="241"/>
      <c r="GW34" s="82">
        <v>163</v>
      </c>
      <c r="GX34" s="82">
        <v>130</v>
      </c>
      <c r="GY34" s="82">
        <v>118</v>
      </c>
      <c r="GZ34" s="82">
        <v>100</v>
      </c>
      <c r="HA34" s="82">
        <v>55</v>
      </c>
      <c r="HB34" s="84">
        <v>566</v>
      </c>
      <c r="HC34" s="85">
        <v>762</v>
      </c>
      <c r="HD34" s="70">
        <v>0</v>
      </c>
      <c r="HE34" s="71">
        <v>3</v>
      </c>
      <c r="HF34" s="72">
        <v>3</v>
      </c>
      <c r="HG34" s="244"/>
      <c r="HH34" s="71">
        <v>3</v>
      </c>
      <c r="HI34" s="71">
        <v>4</v>
      </c>
      <c r="HJ34" s="71">
        <v>4</v>
      </c>
      <c r="HK34" s="71">
        <v>4</v>
      </c>
      <c r="HL34" s="71">
        <v>3</v>
      </c>
      <c r="HM34" s="72">
        <v>18</v>
      </c>
      <c r="HN34" s="73">
        <v>21</v>
      </c>
      <c r="HO34" s="70">
        <v>4</v>
      </c>
      <c r="HP34" s="71">
        <v>9</v>
      </c>
      <c r="HQ34" s="72">
        <v>13</v>
      </c>
      <c r="HR34" s="244"/>
      <c r="HS34" s="71">
        <v>21</v>
      </c>
      <c r="HT34" s="71">
        <v>12</v>
      </c>
      <c r="HU34" s="71">
        <v>7</v>
      </c>
      <c r="HV34" s="71">
        <v>10</v>
      </c>
      <c r="HW34" s="71">
        <v>3</v>
      </c>
      <c r="HX34" s="72">
        <v>53</v>
      </c>
      <c r="HY34" s="73">
        <v>66</v>
      </c>
      <c r="HZ34" s="70">
        <v>7</v>
      </c>
      <c r="IA34" s="71">
        <v>15</v>
      </c>
      <c r="IB34" s="72">
        <v>22</v>
      </c>
      <c r="IC34" s="244"/>
      <c r="ID34" s="71">
        <v>15</v>
      </c>
      <c r="IE34" s="71">
        <v>8</v>
      </c>
      <c r="IF34" s="71">
        <v>13</v>
      </c>
      <c r="IG34" s="71">
        <v>11</v>
      </c>
      <c r="IH34" s="71">
        <v>2</v>
      </c>
      <c r="II34" s="72">
        <v>49</v>
      </c>
      <c r="IJ34" s="73">
        <v>71</v>
      </c>
      <c r="IK34" s="70">
        <v>20</v>
      </c>
      <c r="IL34" s="71">
        <v>38</v>
      </c>
      <c r="IM34" s="72">
        <v>58</v>
      </c>
      <c r="IN34" s="244"/>
      <c r="IO34" s="71">
        <v>35</v>
      </c>
      <c r="IP34" s="71">
        <v>24</v>
      </c>
      <c r="IQ34" s="71">
        <v>19</v>
      </c>
      <c r="IR34" s="71">
        <v>12</v>
      </c>
      <c r="IS34" s="71">
        <v>7</v>
      </c>
      <c r="IT34" s="72">
        <v>97</v>
      </c>
      <c r="IU34" s="73">
        <v>155</v>
      </c>
      <c r="IV34" s="70">
        <v>30</v>
      </c>
      <c r="IW34" s="71">
        <v>35</v>
      </c>
      <c r="IX34" s="72">
        <v>65</v>
      </c>
      <c r="IY34" s="244"/>
      <c r="IZ34" s="71">
        <v>38</v>
      </c>
      <c r="JA34" s="71">
        <v>44</v>
      </c>
      <c r="JB34" s="71">
        <v>29</v>
      </c>
      <c r="JC34" s="71">
        <v>23</v>
      </c>
      <c r="JD34" s="71">
        <v>13</v>
      </c>
      <c r="JE34" s="72">
        <v>147</v>
      </c>
      <c r="JF34" s="73">
        <v>212</v>
      </c>
      <c r="JG34" s="70">
        <v>10</v>
      </c>
      <c r="JH34" s="71">
        <v>25</v>
      </c>
      <c r="JI34" s="72">
        <v>35</v>
      </c>
      <c r="JJ34" s="244"/>
      <c r="JK34" s="71">
        <v>51</v>
      </c>
      <c r="JL34" s="71">
        <v>38</v>
      </c>
      <c r="JM34" s="71">
        <v>46</v>
      </c>
      <c r="JN34" s="71">
        <v>40</v>
      </c>
      <c r="JO34" s="71">
        <v>27</v>
      </c>
      <c r="JP34" s="72">
        <v>202</v>
      </c>
      <c r="JQ34" s="73">
        <v>237</v>
      </c>
      <c r="JR34" s="70">
        <v>0</v>
      </c>
      <c r="JS34" s="71">
        <v>4</v>
      </c>
      <c r="JT34" s="72">
        <v>4</v>
      </c>
      <c r="JU34" s="244"/>
      <c r="JV34" s="71">
        <v>4</v>
      </c>
      <c r="JW34" s="71">
        <v>0</v>
      </c>
      <c r="JX34" s="71">
        <v>1</v>
      </c>
      <c r="JY34" s="71">
        <v>3</v>
      </c>
      <c r="JZ34" s="71">
        <v>1</v>
      </c>
      <c r="KA34" s="72">
        <v>9</v>
      </c>
      <c r="KB34" s="73">
        <v>13</v>
      </c>
      <c r="KC34" s="70">
        <v>71</v>
      </c>
      <c r="KD34" s="71">
        <v>129</v>
      </c>
      <c r="KE34" s="72">
        <v>200</v>
      </c>
      <c r="KF34" s="244"/>
      <c r="KG34" s="71">
        <v>167</v>
      </c>
      <c r="KH34" s="71">
        <v>130</v>
      </c>
      <c r="KI34" s="71">
        <v>119</v>
      </c>
      <c r="KJ34" s="71">
        <v>103</v>
      </c>
      <c r="KK34" s="71">
        <v>56</v>
      </c>
      <c r="KL34" s="72">
        <v>575</v>
      </c>
      <c r="KM34" s="73">
        <v>775</v>
      </c>
    </row>
    <row r="35" spans="2:299" ht="21" customHeight="1" x14ac:dyDescent="0.2">
      <c r="B35" s="126" t="s">
        <v>32</v>
      </c>
      <c r="C35" s="315">
        <v>26</v>
      </c>
      <c r="D35" s="82">
        <v>24</v>
      </c>
      <c r="E35" s="83">
        <v>50</v>
      </c>
      <c r="F35" s="241"/>
      <c r="G35" s="82">
        <v>62</v>
      </c>
      <c r="H35" s="82">
        <v>56</v>
      </c>
      <c r="I35" s="82">
        <v>42</v>
      </c>
      <c r="J35" s="82">
        <v>32</v>
      </c>
      <c r="K35" s="82">
        <v>22</v>
      </c>
      <c r="L35" s="84">
        <v>214</v>
      </c>
      <c r="M35" s="85">
        <v>264</v>
      </c>
      <c r="N35" s="70">
        <v>2</v>
      </c>
      <c r="O35" s="71">
        <v>1</v>
      </c>
      <c r="P35" s="72">
        <v>3</v>
      </c>
      <c r="Q35" s="244"/>
      <c r="R35" s="71">
        <v>5</v>
      </c>
      <c r="S35" s="71">
        <v>3</v>
      </c>
      <c r="T35" s="71">
        <v>2</v>
      </c>
      <c r="U35" s="71">
        <v>2</v>
      </c>
      <c r="V35" s="71">
        <v>0</v>
      </c>
      <c r="W35" s="72">
        <v>12</v>
      </c>
      <c r="X35" s="73">
        <v>15</v>
      </c>
      <c r="Y35" s="70">
        <v>8</v>
      </c>
      <c r="Z35" s="71">
        <v>1</v>
      </c>
      <c r="AA35" s="72">
        <v>9</v>
      </c>
      <c r="AB35" s="244"/>
      <c r="AC35" s="71">
        <v>4</v>
      </c>
      <c r="AD35" s="71">
        <v>5</v>
      </c>
      <c r="AE35" s="71">
        <v>3</v>
      </c>
      <c r="AF35" s="71">
        <v>6</v>
      </c>
      <c r="AG35" s="71">
        <v>2</v>
      </c>
      <c r="AH35" s="72">
        <v>20</v>
      </c>
      <c r="AI35" s="73">
        <v>29</v>
      </c>
      <c r="AJ35" s="70">
        <v>4</v>
      </c>
      <c r="AK35" s="71">
        <v>0</v>
      </c>
      <c r="AL35" s="72">
        <v>4</v>
      </c>
      <c r="AM35" s="244"/>
      <c r="AN35" s="71">
        <v>8</v>
      </c>
      <c r="AO35" s="71">
        <v>10</v>
      </c>
      <c r="AP35" s="71">
        <v>5</v>
      </c>
      <c r="AQ35" s="71">
        <v>2</v>
      </c>
      <c r="AR35" s="71">
        <v>7</v>
      </c>
      <c r="AS35" s="72">
        <v>32</v>
      </c>
      <c r="AT35" s="73">
        <v>36</v>
      </c>
      <c r="AU35" s="70">
        <v>5</v>
      </c>
      <c r="AV35" s="71">
        <v>10</v>
      </c>
      <c r="AW35" s="72">
        <v>15</v>
      </c>
      <c r="AX35" s="244"/>
      <c r="AY35" s="71">
        <v>20</v>
      </c>
      <c r="AZ35" s="71">
        <v>11</v>
      </c>
      <c r="BA35" s="71">
        <v>11</v>
      </c>
      <c r="BB35" s="71">
        <v>8</v>
      </c>
      <c r="BC35" s="71">
        <v>3</v>
      </c>
      <c r="BD35" s="72">
        <v>53</v>
      </c>
      <c r="BE35" s="73">
        <v>68</v>
      </c>
      <c r="BF35" s="70">
        <v>6</v>
      </c>
      <c r="BG35" s="71">
        <v>8</v>
      </c>
      <c r="BH35" s="72">
        <v>14</v>
      </c>
      <c r="BI35" s="244"/>
      <c r="BJ35" s="71">
        <v>18</v>
      </c>
      <c r="BK35" s="71">
        <v>13</v>
      </c>
      <c r="BL35" s="71">
        <v>14</v>
      </c>
      <c r="BM35" s="71">
        <v>7</v>
      </c>
      <c r="BN35" s="71">
        <v>9</v>
      </c>
      <c r="BO35" s="72">
        <v>61</v>
      </c>
      <c r="BP35" s="73">
        <v>75</v>
      </c>
      <c r="BQ35" s="70">
        <v>1</v>
      </c>
      <c r="BR35" s="71">
        <v>4</v>
      </c>
      <c r="BS35" s="72">
        <v>5</v>
      </c>
      <c r="BT35" s="244"/>
      <c r="BU35" s="71">
        <v>7</v>
      </c>
      <c r="BV35" s="71">
        <v>14</v>
      </c>
      <c r="BW35" s="71">
        <v>7</v>
      </c>
      <c r="BX35" s="71">
        <v>7</v>
      </c>
      <c r="BY35" s="71">
        <v>1</v>
      </c>
      <c r="BZ35" s="72">
        <v>36</v>
      </c>
      <c r="CA35" s="73">
        <v>41</v>
      </c>
      <c r="CB35" s="70">
        <v>1</v>
      </c>
      <c r="CC35" s="71">
        <v>1</v>
      </c>
      <c r="CD35" s="72">
        <v>2</v>
      </c>
      <c r="CE35" s="244"/>
      <c r="CF35" s="71">
        <v>5</v>
      </c>
      <c r="CG35" s="71">
        <v>4</v>
      </c>
      <c r="CH35" s="71">
        <v>2</v>
      </c>
      <c r="CI35" s="71">
        <v>1</v>
      </c>
      <c r="CJ35" s="71">
        <v>4</v>
      </c>
      <c r="CK35" s="72">
        <v>16</v>
      </c>
      <c r="CL35" s="73">
        <v>18</v>
      </c>
      <c r="CM35" s="70">
        <v>27</v>
      </c>
      <c r="CN35" s="71">
        <v>25</v>
      </c>
      <c r="CO35" s="72">
        <v>52</v>
      </c>
      <c r="CP35" s="244"/>
      <c r="CQ35" s="71">
        <v>67</v>
      </c>
      <c r="CR35" s="71">
        <v>60</v>
      </c>
      <c r="CS35" s="71">
        <v>44</v>
      </c>
      <c r="CT35" s="71">
        <v>33</v>
      </c>
      <c r="CU35" s="71">
        <v>26</v>
      </c>
      <c r="CV35" s="72">
        <v>230</v>
      </c>
      <c r="CW35" s="73">
        <v>282</v>
      </c>
      <c r="CX35" s="123">
        <v>34</v>
      </c>
      <c r="CY35" s="82">
        <v>72</v>
      </c>
      <c r="CZ35" s="83">
        <v>106</v>
      </c>
      <c r="DA35" s="241"/>
      <c r="DB35" s="82">
        <v>116</v>
      </c>
      <c r="DC35" s="82">
        <v>87</v>
      </c>
      <c r="DD35" s="82">
        <v>81</v>
      </c>
      <c r="DE35" s="82">
        <v>77</v>
      </c>
      <c r="DF35" s="82">
        <v>40</v>
      </c>
      <c r="DG35" s="84">
        <v>401</v>
      </c>
      <c r="DH35" s="85">
        <v>507</v>
      </c>
      <c r="DI35" s="70">
        <v>2</v>
      </c>
      <c r="DJ35" s="71">
        <v>2</v>
      </c>
      <c r="DK35" s="72">
        <v>4</v>
      </c>
      <c r="DL35" s="244"/>
      <c r="DM35" s="71">
        <v>1</v>
      </c>
      <c r="DN35" s="71">
        <v>3</v>
      </c>
      <c r="DO35" s="71">
        <v>2</v>
      </c>
      <c r="DP35" s="71">
        <v>0</v>
      </c>
      <c r="DQ35" s="71">
        <v>1</v>
      </c>
      <c r="DR35" s="72">
        <v>7</v>
      </c>
      <c r="DS35" s="73">
        <v>11</v>
      </c>
      <c r="DT35" s="70">
        <v>2</v>
      </c>
      <c r="DU35" s="71">
        <v>3</v>
      </c>
      <c r="DV35" s="72">
        <v>5</v>
      </c>
      <c r="DW35" s="244"/>
      <c r="DX35" s="71">
        <v>9</v>
      </c>
      <c r="DY35" s="71">
        <v>2</v>
      </c>
      <c r="DZ35" s="71">
        <v>1</v>
      </c>
      <c r="EA35" s="71">
        <v>5</v>
      </c>
      <c r="EB35" s="71">
        <v>2</v>
      </c>
      <c r="EC35" s="72">
        <v>19</v>
      </c>
      <c r="ED35" s="73">
        <v>24</v>
      </c>
      <c r="EE35" s="70">
        <v>6</v>
      </c>
      <c r="EF35" s="71">
        <v>10</v>
      </c>
      <c r="EG35" s="72">
        <v>16</v>
      </c>
      <c r="EH35" s="244"/>
      <c r="EI35" s="71">
        <v>19</v>
      </c>
      <c r="EJ35" s="71">
        <v>5</v>
      </c>
      <c r="EK35" s="71">
        <v>6</v>
      </c>
      <c r="EL35" s="71">
        <v>1</v>
      </c>
      <c r="EM35" s="71">
        <v>6</v>
      </c>
      <c r="EN35" s="72">
        <v>37</v>
      </c>
      <c r="EO35" s="73">
        <v>53</v>
      </c>
      <c r="EP35" s="70">
        <v>11</v>
      </c>
      <c r="EQ35" s="71">
        <v>15</v>
      </c>
      <c r="ER35" s="72">
        <v>26</v>
      </c>
      <c r="ES35" s="244"/>
      <c r="ET35" s="71">
        <v>20</v>
      </c>
      <c r="EU35" s="71">
        <v>24</v>
      </c>
      <c r="EV35" s="71">
        <v>19</v>
      </c>
      <c r="EW35" s="71">
        <v>11</v>
      </c>
      <c r="EX35" s="71">
        <v>7</v>
      </c>
      <c r="EY35" s="72">
        <v>81</v>
      </c>
      <c r="EZ35" s="73">
        <v>107</v>
      </c>
      <c r="FA35" s="70">
        <v>8</v>
      </c>
      <c r="FB35" s="71">
        <v>19</v>
      </c>
      <c r="FC35" s="72">
        <v>27</v>
      </c>
      <c r="FD35" s="244"/>
      <c r="FE35" s="71">
        <v>30</v>
      </c>
      <c r="FF35" s="71">
        <v>21</v>
      </c>
      <c r="FG35" s="71">
        <v>19</v>
      </c>
      <c r="FH35" s="71">
        <v>21</v>
      </c>
      <c r="FI35" s="71">
        <v>10</v>
      </c>
      <c r="FJ35" s="72">
        <v>101</v>
      </c>
      <c r="FK35" s="73">
        <v>128</v>
      </c>
      <c r="FL35" s="70">
        <v>5</v>
      </c>
      <c r="FM35" s="71">
        <v>23</v>
      </c>
      <c r="FN35" s="72">
        <v>28</v>
      </c>
      <c r="FO35" s="244"/>
      <c r="FP35" s="71">
        <v>37</v>
      </c>
      <c r="FQ35" s="71">
        <v>32</v>
      </c>
      <c r="FR35" s="71">
        <v>34</v>
      </c>
      <c r="FS35" s="71">
        <v>39</v>
      </c>
      <c r="FT35" s="71">
        <v>14</v>
      </c>
      <c r="FU35" s="72">
        <v>156</v>
      </c>
      <c r="FV35" s="73">
        <v>184</v>
      </c>
      <c r="FW35" s="70">
        <v>1</v>
      </c>
      <c r="FX35" s="71">
        <v>1</v>
      </c>
      <c r="FY35" s="72">
        <v>2</v>
      </c>
      <c r="FZ35" s="244"/>
      <c r="GA35" s="71">
        <v>3</v>
      </c>
      <c r="GB35" s="71">
        <v>3</v>
      </c>
      <c r="GC35" s="71">
        <v>1</v>
      </c>
      <c r="GD35" s="71">
        <v>0</v>
      </c>
      <c r="GE35" s="71">
        <v>2</v>
      </c>
      <c r="GF35" s="72">
        <v>9</v>
      </c>
      <c r="GG35" s="73">
        <v>11</v>
      </c>
      <c r="GH35" s="70">
        <v>35</v>
      </c>
      <c r="GI35" s="71">
        <v>73</v>
      </c>
      <c r="GJ35" s="72">
        <v>108</v>
      </c>
      <c r="GK35" s="244"/>
      <c r="GL35" s="71">
        <v>119</v>
      </c>
      <c r="GM35" s="71">
        <v>90</v>
      </c>
      <c r="GN35" s="71">
        <v>82</v>
      </c>
      <c r="GO35" s="71">
        <v>77</v>
      </c>
      <c r="GP35" s="71">
        <v>42</v>
      </c>
      <c r="GQ35" s="72">
        <v>410</v>
      </c>
      <c r="GR35" s="73">
        <v>518</v>
      </c>
      <c r="GS35" s="123">
        <v>60</v>
      </c>
      <c r="GT35" s="82">
        <v>96</v>
      </c>
      <c r="GU35" s="83">
        <v>156</v>
      </c>
      <c r="GV35" s="241"/>
      <c r="GW35" s="82">
        <v>178</v>
      </c>
      <c r="GX35" s="82">
        <v>143</v>
      </c>
      <c r="GY35" s="82">
        <v>123</v>
      </c>
      <c r="GZ35" s="82">
        <v>109</v>
      </c>
      <c r="HA35" s="82">
        <v>62</v>
      </c>
      <c r="HB35" s="84">
        <v>615</v>
      </c>
      <c r="HC35" s="85">
        <v>771</v>
      </c>
      <c r="HD35" s="70">
        <v>4</v>
      </c>
      <c r="HE35" s="71">
        <v>3</v>
      </c>
      <c r="HF35" s="72">
        <v>7</v>
      </c>
      <c r="HG35" s="244"/>
      <c r="HH35" s="71">
        <v>6</v>
      </c>
      <c r="HI35" s="71">
        <v>6</v>
      </c>
      <c r="HJ35" s="71">
        <v>4</v>
      </c>
      <c r="HK35" s="71">
        <v>2</v>
      </c>
      <c r="HL35" s="71">
        <v>1</v>
      </c>
      <c r="HM35" s="72">
        <v>19</v>
      </c>
      <c r="HN35" s="73">
        <v>26</v>
      </c>
      <c r="HO35" s="70">
        <v>10</v>
      </c>
      <c r="HP35" s="71">
        <v>4</v>
      </c>
      <c r="HQ35" s="72">
        <v>14</v>
      </c>
      <c r="HR35" s="244"/>
      <c r="HS35" s="71">
        <v>13</v>
      </c>
      <c r="HT35" s="71">
        <v>7</v>
      </c>
      <c r="HU35" s="71">
        <v>4</v>
      </c>
      <c r="HV35" s="71">
        <v>11</v>
      </c>
      <c r="HW35" s="71">
        <v>4</v>
      </c>
      <c r="HX35" s="72">
        <v>39</v>
      </c>
      <c r="HY35" s="73">
        <v>53</v>
      </c>
      <c r="HZ35" s="70">
        <v>10</v>
      </c>
      <c r="IA35" s="71">
        <v>10</v>
      </c>
      <c r="IB35" s="72">
        <v>20</v>
      </c>
      <c r="IC35" s="244"/>
      <c r="ID35" s="71">
        <v>27</v>
      </c>
      <c r="IE35" s="71">
        <v>15</v>
      </c>
      <c r="IF35" s="71">
        <v>11</v>
      </c>
      <c r="IG35" s="71">
        <v>3</v>
      </c>
      <c r="IH35" s="71">
        <v>13</v>
      </c>
      <c r="II35" s="72">
        <v>69</v>
      </c>
      <c r="IJ35" s="73">
        <v>89</v>
      </c>
      <c r="IK35" s="70">
        <v>16</v>
      </c>
      <c r="IL35" s="71">
        <v>25</v>
      </c>
      <c r="IM35" s="72">
        <v>41</v>
      </c>
      <c r="IN35" s="244"/>
      <c r="IO35" s="71">
        <v>40</v>
      </c>
      <c r="IP35" s="71">
        <v>35</v>
      </c>
      <c r="IQ35" s="71">
        <v>30</v>
      </c>
      <c r="IR35" s="71">
        <v>19</v>
      </c>
      <c r="IS35" s="71">
        <v>10</v>
      </c>
      <c r="IT35" s="72">
        <v>134</v>
      </c>
      <c r="IU35" s="73">
        <v>175</v>
      </c>
      <c r="IV35" s="70">
        <v>14</v>
      </c>
      <c r="IW35" s="71">
        <v>27</v>
      </c>
      <c r="IX35" s="72">
        <v>41</v>
      </c>
      <c r="IY35" s="244"/>
      <c r="IZ35" s="71">
        <v>48</v>
      </c>
      <c r="JA35" s="71">
        <v>34</v>
      </c>
      <c r="JB35" s="71">
        <v>33</v>
      </c>
      <c r="JC35" s="71">
        <v>28</v>
      </c>
      <c r="JD35" s="71">
        <v>19</v>
      </c>
      <c r="JE35" s="72">
        <v>162</v>
      </c>
      <c r="JF35" s="73">
        <v>203</v>
      </c>
      <c r="JG35" s="70">
        <v>6</v>
      </c>
      <c r="JH35" s="71">
        <v>27</v>
      </c>
      <c r="JI35" s="72">
        <v>33</v>
      </c>
      <c r="JJ35" s="244"/>
      <c r="JK35" s="71">
        <v>44</v>
      </c>
      <c r="JL35" s="71">
        <v>46</v>
      </c>
      <c r="JM35" s="71">
        <v>41</v>
      </c>
      <c r="JN35" s="71">
        <v>46</v>
      </c>
      <c r="JO35" s="71">
        <v>15</v>
      </c>
      <c r="JP35" s="72">
        <v>192</v>
      </c>
      <c r="JQ35" s="73">
        <v>225</v>
      </c>
      <c r="JR35" s="70">
        <v>2</v>
      </c>
      <c r="JS35" s="71">
        <v>2</v>
      </c>
      <c r="JT35" s="72">
        <v>4</v>
      </c>
      <c r="JU35" s="244"/>
      <c r="JV35" s="71">
        <v>8</v>
      </c>
      <c r="JW35" s="71">
        <v>7</v>
      </c>
      <c r="JX35" s="71">
        <v>3</v>
      </c>
      <c r="JY35" s="71">
        <v>1</v>
      </c>
      <c r="JZ35" s="71">
        <v>6</v>
      </c>
      <c r="KA35" s="72">
        <v>25</v>
      </c>
      <c r="KB35" s="73">
        <v>29</v>
      </c>
      <c r="KC35" s="70">
        <v>62</v>
      </c>
      <c r="KD35" s="71">
        <v>98</v>
      </c>
      <c r="KE35" s="72">
        <v>160</v>
      </c>
      <c r="KF35" s="244"/>
      <c r="KG35" s="71">
        <v>186</v>
      </c>
      <c r="KH35" s="71">
        <v>150</v>
      </c>
      <c r="KI35" s="71">
        <v>126</v>
      </c>
      <c r="KJ35" s="71">
        <v>110</v>
      </c>
      <c r="KK35" s="71">
        <v>68</v>
      </c>
      <c r="KL35" s="72">
        <v>640</v>
      </c>
      <c r="KM35" s="73">
        <v>800</v>
      </c>
    </row>
    <row r="36" spans="2:299" ht="21" customHeight="1" x14ac:dyDescent="0.2">
      <c r="B36" s="126" t="s">
        <v>33</v>
      </c>
      <c r="C36" s="315">
        <v>33</v>
      </c>
      <c r="D36" s="82">
        <v>20</v>
      </c>
      <c r="E36" s="83">
        <v>53</v>
      </c>
      <c r="F36" s="241"/>
      <c r="G36" s="82">
        <v>58</v>
      </c>
      <c r="H36" s="82">
        <v>41</v>
      </c>
      <c r="I36" s="82">
        <v>37</v>
      </c>
      <c r="J36" s="82">
        <v>26</v>
      </c>
      <c r="K36" s="82">
        <v>15</v>
      </c>
      <c r="L36" s="84">
        <v>177</v>
      </c>
      <c r="M36" s="85">
        <v>230</v>
      </c>
      <c r="N36" s="70">
        <v>0</v>
      </c>
      <c r="O36" s="71">
        <v>0</v>
      </c>
      <c r="P36" s="72">
        <v>0</v>
      </c>
      <c r="Q36" s="244"/>
      <c r="R36" s="71">
        <v>2</v>
      </c>
      <c r="S36" s="71">
        <v>2</v>
      </c>
      <c r="T36" s="71">
        <v>3</v>
      </c>
      <c r="U36" s="71">
        <v>3</v>
      </c>
      <c r="V36" s="71">
        <v>0</v>
      </c>
      <c r="W36" s="72">
        <v>10</v>
      </c>
      <c r="X36" s="73">
        <v>10</v>
      </c>
      <c r="Y36" s="70">
        <v>5</v>
      </c>
      <c r="Z36" s="71">
        <v>6</v>
      </c>
      <c r="AA36" s="72">
        <v>11</v>
      </c>
      <c r="AB36" s="244"/>
      <c r="AC36" s="71">
        <v>9</v>
      </c>
      <c r="AD36" s="71">
        <v>8</v>
      </c>
      <c r="AE36" s="71">
        <v>5</v>
      </c>
      <c r="AF36" s="71">
        <v>6</v>
      </c>
      <c r="AG36" s="71">
        <v>5</v>
      </c>
      <c r="AH36" s="72">
        <v>33</v>
      </c>
      <c r="AI36" s="73">
        <v>44</v>
      </c>
      <c r="AJ36" s="70">
        <v>6</v>
      </c>
      <c r="AK36" s="71">
        <v>2</v>
      </c>
      <c r="AL36" s="72">
        <v>8</v>
      </c>
      <c r="AM36" s="244"/>
      <c r="AN36" s="71">
        <v>14</v>
      </c>
      <c r="AO36" s="71">
        <v>2</v>
      </c>
      <c r="AP36" s="71">
        <v>9</v>
      </c>
      <c r="AQ36" s="71">
        <v>3</v>
      </c>
      <c r="AR36" s="71">
        <v>3</v>
      </c>
      <c r="AS36" s="72">
        <v>31</v>
      </c>
      <c r="AT36" s="73">
        <v>39</v>
      </c>
      <c r="AU36" s="70">
        <v>10</v>
      </c>
      <c r="AV36" s="71">
        <v>6</v>
      </c>
      <c r="AW36" s="72">
        <v>16</v>
      </c>
      <c r="AX36" s="244"/>
      <c r="AY36" s="71">
        <v>13</v>
      </c>
      <c r="AZ36" s="71">
        <v>14</v>
      </c>
      <c r="BA36" s="71">
        <v>4</v>
      </c>
      <c r="BB36" s="71">
        <v>3</v>
      </c>
      <c r="BC36" s="71">
        <v>2</v>
      </c>
      <c r="BD36" s="72">
        <v>36</v>
      </c>
      <c r="BE36" s="73">
        <v>52</v>
      </c>
      <c r="BF36" s="70">
        <v>4</v>
      </c>
      <c r="BG36" s="71">
        <v>4</v>
      </c>
      <c r="BH36" s="72">
        <v>8</v>
      </c>
      <c r="BI36" s="244"/>
      <c r="BJ36" s="71">
        <v>9</v>
      </c>
      <c r="BK36" s="71">
        <v>8</v>
      </c>
      <c r="BL36" s="71">
        <v>12</v>
      </c>
      <c r="BM36" s="71">
        <v>8</v>
      </c>
      <c r="BN36" s="71">
        <v>4</v>
      </c>
      <c r="BO36" s="72">
        <v>41</v>
      </c>
      <c r="BP36" s="73">
        <v>49</v>
      </c>
      <c r="BQ36" s="70">
        <v>8</v>
      </c>
      <c r="BR36" s="71">
        <v>2</v>
      </c>
      <c r="BS36" s="72">
        <v>10</v>
      </c>
      <c r="BT36" s="244"/>
      <c r="BU36" s="71">
        <v>11</v>
      </c>
      <c r="BV36" s="71">
        <v>7</v>
      </c>
      <c r="BW36" s="71">
        <v>4</v>
      </c>
      <c r="BX36" s="71">
        <v>3</v>
      </c>
      <c r="BY36" s="71">
        <v>1</v>
      </c>
      <c r="BZ36" s="72">
        <v>26</v>
      </c>
      <c r="CA36" s="73">
        <v>36</v>
      </c>
      <c r="CB36" s="70">
        <v>1</v>
      </c>
      <c r="CC36" s="71">
        <v>0</v>
      </c>
      <c r="CD36" s="72">
        <v>1</v>
      </c>
      <c r="CE36" s="244"/>
      <c r="CF36" s="71">
        <v>1</v>
      </c>
      <c r="CG36" s="71">
        <v>1</v>
      </c>
      <c r="CH36" s="71">
        <v>0</v>
      </c>
      <c r="CI36" s="71">
        <v>1</v>
      </c>
      <c r="CJ36" s="71">
        <v>1</v>
      </c>
      <c r="CK36" s="72">
        <v>4</v>
      </c>
      <c r="CL36" s="73">
        <v>5</v>
      </c>
      <c r="CM36" s="70">
        <v>34</v>
      </c>
      <c r="CN36" s="71">
        <v>20</v>
      </c>
      <c r="CO36" s="72">
        <v>54</v>
      </c>
      <c r="CP36" s="244"/>
      <c r="CQ36" s="71">
        <v>59</v>
      </c>
      <c r="CR36" s="71">
        <v>42</v>
      </c>
      <c r="CS36" s="71">
        <v>37</v>
      </c>
      <c r="CT36" s="71">
        <v>27</v>
      </c>
      <c r="CU36" s="71">
        <v>16</v>
      </c>
      <c r="CV36" s="72">
        <v>181</v>
      </c>
      <c r="CW36" s="73">
        <v>235</v>
      </c>
      <c r="CX36" s="123">
        <v>48</v>
      </c>
      <c r="CY36" s="82">
        <v>75</v>
      </c>
      <c r="CZ36" s="83">
        <v>123</v>
      </c>
      <c r="DA36" s="241"/>
      <c r="DB36" s="82">
        <v>115</v>
      </c>
      <c r="DC36" s="82">
        <v>88</v>
      </c>
      <c r="DD36" s="82">
        <v>79</v>
      </c>
      <c r="DE36" s="82">
        <v>64</v>
      </c>
      <c r="DF36" s="82">
        <v>58</v>
      </c>
      <c r="DG36" s="84">
        <v>404</v>
      </c>
      <c r="DH36" s="85">
        <v>527</v>
      </c>
      <c r="DI36" s="70">
        <v>1</v>
      </c>
      <c r="DJ36" s="71">
        <v>2</v>
      </c>
      <c r="DK36" s="72">
        <v>3</v>
      </c>
      <c r="DL36" s="244"/>
      <c r="DM36" s="71">
        <v>2</v>
      </c>
      <c r="DN36" s="71">
        <v>2</v>
      </c>
      <c r="DO36" s="71">
        <v>1</v>
      </c>
      <c r="DP36" s="71">
        <v>3</v>
      </c>
      <c r="DQ36" s="71">
        <v>3</v>
      </c>
      <c r="DR36" s="72">
        <v>11</v>
      </c>
      <c r="DS36" s="73">
        <v>14</v>
      </c>
      <c r="DT36" s="70">
        <v>4</v>
      </c>
      <c r="DU36" s="71">
        <v>9</v>
      </c>
      <c r="DV36" s="72">
        <v>13</v>
      </c>
      <c r="DW36" s="244"/>
      <c r="DX36" s="71">
        <v>3</v>
      </c>
      <c r="DY36" s="71">
        <v>5</v>
      </c>
      <c r="DZ36" s="71">
        <v>4</v>
      </c>
      <c r="EA36" s="71">
        <v>1</v>
      </c>
      <c r="EB36" s="71">
        <v>4</v>
      </c>
      <c r="EC36" s="72">
        <v>17</v>
      </c>
      <c r="ED36" s="73">
        <v>30</v>
      </c>
      <c r="EE36" s="70">
        <v>2</v>
      </c>
      <c r="EF36" s="71">
        <v>9</v>
      </c>
      <c r="EG36" s="72">
        <v>11</v>
      </c>
      <c r="EH36" s="244"/>
      <c r="EI36" s="71">
        <v>14</v>
      </c>
      <c r="EJ36" s="71">
        <v>11</v>
      </c>
      <c r="EK36" s="71">
        <v>12</v>
      </c>
      <c r="EL36" s="71">
        <v>4</v>
      </c>
      <c r="EM36" s="71">
        <v>7</v>
      </c>
      <c r="EN36" s="72">
        <v>48</v>
      </c>
      <c r="EO36" s="73">
        <v>59</v>
      </c>
      <c r="EP36" s="70">
        <v>10</v>
      </c>
      <c r="EQ36" s="71">
        <v>12</v>
      </c>
      <c r="ER36" s="72">
        <v>22</v>
      </c>
      <c r="ES36" s="244"/>
      <c r="ET36" s="71">
        <v>30</v>
      </c>
      <c r="EU36" s="71">
        <v>15</v>
      </c>
      <c r="EV36" s="71">
        <v>11</v>
      </c>
      <c r="EW36" s="71">
        <v>15</v>
      </c>
      <c r="EX36" s="71">
        <v>7</v>
      </c>
      <c r="EY36" s="72">
        <v>78</v>
      </c>
      <c r="EZ36" s="73">
        <v>100</v>
      </c>
      <c r="FA36" s="70">
        <v>21</v>
      </c>
      <c r="FB36" s="71">
        <v>24</v>
      </c>
      <c r="FC36" s="72">
        <v>45</v>
      </c>
      <c r="FD36" s="244"/>
      <c r="FE36" s="71">
        <v>35</v>
      </c>
      <c r="FF36" s="71">
        <v>20</v>
      </c>
      <c r="FG36" s="71">
        <v>19</v>
      </c>
      <c r="FH36" s="71">
        <v>13</v>
      </c>
      <c r="FI36" s="71">
        <v>14</v>
      </c>
      <c r="FJ36" s="72">
        <v>101</v>
      </c>
      <c r="FK36" s="73">
        <v>146</v>
      </c>
      <c r="FL36" s="70">
        <v>10</v>
      </c>
      <c r="FM36" s="71">
        <v>19</v>
      </c>
      <c r="FN36" s="72">
        <v>29</v>
      </c>
      <c r="FO36" s="244"/>
      <c r="FP36" s="71">
        <v>31</v>
      </c>
      <c r="FQ36" s="71">
        <v>35</v>
      </c>
      <c r="FR36" s="71">
        <v>32</v>
      </c>
      <c r="FS36" s="71">
        <v>28</v>
      </c>
      <c r="FT36" s="71">
        <v>23</v>
      </c>
      <c r="FU36" s="72">
        <v>149</v>
      </c>
      <c r="FV36" s="73">
        <v>178</v>
      </c>
      <c r="FW36" s="70">
        <v>0</v>
      </c>
      <c r="FX36" s="71">
        <v>0</v>
      </c>
      <c r="FY36" s="72">
        <v>0</v>
      </c>
      <c r="FZ36" s="244"/>
      <c r="GA36" s="71">
        <v>1</v>
      </c>
      <c r="GB36" s="71">
        <v>0</v>
      </c>
      <c r="GC36" s="71">
        <v>0</v>
      </c>
      <c r="GD36" s="71">
        <v>0</v>
      </c>
      <c r="GE36" s="71">
        <v>1</v>
      </c>
      <c r="GF36" s="72">
        <v>2</v>
      </c>
      <c r="GG36" s="73">
        <v>2</v>
      </c>
      <c r="GH36" s="70">
        <v>48</v>
      </c>
      <c r="GI36" s="71">
        <v>75</v>
      </c>
      <c r="GJ36" s="72">
        <v>123</v>
      </c>
      <c r="GK36" s="244"/>
      <c r="GL36" s="71">
        <v>116</v>
      </c>
      <c r="GM36" s="71">
        <v>88</v>
      </c>
      <c r="GN36" s="71">
        <v>79</v>
      </c>
      <c r="GO36" s="71">
        <v>64</v>
      </c>
      <c r="GP36" s="71">
        <v>59</v>
      </c>
      <c r="GQ36" s="72">
        <v>406</v>
      </c>
      <c r="GR36" s="73">
        <v>529</v>
      </c>
      <c r="GS36" s="123">
        <v>81</v>
      </c>
      <c r="GT36" s="82">
        <v>95</v>
      </c>
      <c r="GU36" s="83">
        <v>176</v>
      </c>
      <c r="GV36" s="241"/>
      <c r="GW36" s="82">
        <v>173</v>
      </c>
      <c r="GX36" s="82">
        <v>129</v>
      </c>
      <c r="GY36" s="82">
        <v>116</v>
      </c>
      <c r="GZ36" s="82">
        <v>90</v>
      </c>
      <c r="HA36" s="82">
        <v>73</v>
      </c>
      <c r="HB36" s="84">
        <v>581</v>
      </c>
      <c r="HC36" s="85">
        <v>757</v>
      </c>
      <c r="HD36" s="70">
        <v>1</v>
      </c>
      <c r="HE36" s="71">
        <v>2</v>
      </c>
      <c r="HF36" s="72">
        <v>3</v>
      </c>
      <c r="HG36" s="244"/>
      <c r="HH36" s="71">
        <v>4</v>
      </c>
      <c r="HI36" s="71">
        <v>4</v>
      </c>
      <c r="HJ36" s="71">
        <v>4</v>
      </c>
      <c r="HK36" s="71">
        <v>6</v>
      </c>
      <c r="HL36" s="71">
        <v>3</v>
      </c>
      <c r="HM36" s="72">
        <v>21</v>
      </c>
      <c r="HN36" s="73">
        <v>24</v>
      </c>
      <c r="HO36" s="70">
        <v>9</v>
      </c>
      <c r="HP36" s="71">
        <v>15</v>
      </c>
      <c r="HQ36" s="72">
        <v>24</v>
      </c>
      <c r="HR36" s="244"/>
      <c r="HS36" s="71">
        <v>12</v>
      </c>
      <c r="HT36" s="71">
        <v>13</v>
      </c>
      <c r="HU36" s="71">
        <v>9</v>
      </c>
      <c r="HV36" s="71">
        <v>7</v>
      </c>
      <c r="HW36" s="71">
        <v>9</v>
      </c>
      <c r="HX36" s="72">
        <v>50</v>
      </c>
      <c r="HY36" s="73">
        <v>74</v>
      </c>
      <c r="HZ36" s="70">
        <v>8</v>
      </c>
      <c r="IA36" s="71">
        <v>11</v>
      </c>
      <c r="IB36" s="72">
        <v>19</v>
      </c>
      <c r="IC36" s="244"/>
      <c r="ID36" s="71">
        <v>28</v>
      </c>
      <c r="IE36" s="71">
        <v>13</v>
      </c>
      <c r="IF36" s="71">
        <v>21</v>
      </c>
      <c r="IG36" s="71">
        <v>7</v>
      </c>
      <c r="IH36" s="71">
        <v>10</v>
      </c>
      <c r="II36" s="72">
        <v>79</v>
      </c>
      <c r="IJ36" s="73">
        <v>98</v>
      </c>
      <c r="IK36" s="70">
        <v>20</v>
      </c>
      <c r="IL36" s="71">
        <v>18</v>
      </c>
      <c r="IM36" s="72">
        <v>38</v>
      </c>
      <c r="IN36" s="244"/>
      <c r="IO36" s="71">
        <v>43</v>
      </c>
      <c r="IP36" s="71">
        <v>29</v>
      </c>
      <c r="IQ36" s="71">
        <v>15</v>
      </c>
      <c r="IR36" s="71">
        <v>18</v>
      </c>
      <c r="IS36" s="71">
        <v>9</v>
      </c>
      <c r="IT36" s="72">
        <v>114</v>
      </c>
      <c r="IU36" s="73">
        <v>152</v>
      </c>
      <c r="IV36" s="70">
        <v>25</v>
      </c>
      <c r="IW36" s="71">
        <v>28</v>
      </c>
      <c r="IX36" s="72">
        <v>53</v>
      </c>
      <c r="IY36" s="244"/>
      <c r="IZ36" s="71">
        <v>44</v>
      </c>
      <c r="JA36" s="71">
        <v>28</v>
      </c>
      <c r="JB36" s="71">
        <v>31</v>
      </c>
      <c r="JC36" s="71">
        <v>21</v>
      </c>
      <c r="JD36" s="71">
        <v>18</v>
      </c>
      <c r="JE36" s="72">
        <v>142</v>
      </c>
      <c r="JF36" s="73">
        <v>195</v>
      </c>
      <c r="JG36" s="70">
        <v>18</v>
      </c>
      <c r="JH36" s="71">
        <v>21</v>
      </c>
      <c r="JI36" s="72">
        <v>39</v>
      </c>
      <c r="JJ36" s="244"/>
      <c r="JK36" s="71">
        <v>42</v>
      </c>
      <c r="JL36" s="71">
        <v>42</v>
      </c>
      <c r="JM36" s="71">
        <v>36</v>
      </c>
      <c r="JN36" s="71">
        <v>31</v>
      </c>
      <c r="JO36" s="71">
        <v>24</v>
      </c>
      <c r="JP36" s="72">
        <v>175</v>
      </c>
      <c r="JQ36" s="73">
        <v>214</v>
      </c>
      <c r="JR36" s="70">
        <v>1</v>
      </c>
      <c r="JS36" s="71">
        <v>0</v>
      </c>
      <c r="JT36" s="72">
        <v>1</v>
      </c>
      <c r="JU36" s="244"/>
      <c r="JV36" s="71">
        <v>2</v>
      </c>
      <c r="JW36" s="71">
        <v>1</v>
      </c>
      <c r="JX36" s="71">
        <v>0</v>
      </c>
      <c r="JY36" s="71">
        <v>1</v>
      </c>
      <c r="JZ36" s="71">
        <v>2</v>
      </c>
      <c r="KA36" s="72">
        <v>6</v>
      </c>
      <c r="KB36" s="73">
        <v>7</v>
      </c>
      <c r="KC36" s="70">
        <v>82</v>
      </c>
      <c r="KD36" s="71">
        <v>95</v>
      </c>
      <c r="KE36" s="72">
        <v>177</v>
      </c>
      <c r="KF36" s="244"/>
      <c r="KG36" s="71">
        <v>175</v>
      </c>
      <c r="KH36" s="71">
        <v>130</v>
      </c>
      <c r="KI36" s="71">
        <v>116</v>
      </c>
      <c r="KJ36" s="71">
        <v>91</v>
      </c>
      <c r="KK36" s="71">
        <v>75</v>
      </c>
      <c r="KL36" s="72">
        <v>587</v>
      </c>
      <c r="KM36" s="73">
        <v>764</v>
      </c>
    </row>
    <row r="37" spans="2:299" ht="21" customHeight="1" x14ac:dyDescent="0.2">
      <c r="B37" s="126" t="s">
        <v>34</v>
      </c>
      <c r="C37" s="315">
        <v>14</v>
      </c>
      <c r="D37" s="82">
        <v>20</v>
      </c>
      <c r="E37" s="83">
        <v>34</v>
      </c>
      <c r="F37" s="241"/>
      <c r="G37" s="82">
        <v>38</v>
      </c>
      <c r="H37" s="82">
        <v>37</v>
      </c>
      <c r="I37" s="82">
        <v>16</v>
      </c>
      <c r="J37" s="82">
        <v>27</v>
      </c>
      <c r="K37" s="82">
        <v>14</v>
      </c>
      <c r="L37" s="84">
        <v>132</v>
      </c>
      <c r="M37" s="85">
        <v>166</v>
      </c>
      <c r="N37" s="70">
        <v>0</v>
      </c>
      <c r="O37" s="71">
        <v>4</v>
      </c>
      <c r="P37" s="72">
        <v>4</v>
      </c>
      <c r="Q37" s="244"/>
      <c r="R37" s="71">
        <v>1</v>
      </c>
      <c r="S37" s="71">
        <v>2</v>
      </c>
      <c r="T37" s="71">
        <v>1</v>
      </c>
      <c r="U37" s="71">
        <v>3</v>
      </c>
      <c r="V37" s="71">
        <v>0</v>
      </c>
      <c r="W37" s="72">
        <v>7</v>
      </c>
      <c r="X37" s="73">
        <v>11</v>
      </c>
      <c r="Y37" s="70">
        <v>1</v>
      </c>
      <c r="Z37" s="71">
        <v>2</v>
      </c>
      <c r="AA37" s="72">
        <v>3</v>
      </c>
      <c r="AB37" s="244"/>
      <c r="AC37" s="71">
        <v>2</v>
      </c>
      <c r="AD37" s="71">
        <v>2</v>
      </c>
      <c r="AE37" s="71">
        <v>3</v>
      </c>
      <c r="AF37" s="71">
        <v>0</v>
      </c>
      <c r="AG37" s="71">
        <v>1</v>
      </c>
      <c r="AH37" s="72">
        <v>8</v>
      </c>
      <c r="AI37" s="73">
        <v>11</v>
      </c>
      <c r="AJ37" s="70">
        <v>1</v>
      </c>
      <c r="AK37" s="71">
        <v>3</v>
      </c>
      <c r="AL37" s="72">
        <v>4</v>
      </c>
      <c r="AM37" s="244"/>
      <c r="AN37" s="71">
        <v>5</v>
      </c>
      <c r="AO37" s="71">
        <v>5</v>
      </c>
      <c r="AP37" s="71">
        <v>1</v>
      </c>
      <c r="AQ37" s="71">
        <v>10</v>
      </c>
      <c r="AR37" s="71">
        <v>2</v>
      </c>
      <c r="AS37" s="72">
        <v>23</v>
      </c>
      <c r="AT37" s="73">
        <v>27</v>
      </c>
      <c r="AU37" s="70">
        <v>6</v>
      </c>
      <c r="AV37" s="71">
        <v>3</v>
      </c>
      <c r="AW37" s="72">
        <v>9</v>
      </c>
      <c r="AX37" s="244"/>
      <c r="AY37" s="71">
        <v>12</v>
      </c>
      <c r="AZ37" s="71">
        <v>12</v>
      </c>
      <c r="BA37" s="71">
        <v>1</v>
      </c>
      <c r="BB37" s="71">
        <v>5</v>
      </c>
      <c r="BC37" s="71">
        <v>3</v>
      </c>
      <c r="BD37" s="72">
        <v>33</v>
      </c>
      <c r="BE37" s="73">
        <v>42</v>
      </c>
      <c r="BF37" s="70">
        <v>4</v>
      </c>
      <c r="BG37" s="71">
        <v>6</v>
      </c>
      <c r="BH37" s="72">
        <v>10</v>
      </c>
      <c r="BI37" s="244"/>
      <c r="BJ37" s="71">
        <v>13</v>
      </c>
      <c r="BK37" s="71">
        <v>7</v>
      </c>
      <c r="BL37" s="71">
        <v>6</v>
      </c>
      <c r="BM37" s="71">
        <v>5</v>
      </c>
      <c r="BN37" s="71">
        <v>4</v>
      </c>
      <c r="BO37" s="72">
        <v>35</v>
      </c>
      <c r="BP37" s="73">
        <v>45</v>
      </c>
      <c r="BQ37" s="70">
        <v>2</v>
      </c>
      <c r="BR37" s="71">
        <v>2</v>
      </c>
      <c r="BS37" s="72">
        <v>4</v>
      </c>
      <c r="BT37" s="244"/>
      <c r="BU37" s="71">
        <v>5</v>
      </c>
      <c r="BV37" s="71">
        <v>9</v>
      </c>
      <c r="BW37" s="71">
        <v>4</v>
      </c>
      <c r="BX37" s="71">
        <v>4</v>
      </c>
      <c r="BY37" s="71">
        <v>4</v>
      </c>
      <c r="BZ37" s="72">
        <v>26</v>
      </c>
      <c r="CA37" s="73">
        <v>30</v>
      </c>
      <c r="CB37" s="70">
        <v>0</v>
      </c>
      <c r="CC37" s="71">
        <v>0</v>
      </c>
      <c r="CD37" s="72">
        <v>0</v>
      </c>
      <c r="CE37" s="244"/>
      <c r="CF37" s="71">
        <v>3</v>
      </c>
      <c r="CG37" s="71">
        <v>2</v>
      </c>
      <c r="CH37" s="71">
        <v>0</v>
      </c>
      <c r="CI37" s="71">
        <v>1</v>
      </c>
      <c r="CJ37" s="71">
        <v>2</v>
      </c>
      <c r="CK37" s="72">
        <v>8</v>
      </c>
      <c r="CL37" s="73">
        <v>8</v>
      </c>
      <c r="CM37" s="70">
        <v>14</v>
      </c>
      <c r="CN37" s="71">
        <v>20</v>
      </c>
      <c r="CO37" s="72">
        <v>34</v>
      </c>
      <c r="CP37" s="244"/>
      <c r="CQ37" s="71">
        <v>41</v>
      </c>
      <c r="CR37" s="71">
        <v>39</v>
      </c>
      <c r="CS37" s="71">
        <v>16</v>
      </c>
      <c r="CT37" s="71">
        <v>28</v>
      </c>
      <c r="CU37" s="71">
        <v>16</v>
      </c>
      <c r="CV37" s="72">
        <v>140</v>
      </c>
      <c r="CW37" s="73">
        <v>174</v>
      </c>
      <c r="CX37" s="123">
        <v>46</v>
      </c>
      <c r="CY37" s="82">
        <v>37</v>
      </c>
      <c r="CZ37" s="83">
        <v>83</v>
      </c>
      <c r="DA37" s="241"/>
      <c r="DB37" s="82">
        <v>90</v>
      </c>
      <c r="DC37" s="82">
        <v>57</v>
      </c>
      <c r="DD37" s="82">
        <v>43</v>
      </c>
      <c r="DE37" s="82">
        <v>52</v>
      </c>
      <c r="DF37" s="82">
        <v>25</v>
      </c>
      <c r="DG37" s="84">
        <v>267</v>
      </c>
      <c r="DH37" s="85">
        <v>350</v>
      </c>
      <c r="DI37" s="70">
        <v>1</v>
      </c>
      <c r="DJ37" s="71">
        <v>0</v>
      </c>
      <c r="DK37" s="72">
        <v>1</v>
      </c>
      <c r="DL37" s="244"/>
      <c r="DM37" s="71">
        <v>1</v>
      </c>
      <c r="DN37" s="71">
        <v>0</v>
      </c>
      <c r="DO37" s="71">
        <v>2</v>
      </c>
      <c r="DP37" s="71">
        <v>0</v>
      </c>
      <c r="DQ37" s="71">
        <v>1</v>
      </c>
      <c r="DR37" s="72">
        <v>4</v>
      </c>
      <c r="DS37" s="73">
        <v>5</v>
      </c>
      <c r="DT37" s="70">
        <v>2</v>
      </c>
      <c r="DU37" s="71">
        <v>1</v>
      </c>
      <c r="DV37" s="72">
        <v>3</v>
      </c>
      <c r="DW37" s="244"/>
      <c r="DX37" s="71">
        <v>8</v>
      </c>
      <c r="DY37" s="71">
        <v>2</v>
      </c>
      <c r="DZ37" s="71">
        <v>1</v>
      </c>
      <c r="EA37" s="71">
        <v>0</v>
      </c>
      <c r="EB37" s="71">
        <v>3</v>
      </c>
      <c r="EC37" s="72">
        <v>14</v>
      </c>
      <c r="ED37" s="73">
        <v>17</v>
      </c>
      <c r="EE37" s="70">
        <v>5</v>
      </c>
      <c r="EF37" s="71">
        <v>2</v>
      </c>
      <c r="EG37" s="72">
        <v>7</v>
      </c>
      <c r="EH37" s="244"/>
      <c r="EI37" s="71">
        <v>8</v>
      </c>
      <c r="EJ37" s="71">
        <v>4</v>
      </c>
      <c r="EK37" s="71">
        <v>4</v>
      </c>
      <c r="EL37" s="71">
        <v>5</v>
      </c>
      <c r="EM37" s="71">
        <v>0</v>
      </c>
      <c r="EN37" s="72">
        <v>21</v>
      </c>
      <c r="EO37" s="73">
        <v>28</v>
      </c>
      <c r="EP37" s="70">
        <v>12</v>
      </c>
      <c r="EQ37" s="71">
        <v>11</v>
      </c>
      <c r="ER37" s="72">
        <v>23</v>
      </c>
      <c r="ES37" s="244"/>
      <c r="ET37" s="71">
        <v>16</v>
      </c>
      <c r="EU37" s="71">
        <v>13</v>
      </c>
      <c r="EV37" s="71">
        <v>6</v>
      </c>
      <c r="EW37" s="71">
        <v>8</v>
      </c>
      <c r="EX37" s="71">
        <v>3</v>
      </c>
      <c r="EY37" s="72">
        <v>46</v>
      </c>
      <c r="EZ37" s="73">
        <v>69</v>
      </c>
      <c r="FA37" s="70">
        <v>17</v>
      </c>
      <c r="FB37" s="71">
        <v>16</v>
      </c>
      <c r="FC37" s="72">
        <v>33</v>
      </c>
      <c r="FD37" s="244"/>
      <c r="FE37" s="71">
        <v>27</v>
      </c>
      <c r="FF37" s="71">
        <v>12</v>
      </c>
      <c r="FG37" s="71">
        <v>11</v>
      </c>
      <c r="FH37" s="71">
        <v>18</v>
      </c>
      <c r="FI37" s="71">
        <v>4</v>
      </c>
      <c r="FJ37" s="72">
        <v>72</v>
      </c>
      <c r="FK37" s="73">
        <v>105</v>
      </c>
      <c r="FL37" s="70">
        <v>9</v>
      </c>
      <c r="FM37" s="71">
        <v>7</v>
      </c>
      <c r="FN37" s="72">
        <v>16</v>
      </c>
      <c r="FO37" s="244"/>
      <c r="FP37" s="71">
        <v>30</v>
      </c>
      <c r="FQ37" s="71">
        <v>26</v>
      </c>
      <c r="FR37" s="71">
        <v>19</v>
      </c>
      <c r="FS37" s="71">
        <v>21</v>
      </c>
      <c r="FT37" s="71">
        <v>14</v>
      </c>
      <c r="FU37" s="72">
        <v>110</v>
      </c>
      <c r="FV37" s="73">
        <v>126</v>
      </c>
      <c r="FW37" s="70">
        <v>0</v>
      </c>
      <c r="FX37" s="71">
        <v>0</v>
      </c>
      <c r="FY37" s="72">
        <v>0</v>
      </c>
      <c r="FZ37" s="244"/>
      <c r="GA37" s="71">
        <v>1</v>
      </c>
      <c r="GB37" s="71">
        <v>1</v>
      </c>
      <c r="GC37" s="71">
        <v>1</v>
      </c>
      <c r="GD37" s="71">
        <v>0</v>
      </c>
      <c r="GE37" s="71">
        <v>1</v>
      </c>
      <c r="GF37" s="72">
        <v>4</v>
      </c>
      <c r="GG37" s="73">
        <v>4</v>
      </c>
      <c r="GH37" s="70">
        <v>46</v>
      </c>
      <c r="GI37" s="71">
        <v>37</v>
      </c>
      <c r="GJ37" s="72">
        <v>83</v>
      </c>
      <c r="GK37" s="244"/>
      <c r="GL37" s="71">
        <v>91</v>
      </c>
      <c r="GM37" s="71">
        <v>58</v>
      </c>
      <c r="GN37" s="71">
        <v>44</v>
      </c>
      <c r="GO37" s="71">
        <v>52</v>
      </c>
      <c r="GP37" s="71">
        <v>26</v>
      </c>
      <c r="GQ37" s="72">
        <v>271</v>
      </c>
      <c r="GR37" s="73">
        <v>354</v>
      </c>
      <c r="GS37" s="123">
        <v>60</v>
      </c>
      <c r="GT37" s="82">
        <v>57</v>
      </c>
      <c r="GU37" s="83">
        <v>117</v>
      </c>
      <c r="GV37" s="241"/>
      <c r="GW37" s="82">
        <v>128</v>
      </c>
      <c r="GX37" s="82">
        <v>94</v>
      </c>
      <c r="GY37" s="82">
        <v>59</v>
      </c>
      <c r="GZ37" s="82">
        <v>79</v>
      </c>
      <c r="HA37" s="82">
        <v>39</v>
      </c>
      <c r="HB37" s="84">
        <v>399</v>
      </c>
      <c r="HC37" s="85">
        <v>516</v>
      </c>
      <c r="HD37" s="70">
        <v>1</v>
      </c>
      <c r="HE37" s="71">
        <v>4</v>
      </c>
      <c r="HF37" s="72">
        <v>5</v>
      </c>
      <c r="HG37" s="244"/>
      <c r="HH37" s="71">
        <v>2</v>
      </c>
      <c r="HI37" s="71">
        <v>2</v>
      </c>
      <c r="HJ37" s="71">
        <v>3</v>
      </c>
      <c r="HK37" s="71">
        <v>3</v>
      </c>
      <c r="HL37" s="71">
        <v>1</v>
      </c>
      <c r="HM37" s="72">
        <v>11</v>
      </c>
      <c r="HN37" s="73">
        <v>16</v>
      </c>
      <c r="HO37" s="70">
        <v>3</v>
      </c>
      <c r="HP37" s="71">
        <v>3</v>
      </c>
      <c r="HQ37" s="72">
        <v>6</v>
      </c>
      <c r="HR37" s="244"/>
      <c r="HS37" s="71">
        <v>10</v>
      </c>
      <c r="HT37" s="71">
        <v>4</v>
      </c>
      <c r="HU37" s="71">
        <v>4</v>
      </c>
      <c r="HV37" s="71">
        <v>0</v>
      </c>
      <c r="HW37" s="71">
        <v>4</v>
      </c>
      <c r="HX37" s="72">
        <v>22</v>
      </c>
      <c r="HY37" s="73">
        <v>28</v>
      </c>
      <c r="HZ37" s="70">
        <v>6</v>
      </c>
      <c r="IA37" s="71">
        <v>5</v>
      </c>
      <c r="IB37" s="72">
        <v>11</v>
      </c>
      <c r="IC37" s="244"/>
      <c r="ID37" s="71">
        <v>13</v>
      </c>
      <c r="IE37" s="71">
        <v>9</v>
      </c>
      <c r="IF37" s="71">
        <v>5</v>
      </c>
      <c r="IG37" s="71">
        <v>15</v>
      </c>
      <c r="IH37" s="71">
        <v>2</v>
      </c>
      <c r="II37" s="72">
        <v>44</v>
      </c>
      <c r="IJ37" s="73">
        <v>55</v>
      </c>
      <c r="IK37" s="70">
        <v>18</v>
      </c>
      <c r="IL37" s="71">
        <v>14</v>
      </c>
      <c r="IM37" s="72">
        <v>32</v>
      </c>
      <c r="IN37" s="244"/>
      <c r="IO37" s="71">
        <v>28</v>
      </c>
      <c r="IP37" s="71">
        <v>25</v>
      </c>
      <c r="IQ37" s="71">
        <v>7</v>
      </c>
      <c r="IR37" s="71">
        <v>13</v>
      </c>
      <c r="IS37" s="71">
        <v>6</v>
      </c>
      <c r="IT37" s="72">
        <v>79</v>
      </c>
      <c r="IU37" s="73">
        <v>111</v>
      </c>
      <c r="IV37" s="70">
        <v>21</v>
      </c>
      <c r="IW37" s="71">
        <v>22</v>
      </c>
      <c r="IX37" s="72">
        <v>43</v>
      </c>
      <c r="IY37" s="244"/>
      <c r="IZ37" s="71">
        <v>40</v>
      </c>
      <c r="JA37" s="71">
        <v>19</v>
      </c>
      <c r="JB37" s="71">
        <v>17</v>
      </c>
      <c r="JC37" s="71">
        <v>23</v>
      </c>
      <c r="JD37" s="71">
        <v>8</v>
      </c>
      <c r="JE37" s="72">
        <v>107</v>
      </c>
      <c r="JF37" s="73">
        <v>150</v>
      </c>
      <c r="JG37" s="70">
        <v>11</v>
      </c>
      <c r="JH37" s="71">
        <v>9</v>
      </c>
      <c r="JI37" s="72">
        <v>20</v>
      </c>
      <c r="JJ37" s="244"/>
      <c r="JK37" s="71">
        <v>35</v>
      </c>
      <c r="JL37" s="71">
        <v>35</v>
      </c>
      <c r="JM37" s="71">
        <v>23</v>
      </c>
      <c r="JN37" s="71">
        <v>25</v>
      </c>
      <c r="JO37" s="71">
        <v>18</v>
      </c>
      <c r="JP37" s="72">
        <v>136</v>
      </c>
      <c r="JQ37" s="73">
        <v>156</v>
      </c>
      <c r="JR37" s="70">
        <v>0</v>
      </c>
      <c r="JS37" s="71">
        <v>0</v>
      </c>
      <c r="JT37" s="72">
        <v>0</v>
      </c>
      <c r="JU37" s="244"/>
      <c r="JV37" s="71">
        <v>4</v>
      </c>
      <c r="JW37" s="71">
        <v>3</v>
      </c>
      <c r="JX37" s="71">
        <v>1</v>
      </c>
      <c r="JY37" s="71">
        <v>1</v>
      </c>
      <c r="JZ37" s="71">
        <v>3</v>
      </c>
      <c r="KA37" s="72">
        <v>12</v>
      </c>
      <c r="KB37" s="73">
        <v>12</v>
      </c>
      <c r="KC37" s="70">
        <v>60</v>
      </c>
      <c r="KD37" s="71">
        <v>57</v>
      </c>
      <c r="KE37" s="72">
        <v>117</v>
      </c>
      <c r="KF37" s="244"/>
      <c r="KG37" s="71">
        <v>132</v>
      </c>
      <c r="KH37" s="71">
        <v>97</v>
      </c>
      <c r="KI37" s="71">
        <v>60</v>
      </c>
      <c r="KJ37" s="71">
        <v>80</v>
      </c>
      <c r="KK37" s="71">
        <v>42</v>
      </c>
      <c r="KL37" s="72">
        <v>411</v>
      </c>
      <c r="KM37" s="73">
        <v>528</v>
      </c>
    </row>
    <row r="38" spans="2:299" ht="21" customHeight="1" x14ac:dyDescent="0.2">
      <c r="B38" s="126" t="s">
        <v>35</v>
      </c>
      <c r="C38" s="315">
        <v>47</v>
      </c>
      <c r="D38" s="82">
        <v>55</v>
      </c>
      <c r="E38" s="83">
        <v>102</v>
      </c>
      <c r="F38" s="241"/>
      <c r="G38" s="82">
        <v>181</v>
      </c>
      <c r="H38" s="82">
        <v>88</v>
      </c>
      <c r="I38" s="82">
        <v>61</v>
      </c>
      <c r="J38" s="82">
        <v>52</v>
      </c>
      <c r="K38" s="82">
        <v>22</v>
      </c>
      <c r="L38" s="84">
        <v>404</v>
      </c>
      <c r="M38" s="85">
        <v>506</v>
      </c>
      <c r="N38" s="70">
        <v>1</v>
      </c>
      <c r="O38" s="71">
        <v>2</v>
      </c>
      <c r="P38" s="72">
        <v>3</v>
      </c>
      <c r="Q38" s="244"/>
      <c r="R38" s="71">
        <v>10</v>
      </c>
      <c r="S38" s="71">
        <v>3</v>
      </c>
      <c r="T38" s="71">
        <v>6</v>
      </c>
      <c r="U38" s="71">
        <v>6</v>
      </c>
      <c r="V38" s="71">
        <v>3</v>
      </c>
      <c r="W38" s="72">
        <v>28</v>
      </c>
      <c r="X38" s="73">
        <v>31</v>
      </c>
      <c r="Y38" s="70">
        <v>7</v>
      </c>
      <c r="Z38" s="71">
        <v>5</v>
      </c>
      <c r="AA38" s="72">
        <v>12</v>
      </c>
      <c r="AB38" s="244"/>
      <c r="AC38" s="71">
        <v>10</v>
      </c>
      <c r="AD38" s="71">
        <v>10</v>
      </c>
      <c r="AE38" s="71">
        <v>5</v>
      </c>
      <c r="AF38" s="71">
        <v>4</v>
      </c>
      <c r="AG38" s="71">
        <v>2</v>
      </c>
      <c r="AH38" s="72">
        <v>31</v>
      </c>
      <c r="AI38" s="73">
        <v>43</v>
      </c>
      <c r="AJ38" s="70">
        <v>9</v>
      </c>
      <c r="AK38" s="71">
        <v>14</v>
      </c>
      <c r="AL38" s="72">
        <v>23</v>
      </c>
      <c r="AM38" s="244"/>
      <c r="AN38" s="71">
        <v>31</v>
      </c>
      <c r="AO38" s="71">
        <v>15</v>
      </c>
      <c r="AP38" s="71">
        <v>10</v>
      </c>
      <c r="AQ38" s="71">
        <v>12</v>
      </c>
      <c r="AR38" s="71">
        <v>5</v>
      </c>
      <c r="AS38" s="72">
        <v>73</v>
      </c>
      <c r="AT38" s="73">
        <v>96</v>
      </c>
      <c r="AU38" s="70">
        <v>14</v>
      </c>
      <c r="AV38" s="71">
        <v>11</v>
      </c>
      <c r="AW38" s="72">
        <v>25</v>
      </c>
      <c r="AX38" s="244"/>
      <c r="AY38" s="71">
        <v>47</v>
      </c>
      <c r="AZ38" s="71">
        <v>24</v>
      </c>
      <c r="BA38" s="71">
        <v>14</v>
      </c>
      <c r="BB38" s="71">
        <v>7</v>
      </c>
      <c r="BC38" s="71">
        <v>3</v>
      </c>
      <c r="BD38" s="72">
        <v>95</v>
      </c>
      <c r="BE38" s="73">
        <v>120</v>
      </c>
      <c r="BF38" s="70">
        <v>7</v>
      </c>
      <c r="BG38" s="71">
        <v>16</v>
      </c>
      <c r="BH38" s="72">
        <v>23</v>
      </c>
      <c r="BI38" s="244"/>
      <c r="BJ38" s="71">
        <v>54</v>
      </c>
      <c r="BK38" s="71">
        <v>16</v>
      </c>
      <c r="BL38" s="71">
        <v>14</v>
      </c>
      <c r="BM38" s="71">
        <v>14</v>
      </c>
      <c r="BN38" s="71">
        <v>3</v>
      </c>
      <c r="BO38" s="72">
        <v>101</v>
      </c>
      <c r="BP38" s="73">
        <v>124</v>
      </c>
      <c r="BQ38" s="70">
        <v>9</v>
      </c>
      <c r="BR38" s="71">
        <v>7</v>
      </c>
      <c r="BS38" s="72">
        <v>16</v>
      </c>
      <c r="BT38" s="244"/>
      <c r="BU38" s="71">
        <v>29</v>
      </c>
      <c r="BV38" s="71">
        <v>20</v>
      </c>
      <c r="BW38" s="71">
        <v>12</v>
      </c>
      <c r="BX38" s="71">
        <v>9</v>
      </c>
      <c r="BY38" s="71">
        <v>6</v>
      </c>
      <c r="BZ38" s="72">
        <v>76</v>
      </c>
      <c r="CA38" s="73">
        <v>92</v>
      </c>
      <c r="CB38" s="70">
        <v>1</v>
      </c>
      <c r="CC38" s="71">
        <v>1</v>
      </c>
      <c r="CD38" s="72">
        <v>2</v>
      </c>
      <c r="CE38" s="244"/>
      <c r="CF38" s="71">
        <v>3</v>
      </c>
      <c r="CG38" s="71">
        <v>1</v>
      </c>
      <c r="CH38" s="71">
        <v>0</v>
      </c>
      <c r="CI38" s="71">
        <v>2</v>
      </c>
      <c r="CJ38" s="71">
        <v>1</v>
      </c>
      <c r="CK38" s="72">
        <v>7</v>
      </c>
      <c r="CL38" s="73">
        <v>9</v>
      </c>
      <c r="CM38" s="70">
        <v>48</v>
      </c>
      <c r="CN38" s="71">
        <v>56</v>
      </c>
      <c r="CO38" s="72">
        <v>104</v>
      </c>
      <c r="CP38" s="244"/>
      <c r="CQ38" s="71">
        <v>184</v>
      </c>
      <c r="CR38" s="71">
        <v>89</v>
      </c>
      <c r="CS38" s="71">
        <v>61</v>
      </c>
      <c r="CT38" s="71">
        <v>54</v>
      </c>
      <c r="CU38" s="71">
        <v>23</v>
      </c>
      <c r="CV38" s="72">
        <v>411</v>
      </c>
      <c r="CW38" s="73">
        <v>515</v>
      </c>
      <c r="CX38" s="123">
        <v>129</v>
      </c>
      <c r="CY38" s="82">
        <v>152</v>
      </c>
      <c r="CZ38" s="83">
        <v>281</v>
      </c>
      <c r="DA38" s="241"/>
      <c r="DB38" s="82">
        <v>321</v>
      </c>
      <c r="DC38" s="82">
        <v>198</v>
      </c>
      <c r="DD38" s="82">
        <v>145</v>
      </c>
      <c r="DE38" s="82">
        <v>169</v>
      </c>
      <c r="DF38" s="82">
        <v>85</v>
      </c>
      <c r="DG38" s="84">
        <v>918</v>
      </c>
      <c r="DH38" s="85">
        <v>1199</v>
      </c>
      <c r="DI38" s="70">
        <v>3</v>
      </c>
      <c r="DJ38" s="71">
        <v>5</v>
      </c>
      <c r="DK38" s="72">
        <v>8</v>
      </c>
      <c r="DL38" s="244"/>
      <c r="DM38" s="71">
        <v>3</v>
      </c>
      <c r="DN38" s="71">
        <v>5</v>
      </c>
      <c r="DO38" s="71">
        <v>2</v>
      </c>
      <c r="DP38" s="71">
        <v>7</v>
      </c>
      <c r="DQ38" s="71">
        <v>0</v>
      </c>
      <c r="DR38" s="72">
        <v>17</v>
      </c>
      <c r="DS38" s="73">
        <v>25</v>
      </c>
      <c r="DT38" s="70">
        <v>3</v>
      </c>
      <c r="DU38" s="71">
        <v>11</v>
      </c>
      <c r="DV38" s="72">
        <v>14</v>
      </c>
      <c r="DW38" s="244"/>
      <c r="DX38" s="71">
        <v>15</v>
      </c>
      <c r="DY38" s="71">
        <v>9</v>
      </c>
      <c r="DZ38" s="71">
        <v>10</v>
      </c>
      <c r="EA38" s="71">
        <v>7</v>
      </c>
      <c r="EB38" s="71">
        <v>3</v>
      </c>
      <c r="EC38" s="72">
        <v>44</v>
      </c>
      <c r="ED38" s="73">
        <v>58</v>
      </c>
      <c r="EE38" s="70">
        <v>16</v>
      </c>
      <c r="EF38" s="71">
        <v>26</v>
      </c>
      <c r="EG38" s="72">
        <v>42</v>
      </c>
      <c r="EH38" s="244"/>
      <c r="EI38" s="71">
        <v>38</v>
      </c>
      <c r="EJ38" s="71">
        <v>20</v>
      </c>
      <c r="EK38" s="71">
        <v>5</v>
      </c>
      <c r="EL38" s="71">
        <v>13</v>
      </c>
      <c r="EM38" s="71">
        <v>13</v>
      </c>
      <c r="EN38" s="72">
        <v>89</v>
      </c>
      <c r="EO38" s="73">
        <v>131</v>
      </c>
      <c r="EP38" s="70">
        <v>45</v>
      </c>
      <c r="EQ38" s="71">
        <v>36</v>
      </c>
      <c r="ER38" s="72">
        <v>81</v>
      </c>
      <c r="ES38" s="244"/>
      <c r="ET38" s="71">
        <v>74</v>
      </c>
      <c r="EU38" s="71">
        <v>36</v>
      </c>
      <c r="EV38" s="71">
        <v>26</v>
      </c>
      <c r="EW38" s="71">
        <v>28</v>
      </c>
      <c r="EX38" s="71">
        <v>15</v>
      </c>
      <c r="EY38" s="72">
        <v>179</v>
      </c>
      <c r="EZ38" s="73">
        <v>260</v>
      </c>
      <c r="FA38" s="70">
        <v>35</v>
      </c>
      <c r="FB38" s="71">
        <v>47</v>
      </c>
      <c r="FC38" s="72">
        <v>82</v>
      </c>
      <c r="FD38" s="244"/>
      <c r="FE38" s="71">
        <v>102</v>
      </c>
      <c r="FF38" s="71">
        <v>52</v>
      </c>
      <c r="FG38" s="71">
        <v>44</v>
      </c>
      <c r="FH38" s="71">
        <v>39</v>
      </c>
      <c r="FI38" s="71">
        <v>24</v>
      </c>
      <c r="FJ38" s="72">
        <v>261</v>
      </c>
      <c r="FK38" s="73">
        <v>343</v>
      </c>
      <c r="FL38" s="70">
        <v>27</v>
      </c>
      <c r="FM38" s="71">
        <v>27</v>
      </c>
      <c r="FN38" s="72">
        <v>54</v>
      </c>
      <c r="FO38" s="244"/>
      <c r="FP38" s="71">
        <v>89</v>
      </c>
      <c r="FQ38" s="71">
        <v>76</v>
      </c>
      <c r="FR38" s="71">
        <v>58</v>
      </c>
      <c r="FS38" s="71">
        <v>75</v>
      </c>
      <c r="FT38" s="71">
        <v>30</v>
      </c>
      <c r="FU38" s="72">
        <v>328</v>
      </c>
      <c r="FV38" s="73">
        <v>382</v>
      </c>
      <c r="FW38" s="70">
        <v>0</v>
      </c>
      <c r="FX38" s="71">
        <v>1</v>
      </c>
      <c r="FY38" s="72">
        <v>1</v>
      </c>
      <c r="FZ38" s="244"/>
      <c r="GA38" s="71">
        <v>0</v>
      </c>
      <c r="GB38" s="71">
        <v>4</v>
      </c>
      <c r="GC38" s="71">
        <v>2</v>
      </c>
      <c r="GD38" s="71">
        <v>0</v>
      </c>
      <c r="GE38" s="71">
        <v>2</v>
      </c>
      <c r="GF38" s="72">
        <v>8</v>
      </c>
      <c r="GG38" s="73">
        <v>9</v>
      </c>
      <c r="GH38" s="70">
        <v>129</v>
      </c>
      <c r="GI38" s="71">
        <v>153</v>
      </c>
      <c r="GJ38" s="72">
        <v>282</v>
      </c>
      <c r="GK38" s="244"/>
      <c r="GL38" s="71">
        <v>321</v>
      </c>
      <c r="GM38" s="71">
        <v>202</v>
      </c>
      <c r="GN38" s="71">
        <v>147</v>
      </c>
      <c r="GO38" s="71">
        <v>169</v>
      </c>
      <c r="GP38" s="71">
        <v>87</v>
      </c>
      <c r="GQ38" s="72">
        <v>926</v>
      </c>
      <c r="GR38" s="73">
        <v>1208</v>
      </c>
      <c r="GS38" s="123">
        <v>176</v>
      </c>
      <c r="GT38" s="82">
        <v>207</v>
      </c>
      <c r="GU38" s="83">
        <v>383</v>
      </c>
      <c r="GV38" s="241"/>
      <c r="GW38" s="82">
        <v>502</v>
      </c>
      <c r="GX38" s="82">
        <v>286</v>
      </c>
      <c r="GY38" s="82">
        <v>206</v>
      </c>
      <c r="GZ38" s="82">
        <v>221</v>
      </c>
      <c r="HA38" s="82">
        <v>107</v>
      </c>
      <c r="HB38" s="84">
        <v>1322</v>
      </c>
      <c r="HC38" s="85">
        <v>1705</v>
      </c>
      <c r="HD38" s="70">
        <v>4</v>
      </c>
      <c r="HE38" s="71">
        <v>7</v>
      </c>
      <c r="HF38" s="72">
        <v>11</v>
      </c>
      <c r="HG38" s="244"/>
      <c r="HH38" s="71">
        <v>13</v>
      </c>
      <c r="HI38" s="71">
        <v>8</v>
      </c>
      <c r="HJ38" s="71">
        <v>8</v>
      </c>
      <c r="HK38" s="71">
        <v>13</v>
      </c>
      <c r="HL38" s="71">
        <v>3</v>
      </c>
      <c r="HM38" s="72">
        <v>45</v>
      </c>
      <c r="HN38" s="73">
        <v>56</v>
      </c>
      <c r="HO38" s="70">
        <v>10</v>
      </c>
      <c r="HP38" s="71">
        <v>16</v>
      </c>
      <c r="HQ38" s="72">
        <v>26</v>
      </c>
      <c r="HR38" s="244"/>
      <c r="HS38" s="71">
        <v>25</v>
      </c>
      <c r="HT38" s="71">
        <v>19</v>
      </c>
      <c r="HU38" s="71">
        <v>15</v>
      </c>
      <c r="HV38" s="71">
        <v>11</v>
      </c>
      <c r="HW38" s="71">
        <v>5</v>
      </c>
      <c r="HX38" s="72">
        <v>75</v>
      </c>
      <c r="HY38" s="73">
        <v>101</v>
      </c>
      <c r="HZ38" s="70">
        <v>25</v>
      </c>
      <c r="IA38" s="71">
        <v>40</v>
      </c>
      <c r="IB38" s="72">
        <v>65</v>
      </c>
      <c r="IC38" s="244"/>
      <c r="ID38" s="71">
        <v>69</v>
      </c>
      <c r="IE38" s="71">
        <v>35</v>
      </c>
      <c r="IF38" s="71">
        <v>15</v>
      </c>
      <c r="IG38" s="71">
        <v>25</v>
      </c>
      <c r="IH38" s="71">
        <v>18</v>
      </c>
      <c r="II38" s="72">
        <v>162</v>
      </c>
      <c r="IJ38" s="73">
        <v>227</v>
      </c>
      <c r="IK38" s="70">
        <v>59</v>
      </c>
      <c r="IL38" s="71">
        <v>47</v>
      </c>
      <c r="IM38" s="72">
        <v>106</v>
      </c>
      <c r="IN38" s="244"/>
      <c r="IO38" s="71">
        <v>121</v>
      </c>
      <c r="IP38" s="71">
        <v>60</v>
      </c>
      <c r="IQ38" s="71">
        <v>40</v>
      </c>
      <c r="IR38" s="71">
        <v>35</v>
      </c>
      <c r="IS38" s="71">
        <v>18</v>
      </c>
      <c r="IT38" s="72">
        <v>274</v>
      </c>
      <c r="IU38" s="73">
        <v>380</v>
      </c>
      <c r="IV38" s="70">
        <v>42</v>
      </c>
      <c r="IW38" s="71">
        <v>63</v>
      </c>
      <c r="IX38" s="72">
        <v>105</v>
      </c>
      <c r="IY38" s="244"/>
      <c r="IZ38" s="71">
        <v>156</v>
      </c>
      <c r="JA38" s="71">
        <v>68</v>
      </c>
      <c r="JB38" s="71">
        <v>58</v>
      </c>
      <c r="JC38" s="71">
        <v>53</v>
      </c>
      <c r="JD38" s="71">
        <v>27</v>
      </c>
      <c r="JE38" s="72">
        <v>362</v>
      </c>
      <c r="JF38" s="73">
        <v>467</v>
      </c>
      <c r="JG38" s="70">
        <v>36</v>
      </c>
      <c r="JH38" s="71">
        <v>34</v>
      </c>
      <c r="JI38" s="72">
        <v>70</v>
      </c>
      <c r="JJ38" s="244"/>
      <c r="JK38" s="71">
        <v>118</v>
      </c>
      <c r="JL38" s="71">
        <v>96</v>
      </c>
      <c r="JM38" s="71">
        <v>70</v>
      </c>
      <c r="JN38" s="71">
        <v>84</v>
      </c>
      <c r="JO38" s="71">
        <v>36</v>
      </c>
      <c r="JP38" s="72">
        <v>404</v>
      </c>
      <c r="JQ38" s="73">
        <v>474</v>
      </c>
      <c r="JR38" s="70">
        <v>1</v>
      </c>
      <c r="JS38" s="71">
        <v>2</v>
      </c>
      <c r="JT38" s="72">
        <v>3</v>
      </c>
      <c r="JU38" s="244"/>
      <c r="JV38" s="71">
        <v>3</v>
      </c>
      <c r="JW38" s="71">
        <v>5</v>
      </c>
      <c r="JX38" s="71">
        <v>2</v>
      </c>
      <c r="JY38" s="71">
        <v>2</v>
      </c>
      <c r="JZ38" s="71">
        <v>3</v>
      </c>
      <c r="KA38" s="72">
        <v>15</v>
      </c>
      <c r="KB38" s="73">
        <v>18</v>
      </c>
      <c r="KC38" s="70">
        <v>177</v>
      </c>
      <c r="KD38" s="71">
        <v>209</v>
      </c>
      <c r="KE38" s="72">
        <v>386</v>
      </c>
      <c r="KF38" s="244"/>
      <c r="KG38" s="71">
        <v>505</v>
      </c>
      <c r="KH38" s="71">
        <v>291</v>
      </c>
      <c r="KI38" s="71">
        <v>208</v>
      </c>
      <c r="KJ38" s="71">
        <v>223</v>
      </c>
      <c r="KK38" s="71">
        <v>110</v>
      </c>
      <c r="KL38" s="72">
        <v>1337</v>
      </c>
      <c r="KM38" s="73">
        <v>1723</v>
      </c>
    </row>
    <row r="39" spans="2:299" ht="21" customHeight="1" x14ac:dyDescent="0.2">
      <c r="B39" s="126" t="s">
        <v>36</v>
      </c>
      <c r="C39" s="315">
        <v>65</v>
      </c>
      <c r="D39" s="82">
        <v>81</v>
      </c>
      <c r="E39" s="83">
        <v>146</v>
      </c>
      <c r="F39" s="241"/>
      <c r="G39" s="82">
        <v>138</v>
      </c>
      <c r="H39" s="82">
        <v>142</v>
      </c>
      <c r="I39" s="82">
        <v>97</v>
      </c>
      <c r="J39" s="82">
        <v>89</v>
      </c>
      <c r="K39" s="82">
        <v>58</v>
      </c>
      <c r="L39" s="84">
        <v>524</v>
      </c>
      <c r="M39" s="85">
        <v>670</v>
      </c>
      <c r="N39" s="70">
        <v>5</v>
      </c>
      <c r="O39" s="71">
        <v>5</v>
      </c>
      <c r="P39" s="72">
        <v>10</v>
      </c>
      <c r="Q39" s="244"/>
      <c r="R39" s="71">
        <v>9</v>
      </c>
      <c r="S39" s="71">
        <v>14</v>
      </c>
      <c r="T39" s="71">
        <v>6</v>
      </c>
      <c r="U39" s="71">
        <v>6</v>
      </c>
      <c r="V39" s="71">
        <v>2</v>
      </c>
      <c r="W39" s="72">
        <v>37</v>
      </c>
      <c r="X39" s="73">
        <v>47</v>
      </c>
      <c r="Y39" s="70">
        <v>8</v>
      </c>
      <c r="Z39" s="71">
        <v>12</v>
      </c>
      <c r="AA39" s="72">
        <v>20</v>
      </c>
      <c r="AB39" s="244"/>
      <c r="AC39" s="71">
        <v>21</v>
      </c>
      <c r="AD39" s="71">
        <v>23</v>
      </c>
      <c r="AE39" s="71">
        <v>14</v>
      </c>
      <c r="AF39" s="71">
        <v>14</v>
      </c>
      <c r="AG39" s="71">
        <v>10</v>
      </c>
      <c r="AH39" s="72">
        <v>82</v>
      </c>
      <c r="AI39" s="73">
        <v>102</v>
      </c>
      <c r="AJ39" s="70">
        <v>16</v>
      </c>
      <c r="AK39" s="71">
        <v>15</v>
      </c>
      <c r="AL39" s="72">
        <v>31</v>
      </c>
      <c r="AM39" s="244"/>
      <c r="AN39" s="71">
        <v>29</v>
      </c>
      <c r="AO39" s="71">
        <v>20</v>
      </c>
      <c r="AP39" s="71">
        <v>16</v>
      </c>
      <c r="AQ39" s="71">
        <v>18</v>
      </c>
      <c r="AR39" s="71">
        <v>12</v>
      </c>
      <c r="AS39" s="72">
        <v>95</v>
      </c>
      <c r="AT39" s="73">
        <v>126</v>
      </c>
      <c r="AU39" s="70">
        <v>15</v>
      </c>
      <c r="AV39" s="71">
        <v>18</v>
      </c>
      <c r="AW39" s="72">
        <v>33</v>
      </c>
      <c r="AX39" s="244"/>
      <c r="AY39" s="71">
        <v>39</v>
      </c>
      <c r="AZ39" s="71">
        <v>37</v>
      </c>
      <c r="BA39" s="71">
        <v>22</v>
      </c>
      <c r="BB39" s="71">
        <v>20</v>
      </c>
      <c r="BC39" s="71">
        <v>14</v>
      </c>
      <c r="BD39" s="72">
        <v>132</v>
      </c>
      <c r="BE39" s="73">
        <v>165</v>
      </c>
      <c r="BF39" s="70">
        <v>16</v>
      </c>
      <c r="BG39" s="71">
        <v>20</v>
      </c>
      <c r="BH39" s="72">
        <v>36</v>
      </c>
      <c r="BI39" s="244"/>
      <c r="BJ39" s="71">
        <v>25</v>
      </c>
      <c r="BK39" s="71">
        <v>27</v>
      </c>
      <c r="BL39" s="71">
        <v>25</v>
      </c>
      <c r="BM39" s="71">
        <v>19</v>
      </c>
      <c r="BN39" s="71">
        <v>8</v>
      </c>
      <c r="BO39" s="72">
        <v>104</v>
      </c>
      <c r="BP39" s="73">
        <v>140</v>
      </c>
      <c r="BQ39" s="70">
        <v>5</v>
      </c>
      <c r="BR39" s="71">
        <v>11</v>
      </c>
      <c r="BS39" s="72">
        <v>16</v>
      </c>
      <c r="BT39" s="244"/>
      <c r="BU39" s="71">
        <v>15</v>
      </c>
      <c r="BV39" s="71">
        <v>21</v>
      </c>
      <c r="BW39" s="71">
        <v>14</v>
      </c>
      <c r="BX39" s="71">
        <v>12</v>
      </c>
      <c r="BY39" s="71">
        <v>12</v>
      </c>
      <c r="BZ39" s="72">
        <v>74</v>
      </c>
      <c r="CA39" s="73">
        <v>90</v>
      </c>
      <c r="CB39" s="70">
        <v>1</v>
      </c>
      <c r="CC39" s="71">
        <v>4</v>
      </c>
      <c r="CD39" s="72">
        <v>5</v>
      </c>
      <c r="CE39" s="244"/>
      <c r="CF39" s="71">
        <v>8</v>
      </c>
      <c r="CG39" s="71">
        <v>3</v>
      </c>
      <c r="CH39" s="71">
        <v>7</v>
      </c>
      <c r="CI39" s="71">
        <v>5</v>
      </c>
      <c r="CJ39" s="71">
        <v>2</v>
      </c>
      <c r="CK39" s="72">
        <v>25</v>
      </c>
      <c r="CL39" s="73">
        <v>30</v>
      </c>
      <c r="CM39" s="70">
        <v>66</v>
      </c>
      <c r="CN39" s="71">
        <v>85</v>
      </c>
      <c r="CO39" s="72">
        <v>151</v>
      </c>
      <c r="CP39" s="244"/>
      <c r="CQ39" s="71">
        <v>146</v>
      </c>
      <c r="CR39" s="71">
        <v>145</v>
      </c>
      <c r="CS39" s="71">
        <v>104</v>
      </c>
      <c r="CT39" s="71">
        <v>94</v>
      </c>
      <c r="CU39" s="71">
        <v>60</v>
      </c>
      <c r="CV39" s="72">
        <v>549</v>
      </c>
      <c r="CW39" s="73">
        <v>700</v>
      </c>
      <c r="CX39" s="123">
        <v>100</v>
      </c>
      <c r="CY39" s="82">
        <v>173</v>
      </c>
      <c r="CZ39" s="83">
        <v>273</v>
      </c>
      <c r="DA39" s="241"/>
      <c r="DB39" s="82">
        <v>262</v>
      </c>
      <c r="DC39" s="82">
        <v>208</v>
      </c>
      <c r="DD39" s="82">
        <v>153</v>
      </c>
      <c r="DE39" s="82">
        <v>185</v>
      </c>
      <c r="DF39" s="82">
        <v>140</v>
      </c>
      <c r="DG39" s="84">
        <v>948</v>
      </c>
      <c r="DH39" s="85">
        <v>1221</v>
      </c>
      <c r="DI39" s="70">
        <v>2</v>
      </c>
      <c r="DJ39" s="71">
        <v>7</v>
      </c>
      <c r="DK39" s="72">
        <v>9</v>
      </c>
      <c r="DL39" s="244"/>
      <c r="DM39" s="71">
        <v>3</v>
      </c>
      <c r="DN39" s="71">
        <v>9</v>
      </c>
      <c r="DO39" s="71">
        <v>5</v>
      </c>
      <c r="DP39" s="71">
        <v>5</v>
      </c>
      <c r="DQ39" s="71">
        <v>5</v>
      </c>
      <c r="DR39" s="72">
        <v>27</v>
      </c>
      <c r="DS39" s="73">
        <v>36</v>
      </c>
      <c r="DT39" s="70">
        <v>7</v>
      </c>
      <c r="DU39" s="71">
        <v>23</v>
      </c>
      <c r="DV39" s="72">
        <v>30</v>
      </c>
      <c r="DW39" s="244"/>
      <c r="DX39" s="71">
        <v>22</v>
      </c>
      <c r="DY39" s="71">
        <v>13</v>
      </c>
      <c r="DZ39" s="71">
        <v>12</v>
      </c>
      <c r="EA39" s="71">
        <v>14</v>
      </c>
      <c r="EB39" s="71">
        <v>7</v>
      </c>
      <c r="EC39" s="72">
        <v>68</v>
      </c>
      <c r="ED39" s="73">
        <v>98</v>
      </c>
      <c r="EE39" s="70">
        <v>18</v>
      </c>
      <c r="EF39" s="71">
        <v>25</v>
      </c>
      <c r="EG39" s="72">
        <v>43</v>
      </c>
      <c r="EH39" s="244"/>
      <c r="EI39" s="71">
        <v>39</v>
      </c>
      <c r="EJ39" s="71">
        <v>25</v>
      </c>
      <c r="EK39" s="71">
        <v>10</v>
      </c>
      <c r="EL39" s="71">
        <v>20</v>
      </c>
      <c r="EM39" s="71">
        <v>22</v>
      </c>
      <c r="EN39" s="72">
        <v>116</v>
      </c>
      <c r="EO39" s="73">
        <v>159</v>
      </c>
      <c r="EP39" s="70">
        <v>32</v>
      </c>
      <c r="EQ39" s="71">
        <v>59</v>
      </c>
      <c r="ER39" s="72">
        <v>91</v>
      </c>
      <c r="ES39" s="244"/>
      <c r="ET39" s="71">
        <v>71</v>
      </c>
      <c r="EU39" s="71">
        <v>57</v>
      </c>
      <c r="EV39" s="71">
        <v>29</v>
      </c>
      <c r="EW39" s="71">
        <v>31</v>
      </c>
      <c r="EX39" s="71">
        <v>35</v>
      </c>
      <c r="EY39" s="72">
        <v>223</v>
      </c>
      <c r="EZ39" s="73">
        <v>314</v>
      </c>
      <c r="FA39" s="70">
        <v>28</v>
      </c>
      <c r="FB39" s="71">
        <v>38</v>
      </c>
      <c r="FC39" s="72">
        <v>66</v>
      </c>
      <c r="FD39" s="244"/>
      <c r="FE39" s="71">
        <v>71</v>
      </c>
      <c r="FF39" s="71">
        <v>46</v>
      </c>
      <c r="FG39" s="71">
        <v>45</v>
      </c>
      <c r="FH39" s="71">
        <v>44</v>
      </c>
      <c r="FI39" s="71">
        <v>28</v>
      </c>
      <c r="FJ39" s="72">
        <v>234</v>
      </c>
      <c r="FK39" s="73">
        <v>300</v>
      </c>
      <c r="FL39" s="70">
        <v>13</v>
      </c>
      <c r="FM39" s="71">
        <v>21</v>
      </c>
      <c r="FN39" s="72">
        <v>34</v>
      </c>
      <c r="FO39" s="244"/>
      <c r="FP39" s="71">
        <v>56</v>
      </c>
      <c r="FQ39" s="71">
        <v>58</v>
      </c>
      <c r="FR39" s="71">
        <v>52</v>
      </c>
      <c r="FS39" s="71">
        <v>71</v>
      </c>
      <c r="FT39" s="71">
        <v>43</v>
      </c>
      <c r="FU39" s="72">
        <v>280</v>
      </c>
      <c r="FV39" s="73">
        <v>314</v>
      </c>
      <c r="FW39" s="70">
        <v>1</v>
      </c>
      <c r="FX39" s="71">
        <v>3</v>
      </c>
      <c r="FY39" s="72">
        <v>4</v>
      </c>
      <c r="FZ39" s="244"/>
      <c r="GA39" s="71">
        <v>3</v>
      </c>
      <c r="GB39" s="71">
        <v>1</v>
      </c>
      <c r="GC39" s="71">
        <v>1</v>
      </c>
      <c r="GD39" s="71">
        <v>4</v>
      </c>
      <c r="GE39" s="71">
        <v>2</v>
      </c>
      <c r="GF39" s="72">
        <v>11</v>
      </c>
      <c r="GG39" s="73">
        <v>15</v>
      </c>
      <c r="GH39" s="70">
        <v>101</v>
      </c>
      <c r="GI39" s="71">
        <v>176</v>
      </c>
      <c r="GJ39" s="72">
        <v>277</v>
      </c>
      <c r="GK39" s="244"/>
      <c r="GL39" s="71">
        <v>265</v>
      </c>
      <c r="GM39" s="71">
        <v>209</v>
      </c>
      <c r="GN39" s="71">
        <v>154</v>
      </c>
      <c r="GO39" s="71">
        <v>189</v>
      </c>
      <c r="GP39" s="71">
        <v>142</v>
      </c>
      <c r="GQ39" s="72">
        <v>959</v>
      </c>
      <c r="GR39" s="73">
        <v>1236</v>
      </c>
      <c r="GS39" s="123">
        <v>165</v>
      </c>
      <c r="GT39" s="82">
        <v>254</v>
      </c>
      <c r="GU39" s="83">
        <v>419</v>
      </c>
      <c r="GV39" s="241"/>
      <c r="GW39" s="82">
        <v>400</v>
      </c>
      <c r="GX39" s="82">
        <v>350</v>
      </c>
      <c r="GY39" s="82">
        <v>250</v>
      </c>
      <c r="GZ39" s="82">
        <v>274</v>
      </c>
      <c r="HA39" s="82">
        <v>198</v>
      </c>
      <c r="HB39" s="84">
        <v>1472</v>
      </c>
      <c r="HC39" s="85">
        <v>1891</v>
      </c>
      <c r="HD39" s="70">
        <v>7</v>
      </c>
      <c r="HE39" s="71">
        <v>12</v>
      </c>
      <c r="HF39" s="72">
        <v>19</v>
      </c>
      <c r="HG39" s="244"/>
      <c r="HH39" s="71">
        <v>12</v>
      </c>
      <c r="HI39" s="71">
        <v>23</v>
      </c>
      <c r="HJ39" s="71">
        <v>11</v>
      </c>
      <c r="HK39" s="71">
        <v>11</v>
      </c>
      <c r="HL39" s="71">
        <v>7</v>
      </c>
      <c r="HM39" s="72">
        <v>64</v>
      </c>
      <c r="HN39" s="73">
        <v>83</v>
      </c>
      <c r="HO39" s="70">
        <v>15</v>
      </c>
      <c r="HP39" s="71">
        <v>35</v>
      </c>
      <c r="HQ39" s="72">
        <v>50</v>
      </c>
      <c r="HR39" s="244"/>
      <c r="HS39" s="71">
        <v>43</v>
      </c>
      <c r="HT39" s="71">
        <v>36</v>
      </c>
      <c r="HU39" s="71">
        <v>26</v>
      </c>
      <c r="HV39" s="71">
        <v>28</v>
      </c>
      <c r="HW39" s="71">
        <v>17</v>
      </c>
      <c r="HX39" s="72">
        <v>150</v>
      </c>
      <c r="HY39" s="73">
        <v>200</v>
      </c>
      <c r="HZ39" s="70">
        <v>34</v>
      </c>
      <c r="IA39" s="71">
        <v>40</v>
      </c>
      <c r="IB39" s="72">
        <v>74</v>
      </c>
      <c r="IC39" s="244"/>
      <c r="ID39" s="71">
        <v>68</v>
      </c>
      <c r="IE39" s="71">
        <v>45</v>
      </c>
      <c r="IF39" s="71">
        <v>26</v>
      </c>
      <c r="IG39" s="71">
        <v>38</v>
      </c>
      <c r="IH39" s="71">
        <v>34</v>
      </c>
      <c r="II39" s="72">
        <v>211</v>
      </c>
      <c r="IJ39" s="73">
        <v>285</v>
      </c>
      <c r="IK39" s="70">
        <v>47</v>
      </c>
      <c r="IL39" s="71">
        <v>77</v>
      </c>
      <c r="IM39" s="72">
        <v>124</v>
      </c>
      <c r="IN39" s="244"/>
      <c r="IO39" s="71">
        <v>110</v>
      </c>
      <c r="IP39" s="71">
        <v>94</v>
      </c>
      <c r="IQ39" s="71">
        <v>51</v>
      </c>
      <c r="IR39" s="71">
        <v>51</v>
      </c>
      <c r="IS39" s="71">
        <v>49</v>
      </c>
      <c r="IT39" s="72">
        <v>355</v>
      </c>
      <c r="IU39" s="73">
        <v>479</v>
      </c>
      <c r="IV39" s="70">
        <v>44</v>
      </c>
      <c r="IW39" s="71">
        <v>58</v>
      </c>
      <c r="IX39" s="72">
        <v>102</v>
      </c>
      <c r="IY39" s="244"/>
      <c r="IZ39" s="71">
        <v>96</v>
      </c>
      <c r="JA39" s="71">
        <v>73</v>
      </c>
      <c r="JB39" s="71">
        <v>70</v>
      </c>
      <c r="JC39" s="71">
        <v>63</v>
      </c>
      <c r="JD39" s="71">
        <v>36</v>
      </c>
      <c r="JE39" s="72">
        <v>338</v>
      </c>
      <c r="JF39" s="73">
        <v>440</v>
      </c>
      <c r="JG39" s="70">
        <v>18</v>
      </c>
      <c r="JH39" s="71">
        <v>32</v>
      </c>
      <c r="JI39" s="72">
        <v>50</v>
      </c>
      <c r="JJ39" s="244"/>
      <c r="JK39" s="71">
        <v>71</v>
      </c>
      <c r="JL39" s="71">
        <v>79</v>
      </c>
      <c r="JM39" s="71">
        <v>66</v>
      </c>
      <c r="JN39" s="71">
        <v>83</v>
      </c>
      <c r="JO39" s="71">
        <v>55</v>
      </c>
      <c r="JP39" s="72">
        <v>354</v>
      </c>
      <c r="JQ39" s="73">
        <v>404</v>
      </c>
      <c r="JR39" s="70">
        <v>2</v>
      </c>
      <c r="JS39" s="71">
        <v>7</v>
      </c>
      <c r="JT39" s="72">
        <v>9</v>
      </c>
      <c r="JU39" s="244"/>
      <c r="JV39" s="71">
        <v>11</v>
      </c>
      <c r="JW39" s="71">
        <v>4</v>
      </c>
      <c r="JX39" s="71">
        <v>8</v>
      </c>
      <c r="JY39" s="71">
        <v>9</v>
      </c>
      <c r="JZ39" s="71">
        <v>4</v>
      </c>
      <c r="KA39" s="72">
        <v>36</v>
      </c>
      <c r="KB39" s="73">
        <v>45</v>
      </c>
      <c r="KC39" s="70">
        <v>167</v>
      </c>
      <c r="KD39" s="71">
        <v>261</v>
      </c>
      <c r="KE39" s="72">
        <v>428</v>
      </c>
      <c r="KF39" s="244"/>
      <c r="KG39" s="71">
        <v>411</v>
      </c>
      <c r="KH39" s="71">
        <v>354</v>
      </c>
      <c r="KI39" s="71">
        <v>258</v>
      </c>
      <c r="KJ39" s="71">
        <v>283</v>
      </c>
      <c r="KK39" s="71">
        <v>202</v>
      </c>
      <c r="KL39" s="72">
        <v>1508</v>
      </c>
      <c r="KM39" s="73">
        <v>1936</v>
      </c>
    </row>
    <row r="40" spans="2:299" ht="21" customHeight="1" thickBot="1" x14ac:dyDescent="0.25">
      <c r="B40" s="127" t="s">
        <v>37</v>
      </c>
      <c r="C40" s="316">
        <v>2</v>
      </c>
      <c r="D40" s="87">
        <v>5</v>
      </c>
      <c r="E40" s="88">
        <v>7</v>
      </c>
      <c r="F40" s="242"/>
      <c r="G40" s="87">
        <v>7</v>
      </c>
      <c r="H40" s="87">
        <v>4</v>
      </c>
      <c r="I40" s="87">
        <v>10</v>
      </c>
      <c r="J40" s="87">
        <v>7</v>
      </c>
      <c r="K40" s="87">
        <v>2</v>
      </c>
      <c r="L40" s="89">
        <v>30</v>
      </c>
      <c r="M40" s="90">
        <v>37</v>
      </c>
      <c r="N40" s="74">
        <v>1</v>
      </c>
      <c r="O40" s="75">
        <v>0</v>
      </c>
      <c r="P40" s="76">
        <v>1</v>
      </c>
      <c r="Q40" s="245"/>
      <c r="R40" s="75">
        <v>0</v>
      </c>
      <c r="S40" s="75">
        <v>1</v>
      </c>
      <c r="T40" s="75">
        <v>0</v>
      </c>
      <c r="U40" s="75">
        <v>1</v>
      </c>
      <c r="V40" s="75">
        <v>0</v>
      </c>
      <c r="W40" s="76">
        <v>2</v>
      </c>
      <c r="X40" s="77">
        <v>3</v>
      </c>
      <c r="Y40" s="74">
        <v>0</v>
      </c>
      <c r="Z40" s="75">
        <v>1</v>
      </c>
      <c r="AA40" s="76">
        <v>1</v>
      </c>
      <c r="AB40" s="245"/>
      <c r="AC40" s="75">
        <v>0</v>
      </c>
      <c r="AD40" s="75">
        <v>0</v>
      </c>
      <c r="AE40" s="75">
        <v>3</v>
      </c>
      <c r="AF40" s="75">
        <v>1</v>
      </c>
      <c r="AG40" s="75">
        <v>0</v>
      </c>
      <c r="AH40" s="76">
        <v>4</v>
      </c>
      <c r="AI40" s="77">
        <v>5</v>
      </c>
      <c r="AJ40" s="74">
        <v>0</v>
      </c>
      <c r="AK40" s="75">
        <v>1</v>
      </c>
      <c r="AL40" s="76">
        <v>1</v>
      </c>
      <c r="AM40" s="245"/>
      <c r="AN40" s="75">
        <v>1</v>
      </c>
      <c r="AO40" s="75">
        <v>0</v>
      </c>
      <c r="AP40" s="75">
        <v>2</v>
      </c>
      <c r="AQ40" s="75">
        <v>1</v>
      </c>
      <c r="AR40" s="75">
        <v>0</v>
      </c>
      <c r="AS40" s="76">
        <v>4</v>
      </c>
      <c r="AT40" s="77">
        <v>5</v>
      </c>
      <c r="AU40" s="74">
        <v>1</v>
      </c>
      <c r="AV40" s="75">
        <v>2</v>
      </c>
      <c r="AW40" s="76">
        <v>3</v>
      </c>
      <c r="AX40" s="245"/>
      <c r="AY40" s="75">
        <v>3</v>
      </c>
      <c r="AZ40" s="75">
        <v>0</v>
      </c>
      <c r="BA40" s="75">
        <v>1</v>
      </c>
      <c r="BB40" s="75">
        <v>1</v>
      </c>
      <c r="BC40" s="75">
        <v>0</v>
      </c>
      <c r="BD40" s="76">
        <v>5</v>
      </c>
      <c r="BE40" s="77">
        <v>8</v>
      </c>
      <c r="BF40" s="74">
        <v>0</v>
      </c>
      <c r="BG40" s="75">
        <v>1</v>
      </c>
      <c r="BH40" s="76">
        <v>1</v>
      </c>
      <c r="BI40" s="245"/>
      <c r="BJ40" s="75">
        <v>1</v>
      </c>
      <c r="BK40" s="75">
        <v>1</v>
      </c>
      <c r="BL40" s="75">
        <v>3</v>
      </c>
      <c r="BM40" s="75">
        <v>3</v>
      </c>
      <c r="BN40" s="75">
        <v>1</v>
      </c>
      <c r="BO40" s="76">
        <v>9</v>
      </c>
      <c r="BP40" s="77">
        <v>10</v>
      </c>
      <c r="BQ40" s="74">
        <v>0</v>
      </c>
      <c r="BR40" s="75">
        <v>0</v>
      </c>
      <c r="BS40" s="76">
        <v>0</v>
      </c>
      <c r="BT40" s="245"/>
      <c r="BU40" s="75">
        <v>2</v>
      </c>
      <c r="BV40" s="75">
        <v>2</v>
      </c>
      <c r="BW40" s="75">
        <v>1</v>
      </c>
      <c r="BX40" s="75">
        <v>0</v>
      </c>
      <c r="BY40" s="75">
        <v>1</v>
      </c>
      <c r="BZ40" s="76">
        <v>6</v>
      </c>
      <c r="CA40" s="77">
        <v>6</v>
      </c>
      <c r="CB40" s="74">
        <v>0</v>
      </c>
      <c r="CC40" s="75">
        <v>0</v>
      </c>
      <c r="CD40" s="76">
        <v>0</v>
      </c>
      <c r="CE40" s="245"/>
      <c r="CF40" s="75">
        <v>1</v>
      </c>
      <c r="CG40" s="75">
        <v>0</v>
      </c>
      <c r="CH40" s="75">
        <v>0</v>
      </c>
      <c r="CI40" s="75">
        <v>1</v>
      </c>
      <c r="CJ40" s="75">
        <v>0</v>
      </c>
      <c r="CK40" s="76">
        <v>2</v>
      </c>
      <c r="CL40" s="77">
        <v>2</v>
      </c>
      <c r="CM40" s="74">
        <v>2</v>
      </c>
      <c r="CN40" s="75">
        <v>5</v>
      </c>
      <c r="CO40" s="76">
        <v>7</v>
      </c>
      <c r="CP40" s="245"/>
      <c r="CQ40" s="75">
        <v>8</v>
      </c>
      <c r="CR40" s="75">
        <v>4</v>
      </c>
      <c r="CS40" s="75">
        <v>10</v>
      </c>
      <c r="CT40" s="75">
        <v>8</v>
      </c>
      <c r="CU40" s="75">
        <v>2</v>
      </c>
      <c r="CV40" s="76">
        <v>32</v>
      </c>
      <c r="CW40" s="77">
        <v>39</v>
      </c>
      <c r="CX40" s="124">
        <v>15</v>
      </c>
      <c r="CY40" s="87">
        <v>4</v>
      </c>
      <c r="CZ40" s="88">
        <v>19</v>
      </c>
      <c r="DA40" s="242"/>
      <c r="DB40" s="87">
        <v>23</v>
      </c>
      <c r="DC40" s="87">
        <v>14</v>
      </c>
      <c r="DD40" s="87">
        <v>31</v>
      </c>
      <c r="DE40" s="87">
        <v>15</v>
      </c>
      <c r="DF40" s="87">
        <v>10</v>
      </c>
      <c r="DG40" s="89">
        <v>93</v>
      </c>
      <c r="DH40" s="90">
        <v>112</v>
      </c>
      <c r="DI40" s="74">
        <v>0</v>
      </c>
      <c r="DJ40" s="75">
        <v>0</v>
      </c>
      <c r="DK40" s="76">
        <v>0</v>
      </c>
      <c r="DL40" s="245"/>
      <c r="DM40" s="75">
        <v>0</v>
      </c>
      <c r="DN40" s="75">
        <v>0</v>
      </c>
      <c r="DO40" s="75">
        <v>1</v>
      </c>
      <c r="DP40" s="75">
        <v>0</v>
      </c>
      <c r="DQ40" s="75">
        <v>2</v>
      </c>
      <c r="DR40" s="76">
        <v>3</v>
      </c>
      <c r="DS40" s="77">
        <v>3</v>
      </c>
      <c r="DT40" s="74">
        <v>1</v>
      </c>
      <c r="DU40" s="75">
        <v>0</v>
      </c>
      <c r="DV40" s="76">
        <v>1</v>
      </c>
      <c r="DW40" s="245"/>
      <c r="DX40" s="75">
        <v>2</v>
      </c>
      <c r="DY40" s="75">
        <v>1</v>
      </c>
      <c r="DZ40" s="75">
        <v>0</v>
      </c>
      <c r="EA40" s="75">
        <v>1</v>
      </c>
      <c r="EB40" s="75">
        <v>0</v>
      </c>
      <c r="EC40" s="76">
        <v>4</v>
      </c>
      <c r="ED40" s="77">
        <v>5</v>
      </c>
      <c r="EE40" s="74">
        <v>2</v>
      </c>
      <c r="EF40" s="75">
        <v>1</v>
      </c>
      <c r="EG40" s="76">
        <v>3</v>
      </c>
      <c r="EH40" s="245"/>
      <c r="EI40" s="75">
        <v>1</v>
      </c>
      <c r="EJ40" s="75">
        <v>2</v>
      </c>
      <c r="EK40" s="75">
        <v>4</v>
      </c>
      <c r="EL40" s="75">
        <v>3</v>
      </c>
      <c r="EM40" s="75">
        <v>1</v>
      </c>
      <c r="EN40" s="76">
        <v>11</v>
      </c>
      <c r="EO40" s="77">
        <v>14</v>
      </c>
      <c r="EP40" s="74">
        <v>7</v>
      </c>
      <c r="EQ40" s="75">
        <v>1</v>
      </c>
      <c r="ER40" s="76">
        <v>8</v>
      </c>
      <c r="ES40" s="245"/>
      <c r="ET40" s="75">
        <v>4</v>
      </c>
      <c r="EU40" s="75">
        <v>4</v>
      </c>
      <c r="EV40" s="75">
        <v>5</v>
      </c>
      <c r="EW40" s="75">
        <v>2</v>
      </c>
      <c r="EX40" s="75">
        <v>2</v>
      </c>
      <c r="EY40" s="76">
        <v>17</v>
      </c>
      <c r="EZ40" s="77">
        <v>25</v>
      </c>
      <c r="FA40" s="74">
        <v>4</v>
      </c>
      <c r="FB40" s="75">
        <v>1</v>
      </c>
      <c r="FC40" s="76">
        <v>5</v>
      </c>
      <c r="FD40" s="245"/>
      <c r="FE40" s="75">
        <v>11</v>
      </c>
      <c r="FF40" s="75">
        <v>4</v>
      </c>
      <c r="FG40" s="75">
        <v>10</v>
      </c>
      <c r="FH40" s="75">
        <v>4</v>
      </c>
      <c r="FI40" s="75">
        <v>2</v>
      </c>
      <c r="FJ40" s="76">
        <v>31</v>
      </c>
      <c r="FK40" s="77">
        <v>36</v>
      </c>
      <c r="FL40" s="74">
        <v>1</v>
      </c>
      <c r="FM40" s="75">
        <v>1</v>
      </c>
      <c r="FN40" s="76">
        <v>2</v>
      </c>
      <c r="FO40" s="245"/>
      <c r="FP40" s="75">
        <v>5</v>
      </c>
      <c r="FQ40" s="75">
        <v>3</v>
      </c>
      <c r="FR40" s="75">
        <v>11</v>
      </c>
      <c r="FS40" s="75">
        <v>5</v>
      </c>
      <c r="FT40" s="75">
        <v>3</v>
      </c>
      <c r="FU40" s="76">
        <v>27</v>
      </c>
      <c r="FV40" s="77">
        <v>29</v>
      </c>
      <c r="FW40" s="74">
        <v>0</v>
      </c>
      <c r="FX40" s="75">
        <v>0</v>
      </c>
      <c r="FY40" s="76">
        <v>0</v>
      </c>
      <c r="FZ40" s="245"/>
      <c r="GA40" s="75">
        <v>0</v>
      </c>
      <c r="GB40" s="75">
        <v>1</v>
      </c>
      <c r="GC40" s="75">
        <v>1</v>
      </c>
      <c r="GD40" s="75">
        <v>1</v>
      </c>
      <c r="GE40" s="75">
        <v>0</v>
      </c>
      <c r="GF40" s="76">
        <v>3</v>
      </c>
      <c r="GG40" s="77">
        <v>3</v>
      </c>
      <c r="GH40" s="74">
        <v>15</v>
      </c>
      <c r="GI40" s="75">
        <v>4</v>
      </c>
      <c r="GJ40" s="76">
        <v>19</v>
      </c>
      <c r="GK40" s="245"/>
      <c r="GL40" s="75">
        <v>23</v>
      </c>
      <c r="GM40" s="75">
        <v>15</v>
      </c>
      <c r="GN40" s="75">
        <v>32</v>
      </c>
      <c r="GO40" s="75">
        <v>16</v>
      </c>
      <c r="GP40" s="75">
        <v>10</v>
      </c>
      <c r="GQ40" s="76">
        <v>96</v>
      </c>
      <c r="GR40" s="77">
        <v>115</v>
      </c>
      <c r="GS40" s="124">
        <v>17</v>
      </c>
      <c r="GT40" s="87">
        <v>9</v>
      </c>
      <c r="GU40" s="88">
        <v>26</v>
      </c>
      <c r="GV40" s="242"/>
      <c r="GW40" s="87">
        <v>30</v>
      </c>
      <c r="GX40" s="87">
        <v>18</v>
      </c>
      <c r="GY40" s="87">
        <v>41</v>
      </c>
      <c r="GZ40" s="87">
        <v>22</v>
      </c>
      <c r="HA40" s="87">
        <v>12</v>
      </c>
      <c r="HB40" s="89">
        <v>123</v>
      </c>
      <c r="HC40" s="90">
        <v>149</v>
      </c>
      <c r="HD40" s="74">
        <v>1</v>
      </c>
      <c r="HE40" s="75">
        <v>0</v>
      </c>
      <c r="HF40" s="76">
        <v>1</v>
      </c>
      <c r="HG40" s="245"/>
      <c r="HH40" s="75">
        <v>0</v>
      </c>
      <c r="HI40" s="75">
        <v>1</v>
      </c>
      <c r="HJ40" s="75">
        <v>1</v>
      </c>
      <c r="HK40" s="75">
        <v>1</v>
      </c>
      <c r="HL40" s="75">
        <v>2</v>
      </c>
      <c r="HM40" s="76">
        <v>5</v>
      </c>
      <c r="HN40" s="77">
        <v>6</v>
      </c>
      <c r="HO40" s="74">
        <v>1</v>
      </c>
      <c r="HP40" s="75">
        <v>1</v>
      </c>
      <c r="HQ40" s="76">
        <v>2</v>
      </c>
      <c r="HR40" s="245"/>
      <c r="HS40" s="75">
        <v>2</v>
      </c>
      <c r="HT40" s="75">
        <v>1</v>
      </c>
      <c r="HU40" s="75">
        <v>3</v>
      </c>
      <c r="HV40" s="75">
        <v>2</v>
      </c>
      <c r="HW40" s="75">
        <v>0</v>
      </c>
      <c r="HX40" s="76">
        <v>8</v>
      </c>
      <c r="HY40" s="77">
        <v>10</v>
      </c>
      <c r="HZ40" s="74">
        <v>2</v>
      </c>
      <c r="IA40" s="75">
        <v>2</v>
      </c>
      <c r="IB40" s="76">
        <v>4</v>
      </c>
      <c r="IC40" s="245"/>
      <c r="ID40" s="75">
        <v>2</v>
      </c>
      <c r="IE40" s="75">
        <v>2</v>
      </c>
      <c r="IF40" s="75">
        <v>6</v>
      </c>
      <c r="IG40" s="75">
        <v>4</v>
      </c>
      <c r="IH40" s="75">
        <v>1</v>
      </c>
      <c r="II40" s="76">
        <v>15</v>
      </c>
      <c r="IJ40" s="77">
        <v>19</v>
      </c>
      <c r="IK40" s="74">
        <v>8</v>
      </c>
      <c r="IL40" s="75">
        <v>3</v>
      </c>
      <c r="IM40" s="76">
        <v>11</v>
      </c>
      <c r="IN40" s="245"/>
      <c r="IO40" s="75">
        <v>7</v>
      </c>
      <c r="IP40" s="75">
        <v>4</v>
      </c>
      <c r="IQ40" s="75">
        <v>6</v>
      </c>
      <c r="IR40" s="75">
        <v>3</v>
      </c>
      <c r="IS40" s="75">
        <v>2</v>
      </c>
      <c r="IT40" s="76">
        <v>22</v>
      </c>
      <c r="IU40" s="77">
        <v>33</v>
      </c>
      <c r="IV40" s="74">
        <v>4</v>
      </c>
      <c r="IW40" s="75">
        <v>2</v>
      </c>
      <c r="IX40" s="76">
        <v>6</v>
      </c>
      <c r="IY40" s="245"/>
      <c r="IZ40" s="75">
        <v>12</v>
      </c>
      <c r="JA40" s="75">
        <v>5</v>
      </c>
      <c r="JB40" s="75">
        <v>13</v>
      </c>
      <c r="JC40" s="75">
        <v>7</v>
      </c>
      <c r="JD40" s="75">
        <v>3</v>
      </c>
      <c r="JE40" s="76">
        <v>40</v>
      </c>
      <c r="JF40" s="77">
        <v>46</v>
      </c>
      <c r="JG40" s="74">
        <v>1</v>
      </c>
      <c r="JH40" s="75">
        <v>1</v>
      </c>
      <c r="JI40" s="76">
        <v>2</v>
      </c>
      <c r="JJ40" s="245"/>
      <c r="JK40" s="75">
        <v>7</v>
      </c>
      <c r="JL40" s="75">
        <v>5</v>
      </c>
      <c r="JM40" s="75">
        <v>12</v>
      </c>
      <c r="JN40" s="75">
        <v>5</v>
      </c>
      <c r="JO40" s="75">
        <v>4</v>
      </c>
      <c r="JP40" s="76">
        <v>33</v>
      </c>
      <c r="JQ40" s="77">
        <v>35</v>
      </c>
      <c r="JR40" s="74">
        <v>0</v>
      </c>
      <c r="JS40" s="75">
        <v>0</v>
      </c>
      <c r="JT40" s="76">
        <v>0</v>
      </c>
      <c r="JU40" s="245"/>
      <c r="JV40" s="75">
        <v>1</v>
      </c>
      <c r="JW40" s="75">
        <v>1</v>
      </c>
      <c r="JX40" s="75">
        <v>1</v>
      </c>
      <c r="JY40" s="75">
        <v>2</v>
      </c>
      <c r="JZ40" s="75">
        <v>0</v>
      </c>
      <c r="KA40" s="76">
        <v>5</v>
      </c>
      <c r="KB40" s="77">
        <v>5</v>
      </c>
      <c r="KC40" s="74">
        <v>17</v>
      </c>
      <c r="KD40" s="75">
        <v>9</v>
      </c>
      <c r="KE40" s="76">
        <v>26</v>
      </c>
      <c r="KF40" s="245"/>
      <c r="KG40" s="75">
        <v>31</v>
      </c>
      <c r="KH40" s="75">
        <v>19</v>
      </c>
      <c r="KI40" s="75">
        <v>42</v>
      </c>
      <c r="KJ40" s="75">
        <v>24</v>
      </c>
      <c r="KK40" s="75">
        <v>12</v>
      </c>
      <c r="KL40" s="76">
        <v>128</v>
      </c>
      <c r="KM40" s="77">
        <v>154</v>
      </c>
    </row>
    <row r="41" spans="2:299" ht="32.25" customHeight="1" x14ac:dyDescent="0.2">
      <c r="C41" s="310" t="s">
        <v>126</v>
      </c>
    </row>
  </sheetData>
  <mergeCells count="36">
    <mergeCell ref="GS3:KM3"/>
    <mergeCell ref="GS4:JQ4"/>
    <mergeCell ref="JR4:KB5"/>
    <mergeCell ref="KC4:KM5"/>
    <mergeCell ref="GS5:HC5"/>
    <mergeCell ref="HD5:HN5"/>
    <mergeCell ref="HO5:HY5"/>
    <mergeCell ref="HZ5:IJ5"/>
    <mergeCell ref="IK5:IU5"/>
    <mergeCell ref="IV5:JF5"/>
    <mergeCell ref="JG5:JQ5"/>
    <mergeCell ref="B3:B5"/>
    <mergeCell ref="CX3:GR3"/>
    <mergeCell ref="CX4:FV4"/>
    <mergeCell ref="FW4:GG5"/>
    <mergeCell ref="GH4:GR5"/>
    <mergeCell ref="CX5:DH5"/>
    <mergeCell ref="DI5:DS5"/>
    <mergeCell ref="DT5:ED5"/>
    <mergeCell ref="EE5:EO5"/>
    <mergeCell ref="EP5:EZ5"/>
    <mergeCell ref="FA5:FK5"/>
    <mergeCell ref="FL5:FV5"/>
    <mergeCell ref="I1:J1"/>
    <mergeCell ref="CB4:CL5"/>
    <mergeCell ref="CM4:CW5"/>
    <mergeCell ref="C5:M5"/>
    <mergeCell ref="N5:X5"/>
    <mergeCell ref="Y5:AI5"/>
    <mergeCell ref="AJ5:AT5"/>
    <mergeCell ref="AU5:BE5"/>
    <mergeCell ref="BF5:BP5"/>
    <mergeCell ref="BQ5:CA5"/>
    <mergeCell ref="C3:CW3"/>
    <mergeCell ref="C4:CA4"/>
    <mergeCell ref="F1:G1"/>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500">
        <f>第１表!F2</f>
        <v>5</v>
      </c>
      <c r="I1" s="246">
        <f>第１表!G2</f>
        <v>4</v>
      </c>
      <c r="J1" s="555">
        <f>IF(I1&lt;3,I1-2+12,I1-2)</f>
        <v>2</v>
      </c>
      <c r="K1" s="555"/>
    </row>
    <row r="2" spans="2:43" ht="24" customHeight="1" thickBot="1" x14ac:dyDescent="0.25">
      <c r="B2" s="20" t="s">
        <v>158</v>
      </c>
      <c r="F2" s="20" t="s">
        <v>140</v>
      </c>
    </row>
    <row r="3" spans="2:43" ht="21" customHeight="1" x14ac:dyDescent="0.2">
      <c r="B3" s="573"/>
      <c r="C3" s="576" t="s">
        <v>57</v>
      </c>
      <c r="D3" s="577"/>
      <c r="E3" s="577"/>
      <c r="F3" s="577"/>
      <c r="G3" s="577"/>
      <c r="H3" s="577"/>
      <c r="I3" s="577"/>
      <c r="J3" s="577"/>
      <c r="K3" s="577"/>
      <c r="L3" s="577"/>
      <c r="M3" s="576" t="s">
        <v>58</v>
      </c>
      <c r="N3" s="579"/>
      <c r="O3" s="579"/>
      <c r="P3" s="579"/>
      <c r="Q3" s="579"/>
      <c r="R3" s="579"/>
      <c r="S3" s="579"/>
      <c r="T3" s="579"/>
      <c r="U3" s="579"/>
      <c r="V3" s="579"/>
      <c r="W3" s="576" t="s">
        <v>59</v>
      </c>
      <c r="X3" s="577"/>
      <c r="Y3" s="577"/>
      <c r="Z3" s="577"/>
      <c r="AA3" s="577"/>
      <c r="AB3" s="577"/>
      <c r="AC3" s="577"/>
      <c r="AD3" s="577"/>
      <c r="AE3" s="577"/>
      <c r="AF3" s="577"/>
      <c r="AG3" s="605" t="s">
        <v>151</v>
      </c>
      <c r="AH3" s="577"/>
      <c r="AI3" s="577"/>
      <c r="AJ3" s="577"/>
      <c r="AK3" s="577"/>
      <c r="AL3" s="577"/>
      <c r="AM3" s="577"/>
      <c r="AN3" s="577"/>
      <c r="AO3" s="577"/>
      <c r="AP3" s="578"/>
    </row>
    <row r="4" spans="2:43" ht="21" customHeight="1" x14ac:dyDescent="0.2">
      <c r="B4" s="575"/>
      <c r="C4" s="581" t="s">
        <v>61</v>
      </c>
      <c r="D4" s="582"/>
      <c r="E4" s="583"/>
      <c r="F4" s="584" t="s">
        <v>62</v>
      </c>
      <c r="G4" s="585"/>
      <c r="H4" s="585"/>
      <c r="I4" s="585"/>
      <c r="J4" s="585"/>
      <c r="K4" s="586"/>
      <c r="L4" s="597" t="s">
        <v>52</v>
      </c>
      <c r="M4" s="581" t="s">
        <v>61</v>
      </c>
      <c r="N4" s="582"/>
      <c r="O4" s="583"/>
      <c r="P4" s="584" t="s">
        <v>62</v>
      </c>
      <c r="Q4" s="585"/>
      <c r="R4" s="585"/>
      <c r="S4" s="585"/>
      <c r="T4" s="585"/>
      <c r="U4" s="586"/>
      <c r="V4" s="587" t="s">
        <v>52</v>
      </c>
      <c r="W4" s="581" t="s">
        <v>61</v>
      </c>
      <c r="X4" s="582"/>
      <c r="Y4" s="583"/>
      <c r="Z4" s="584" t="s">
        <v>62</v>
      </c>
      <c r="AA4" s="585"/>
      <c r="AB4" s="585"/>
      <c r="AC4" s="585"/>
      <c r="AD4" s="585"/>
      <c r="AE4" s="586"/>
      <c r="AF4" s="597" t="s">
        <v>52</v>
      </c>
      <c r="AG4" s="581" t="s">
        <v>61</v>
      </c>
      <c r="AH4" s="582"/>
      <c r="AI4" s="583"/>
      <c r="AJ4" s="584" t="s">
        <v>62</v>
      </c>
      <c r="AK4" s="585"/>
      <c r="AL4" s="585"/>
      <c r="AM4" s="585"/>
      <c r="AN4" s="585"/>
      <c r="AO4" s="586"/>
      <c r="AP4" s="587" t="s">
        <v>52</v>
      </c>
    </row>
    <row r="5" spans="2:43" ht="30" customHeight="1" thickBot="1" x14ac:dyDescent="0.25">
      <c r="B5" s="362" t="s">
        <v>42</v>
      </c>
      <c r="C5" s="31" t="s">
        <v>43</v>
      </c>
      <c r="D5" s="32" t="s">
        <v>44</v>
      </c>
      <c r="E5" s="32" t="s">
        <v>45</v>
      </c>
      <c r="F5" s="33" t="s">
        <v>47</v>
      </c>
      <c r="G5" s="34" t="s">
        <v>48</v>
      </c>
      <c r="H5" s="34" t="s">
        <v>49</v>
      </c>
      <c r="I5" s="35" t="s">
        <v>50</v>
      </c>
      <c r="J5" s="32" t="s">
        <v>51</v>
      </c>
      <c r="K5" s="36" t="s">
        <v>95</v>
      </c>
      <c r="L5" s="596"/>
      <c r="M5" s="31" t="s">
        <v>43</v>
      </c>
      <c r="N5" s="32" t="s">
        <v>44</v>
      </c>
      <c r="O5" s="36" t="s">
        <v>45</v>
      </c>
      <c r="P5" s="15" t="s">
        <v>47</v>
      </c>
      <c r="Q5" s="34" t="s">
        <v>48</v>
      </c>
      <c r="R5" s="34" t="s">
        <v>49</v>
      </c>
      <c r="S5" s="35" t="s">
        <v>50</v>
      </c>
      <c r="T5" s="32" t="s">
        <v>51</v>
      </c>
      <c r="U5" s="36" t="s">
        <v>45</v>
      </c>
      <c r="V5" s="588"/>
      <c r="W5" s="31" t="s">
        <v>43</v>
      </c>
      <c r="X5" s="32" t="s">
        <v>44</v>
      </c>
      <c r="Y5" s="32" t="s">
        <v>45</v>
      </c>
      <c r="Z5" s="33" t="s">
        <v>47</v>
      </c>
      <c r="AA5" s="34" t="s">
        <v>48</v>
      </c>
      <c r="AB5" s="34" t="s">
        <v>49</v>
      </c>
      <c r="AC5" s="35" t="s">
        <v>50</v>
      </c>
      <c r="AD5" s="32" t="s">
        <v>51</v>
      </c>
      <c r="AE5" s="36" t="s">
        <v>45</v>
      </c>
      <c r="AF5" s="596"/>
      <c r="AG5" s="31" t="s">
        <v>43</v>
      </c>
      <c r="AH5" s="32" t="s">
        <v>44</v>
      </c>
      <c r="AI5" s="32" t="s">
        <v>45</v>
      </c>
      <c r="AJ5" s="33" t="s">
        <v>47</v>
      </c>
      <c r="AK5" s="34" t="s">
        <v>48</v>
      </c>
      <c r="AL5" s="34" t="s">
        <v>49</v>
      </c>
      <c r="AM5" s="35" t="s">
        <v>50</v>
      </c>
      <c r="AN5" s="32" t="s">
        <v>51</v>
      </c>
      <c r="AO5" s="36" t="s">
        <v>45</v>
      </c>
      <c r="AP5" s="588"/>
    </row>
    <row r="6" spans="2:43" ht="21" customHeight="1" x14ac:dyDescent="0.2">
      <c r="B6" s="361" t="s">
        <v>4</v>
      </c>
      <c r="C6" s="185">
        <v>0</v>
      </c>
      <c r="D6" s="186">
        <v>0</v>
      </c>
      <c r="E6" s="186">
        <v>0</v>
      </c>
      <c r="F6" s="187">
        <v>13</v>
      </c>
      <c r="G6" s="188">
        <v>58</v>
      </c>
      <c r="H6" s="188">
        <v>446</v>
      </c>
      <c r="I6" s="188">
        <v>664</v>
      </c>
      <c r="J6" s="186">
        <v>365</v>
      </c>
      <c r="K6" s="189">
        <v>1546</v>
      </c>
      <c r="L6" s="190">
        <v>1546</v>
      </c>
      <c r="M6" s="185">
        <v>0</v>
      </c>
      <c r="N6" s="186">
        <v>0</v>
      </c>
      <c r="O6" s="189">
        <v>0</v>
      </c>
      <c r="P6" s="192">
        <v>81</v>
      </c>
      <c r="Q6" s="188">
        <v>176</v>
      </c>
      <c r="R6" s="188">
        <v>261</v>
      </c>
      <c r="S6" s="188">
        <v>308</v>
      </c>
      <c r="T6" s="186">
        <v>178</v>
      </c>
      <c r="U6" s="189">
        <v>1004</v>
      </c>
      <c r="V6" s="193">
        <v>1004</v>
      </c>
      <c r="W6" s="192">
        <v>0</v>
      </c>
      <c r="X6" s="186">
        <v>0</v>
      </c>
      <c r="Y6" s="186">
        <v>0</v>
      </c>
      <c r="Z6" s="187">
        <v>0</v>
      </c>
      <c r="AA6" s="188">
        <v>0</v>
      </c>
      <c r="AB6" s="188">
        <v>1</v>
      </c>
      <c r="AC6" s="188">
        <v>10</v>
      </c>
      <c r="AD6" s="186">
        <v>4</v>
      </c>
      <c r="AE6" s="189">
        <v>15</v>
      </c>
      <c r="AF6" s="190">
        <v>15</v>
      </c>
      <c r="AG6" s="185">
        <v>0</v>
      </c>
      <c r="AH6" s="186">
        <v>0</v>
      </c>
      <c r="AI6" s="186">
        <v>0</v>
      </c>
      <c r="AJ6" s="187">
        <v>0</v>
      </c>
      <c r="AK6" s="188">
        <v>1</v>
      </c>
      <c r="AL6" s="188">
        <v>2</v>
      </c>
      <c r="AM6" s="188">
        <v>11</v>
      </c>
      <c r="AN6" s="186">
        <v>24</v>
      </c>
      <c r="AO6" s="189">
        <v>38</v>
      </c>
      <c r="AP6" s="191">
        <v>38</v>
      </c>
      <c r="AQ6" s="37"/>
    </row>
    <row r="7" spans="2:43" ht="21" customHeight="1" x14ac:dyDescent="0.2">
      <c r="B7" s="62" t="s">
        <v>5</v>
      </c>
      <c r="C7" s="194">
        <v>0</v>
      </c>
      <c r="D7" s="195">
        <v>0</v>
      </c>
      <c r="E7" s="195">
        <v>0</v>
      </c>
      <c r="F7" s="196">
        <v>9</v>
      </c>
      <c r="G7" s="197">
        <v>41</v>
      </c>
      <c r="H7" s="197">
        <v>230</v>
      </c>
      <c r="I7" s="197">
        <v>270</v>
      </c>
      <c r="J7" s="195">
        <v>165</v>
      </c>
      <c r="K7" s="198">
        <v>715</v>
      </c>
      <c r="L7" s="199">
        <v>715</v>
      </c>
      <c r="M7" s="194">
        <v>0</v>
      </c>
      <c r="N7" s="195">
        <v>0</v>
      </c>
      <c r="O7" s="198">
        <v>0</v>
      </c>
      <c r="P7" s="201">
        <v>30</v>
      </c>
      <c r="Q7" s="197">
        <v>89</v>
      </c>
      <c r="R7" s="197">
        <v>126</v>
      </c>
      <c r="S7" s="197">
        <v>141</v>
      </c>
      <c r="T7" s="195">
        <v>90</v>
      </c>
      <c r="U7" s="198">
        <v>476</v>
      </c>
      <c r="V7" s="202">
        <v>476</v>
      </c>
      <c r="W7" s="201">
        <v>0</v>
      </c>
      <c r="X7" s="195">
        <v>0</v>
      </c>
      <c r="Y7" s="195">
        <v>0</v>
      </c>
      <c r="Z7" s="196">
        <v>0</v>
      </c>
      <c r="AA7" s="197">
        <v>0</v>
      </c>
      <c r="AB7" s="197">
        <v>0</v>
      </c>
      <c r="AC7" s="197">
        <v>3</v>
      </c>
      <c r="AD7" s="195">
        <v>2</v>
      </c>
      <c r="AE7" s="198">
        <v>5</v>
      </c>
      <c r="AF7" s="199">
        <v>5</v>
      </c>
      <c r="AG7" s="194">
        <v>0</v>
      </c>
      <c r="AH7" s="195">
        <v>0</v>
      </c>
      <c r="AI7" s="195">
        <v>0</v>
      </c>
      <c r="AJ7" s="196">
        <v>0</v>
      </c>
      <c r="AK7" s="197">
        <v>0</v>
      </c>
      <c r="AL7" s="197">
        <v>1</v>
      </c>
      <c r="AM7" s="197">
        <v>1</v>
      </c>
      <c r="AN7" s="195">
        <v>10</v>
      </c>
      <c r="AO7" s="198">
        <v>12</v>
      </c>
      <c r="AP7" s="200">
        <v>12</v>
      </c>
      <c r="AQ7" s="37"/>
    </row>
    <row r="8" spans="2:43" ht="21" customHeight="1" x14ac:dyDescent="0.2">
      <c r="B8" s="62" t="s">
        <v>6</v>
      </c>
      <c r="C8" s="194">
        <v>0</v>
      </c>
      <c r="D8" s="195">
        <v>0</v>
      </c>
      <c r="E8" s="195">
        <v>0</v>
      </c>
      <c r="F8" s="196">
        <v>1</v>
      </c>
      <c r="G8" s="197">
        <v>5</v>
      </c>
      <c r="H8" s="197">
        <v>46</v>
      </c>
      <c r="I8" s="197">
        <v>61</v>
      </c>
      <c r="J8" s="195">
        <v>43</v>
      </c>
      <c r="K8" s="198">
        <v>156</v>
      </c>
      <c r="L8" s="199">
        <v>156</v>
      </c>
      <c r="M8" s="194">
        <v>0</v>
      </c>
      <c r="N8" s="195">
        <v>0</v>
      </c>
      <c r="O8" s="198">
        <v>0</v>
      </c>
      <c r="P8" s="201">
        <v>11</v>
      </c>
      <c r="Q8" s="197">
        <v>22</v>
      </c>
      <c r="R8" s="197">
        <v>30</v>
      </c>
      <c r="S8" s="197">
        <v>34</v>
      </c>
      <c r="T8" s="195">
        <v>25</v>
      </c>
      <c r="U8" s="198">
        <v>122</v>
      </c>
      <c r="V8" s="202">
        <v>122</v>
      </c>
      <c r="W8" s="201">
        <v>0</v>
      </c>
      <c r="X8" s="195">
        <v>0</v>
      </c>
      <c r="Y8" s="195">
        <v>0</v>
      </c>
      <c r="Z8" s="196">
        <v>0</v>
      </c>
      <c r="AA8" s="197">
        <v>0</v>
      </c>
      <c r="AB8" s="197">
        <v>1</v>
      </c>
      <c r="AC8" s="197">
        <v>6</v>
      </c>
      <c r="AD8" s="195">
        <v>1</v>
      </c>
      <c r="AE8" s="198">
        <v>8</v>
      </c>
      <c r="AF8" s="199">
        <v>8</v>
      </c>
      <c r="AG8" s="194">
        <v>0</v>
      </c>
      <c r="AH8" s="195">
        <v>0</v>
      </c>
      <c r="AI8" s="195">
        <v>0</v>
      </c>
      <c r="AJ8" s="196">
        <v>0</v>
      </c>
      <c r="AK8" s="197">
        <v>0</v>
      </c>
      <c r="AL8" s="197">
        <v>0</v>
      </c>
      <c r="AM8" s="197">
        <v>4</v>
      </c>
      <c r="AN8" s="195">
        <v>4</v>
      </c>
      <c r="AO8" s="198">
        <v>8</v>
      </c>
      <c r="AP8" s="200">
        <v>8</v>
      </c>
      <c r="AQ8" s="37"/>
    </row>
    <row r="9" spans="2:43" ht="21" customHeight="1" x14ac:dyDescent="0.2">
      <c r="B9" s="62" t="s">
        <v>14</v>
      </c>
      <c r="C9" s="194">
        <v>0</v>
      </c>
      <c r="D9" s="195">
        <v>0</v>
      </c>
      <c r="E9" s="195">
        <v>0</v>
      </c>
      <c r="F9" s="196">
        <v>0</v>
      </c>
      <c r="G9" s="197">
        <v>1</v>
      </c>
      <c r="H9" s="197">
        <v>38</v>
      </c>
      <c r="I9" s="197">
        <v>61</v>
      </c>
      <c r="J9" s="195">
        <v>25</v>
      </c>
      <c r="K9" s="198">
        <v>125</v>
      </c>
      <c r="L9" s="199">
        <v>125</v>
      </c>
      <c r="M9" s="194">
        <v>0</v>
      </c>
      <c r="N9" s="195">
        <v>0</v>
      </c>
      <c r="O9" s="198">
        <v>0</v>
      </c>
      <c r="P9" s="201">
        <v>0</v>
      </c>
      <c r="Q9" s="197">
        <v>5</v>
      </c>
      <c r="R9" s="197">
        <v>13</v>
      </c>
      <c r="S9" s="197">
        <v>19</v>
      </c>
      <c r="T9" s="195">
        <v>6</v>
      </c>
      <c r="U9" s="198">
        <v>43</v>
      </c>
      <c r="V9" s="202">
        <v>43</v>
      </c>
      <c r="W9" s="201">
        <v>0</v>
      </c>
      <c r="X9" s="195">
        <v>0</v>
      </c>
      <c r="Y9" s="195">
        <v>0</v>
      </c>
      <c r="Z9" s="196">
        <v>0</v>
      </c>
      <c r="AA9" s="197">
        <v>0</v>
      </c>
      <c r="AB9" s="197">
        <v>0</v>
      </c>
      <c r="AC9" s="197">
        <v>0</v>
      </c>
      <c r="AD9" s="195">
        <v>1</v>
      </c>
      <c r="AE9" s="198">
        <v>1</v>
      </c>
      <c r="AF9" s="199">
        <v>1</v>
      </c>
      <c r="AG9" s="194">
        <v>0</v>
      </c>
      <c r="AH9" s="195">
        <v>0</v>
      </c>
      <c r="AI9" s="195">
        <v>0</v>
      </c>
      <c r="AJ9" s="196">
        <v>0</v>
      </c>
      <c r="AK9" s="197">
        <v>0</v>
      </c>
      <c r="AL9" s="197">
        <v>0</v>
      </c>
      <c r="AM9" s="197">
        <v>1</v>
      </c>
      <c r="AN9" s="195">
        <v>3</v>
      </c>
      <c r="AO9" s="198">
        <v>4</v>
      </c>
      <c r="AP9" s="200">
        <v>4</v>
      </c>
      <c r="AQ9" s="37"/>
    </row>
    <row r="10" spans="2:43" ht="21" customHeight="1" x14ac:dyDescent="0.2">
      <c r="B10" s="62" t="s">
        <v>7</v>
      </c>
      <c r="C10" s="194">
        <v>0</v>
      </c>
      <c r="D10" s="195">
        <v>0</v>
      </c>
      <c r="E10" s="195">
        <v>0</v>
      </c>
      <c r="F10" s="196">
        <v>0</v>
      </c>
      <c r="G10" s="197">
        <v>3</v>
      </c>
      <c r="H10" s="197">
        <v>16</v>
      </c>
      <c r="I10" s="197">
        <v>52</v>
      </c>
      <c r="J10" s="195">
        <v>29</v>
      </c>
      <c r="K10" s="198">
        <v>100</v>
      </c>
      <c r="L10" s="199">
        <v>100</v>
      </c>
      <c r="M10" s="194">
        <v>0</v>
      </c>
      <c r="N10" s="195">
        <v>0</v>
      </c>
      <c r="O10" s="198">
        <v>0</v>
      </c>
      <c r="P10" s="201">
        <v>15</v>
      </c>
      <c r="Q10" s="197">
        <v>14</v>
      </c>
      <c r="R10" s="197">
        <v>8</v>
      </c>
      <c r="S10" s="197">
        <v>21</v>
      </c>
      <c r="T10" s="195">
        <v>11</v>
      </c>
      <c r="U10" s="198">
        <v>69</v>
      </c>
      <c r="V10" s="202">
        <v>69</v>
      </c>
      <c r="W10" s="201">
        <v>0</v>
      </c>
      <c r="X10" s="195">
        <v>0</v>
      </c>
      <c r="Y10" s="195">
        <v>0</v>
      </c>
      <c r="Z10" s="196">
        <v>0</v>
      </c>
      <c r="AA10" s="197">
        <v>0</v>
      </c>
      <c r="AB10" s="197">
        <v>0</v>
      </c>
      <c r="AC10" s="197">
        <v>1</v>
      </c>
      <c r="AD10" s="195">
        <v>0</v>
      </c>
      <c r="AE10" s="198">
        <v>1</v>
      </c>
      <c r="AF10" s="199">
        <v>1</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2</v>
      </c>
      <c r="G11" s="197">
        <v>2</v>
      </c>
      <c r="H11" s="197">
        <v>10</v>
      </c>
      <c r="I11" s="197">
        <v>12</v>
      </c>
      <c r="J11" s="195">
        <v>7</v>
      </c>
      <c r="K11" s="198">
        <v>33</v>
      </c>
      <c r="L11" s="199">
        <v>33</v>
      </c>
      <c r="M11" s="194">
        <v>0</v>
      </c>
      <c r="N11" s="195">
        <v>0</v>
      </c>
      <c r="O11" s="198">
        <v>0</v>
      </c>
      <c r="P11" s="201">
        <v>2</v>
      </c>
      <c r="Q11" s="197">
        <v>2</v>
      </c>
      <c r="R11" s="197">
        <v>6</v>
      </c>
      <c r="S11" s="197">
        <v>8</v>
      </c>
      <c r="T11" s="195">
        <v>2</v>
      </c>
      <c r="U11" s="198">
        <v>20</v>
      </c>
      <c r="V11" s="202">
        <v>20</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2</v>
      </c>
      <c r="AN11" s="195">
        <v>0</v>
      </c>
      <c r="AO11" s="198">
        <v>2</v>
      </c>
      <c r="AP11" s="200">
        <v>2</v>
      </c>
      <c r="AQ11" s="37"/>
    </row>
    <row r="12" spans="2:43" ht="21" customHeight="1" x14ac:dyDescent="0.2">
      <c r="B12" s="62" t="s">
        <v>9</v>
      </c>
      <c r="C12" s="194">
        <v>0</v>
      </c>
      <c r="D12" s="195">
        <v>0</v>
      </c>
      <c r="E12" s="195">
        <v>0</v>
      </c>
      <c r="F12" s="196">
        <v>0</v>
      </c>
      <c r="G12" s="197">
        <v>0</v>
      </c>
      <c r="H12" s="197">
        <v>13</v>
      </c>
      <c r="I12" s="197">
        <v>21</v>
      </c>
      <c r="J12" s="195">
        <v>8</v>
      </c>
      <c r="K12" s="198">
        <v>42</v>
      </c>
      <c r="L12" s="199">
        <v>42</v>
      </c>
      <c r="M12" s="194">
        <v>0</v>
      </c>
      <c r="N12" s="195">
        <v>0</v>
      </c>
      <c r="O12" s="198">
        <v>0</v>
      </c>
      <c r="P12" s="201">
        <v>1</v>
      </c>
      <c r="Q12" s="197">
        <v>4</v>
      </c>
      <c r="R12" s="197">
        <v>4</v>
      </c>
      <c r="S12" s="197">
        <v>10</v>
      </c>
      <c r="T12" s="195">
        <v>2</v>
      </c>
      <c r="U12" s="198">
        <v>21</v>
      </c>
      <c r="V12" s="202">
        <v>21</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1</v>
      </c>
      <c r="AN12" s="195">
        <v>0</v>
      </c>
      <c r="AO12" s="198">
        <v>1</v>
      </c>
      <c r="AP12" s="200">
        <v>1</v>
      </c>
      <c r="AQ12" s="37"/>
    </row>
    <row r="13" spans="2:43" ht="21" customHeight="1" x14ac:dyDescent="0.2">
      <c r="B13" s="62" t="s">
        <v>10</v>
      </c>
      <c r="C13" s="194">
        <v>0</v>
      </c>
      <c r="D13" s="195">
        <v>0</v>
      </c>
      <c r="E13" s="195">
        <v>0</v>
      </c>
      <c r="F13" s="196">
        <v>1</v>
      </c>
      <c r="G13" s="197">
        <v>0</v>
      </c>
      <c r="H13" s="197">
        <v>22</v>
      </c>
      <c r="I13" s="197">
        <v>39</v>
      </c>
      <c r="J13" s="195">
        <v>16</v>
      </c>
      <c r="K13" s="198">
        <v>78</v>
      </c>
      <c r="L13" s="199">
        <v>78</v>
      </c>
      <c r="M13" s="194">
        <v>0</v>
      </c>
      <c r="N13" s="195">
        <v>0</v>
      </c>
      <c r="O13" s="198">
        <v>0</v>
      </c>
      <c r="P13" s="201">
        <v>3</v>
      </c>
      <c r="Q13" s="197">
        <v>6</v>
      </c>
      <c r="R13" s="197">
        <v>11</v>
      </c>
      <c r="S13" s="197">
        <v>12</v>
      </c>
      <c r="T13" s="195">
        <v>7</v>
      </c>
      <c r="U13" s="198">
        <v>39</v>
      </c>
      <c r="V13" s="202">
        <v>39</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2</v>
      </c>
      <c r="AO13" s="198">
        <v>2</v>
      </c>
      <c r="AP13" s="200">
        <v>2</v>
      </c>
      <c r="AQ13" s="37"/>
    </row>
    <row r="14" spans="2:43" ht="21" customHeight="1" x14ac:dyDescent="0.2">
      <c r="B14" s="62" t="s">
        <v>11</v>
      </c>
      <c r="C14" s="194">
        <v>0</v>
      </c>
      <c r="D14" s="195">
        <v>0</v>
      </c>
      <c r="E14" s="195">
        <v>0</v>
      </c>
      <c r="F14" s="196">
        <v>0</v>
      </c>
      <c r="G14" s="197">
        <v>0</v>
      </c>
      <c r="H14" s="197">
        <v>6</v>
      </c>
      <c r="I14" s="197">
        <v>16</v>
      </c>
      <c r="J14" s="195">
        <v>5</v>
      </c>
      <c r="K14" s="198">
        <v>27</v>
      </c>
      <c r="L14" s="199">
        <v>27</v>
      </c>
      <c r="M14" s="194">
        <v>0</v>
      </c>
      <c r="N14" s="195">
        <v>0</v>
      </c>
      <c r="O14" s="198">
        <v>0</v>
      </c>
      <c r="P14" s="201">
        <v>1</v>
      </c>
      <c r="Q14" s="197">
        <v>2</v>
      </c>
      <c r="R14" s="197">
        <v>6</v>
      </c>
      <c r="S14" s="197">
        <v>4</v>
      </c>
      <c r="T14" s="195">
        <v>6</v>
      </c>
      <c r="U14" s="198">
        <v>19</v>
      </c>
      <c r="V14" s="202">
        <v>19</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0</v>
      </c>
      <c r="AO14" s="198">
        <v>0</v>
      </c>
      <c r="AP14" s="200">
        <v>0</v>
      </c>
      <c r="AQ14" s="37"/>
    </row>
    <row r="15" spans="2:43" ht="21" customHeight="1" x14ac:dyDescent="0.2">
      <c r="B15" s="62" t="s">
        <v>12</v>
      </c>
      <c r="C15" s="194">
        <v>0</v>
      </c>
      <c r="D15" s="195">
        <v>0</v>
      </c>
      <c r="E15" s="195">
        <v>0</v>
      </c>
      <c r="F15" s="196">
        <v>0</v>
      </c>
      <c r="G15" s="197">
        <v>0</v>
      </c>
      <c r="H15" s="197">
        <v>8</v>
      </c>
      <c r="I15" s="197">
        <v>20</v>
      </c>
      <c r="J15" s="195">
        <v>7</v>
      </c>
      <c r="K15" s="198">
        <v>35</v>
      </c>
      <c r="L15" s="199">
        <v>35</v>
      </c>
      <c r="M15" s="194">
        <v>0</v>
      </c>
      <c r="N15" s="195">
        <v>0</v>
      </c>
      <c r="O15" s="198">
        <v>0</v>
      </c>
      <c r="P15" s="201">
        <v>2</v>
      </c>
      <c r="Q15" s="197">
        <v>5</v>
      </c>
      <c r="R15" s="197">
        <v>6</v>
      </c>
      <c r="S15" s="197">
        <v>13</v>
      </c>
      <c r="T15" s="195">
        <v>5</v>
      </c>
      <c r="U15" s="198">
        <v>31</v>
      </c>
      <c r="V15" s="202">
        <v>31</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0</v>
      </c>
      <c r="G16" s="197">
        <v>0</v>
      </c>
      <c r="H16" s="197">
        <v>3</v>
      </c>
      <c r="I16" s="197">
        <v>12</v>
      </c>
      <c r="J16" s="195">
        <v>7</v>
      </c>
      <c r="K16" s="198">
        <v>22</v>
      </c>
      <c r="L16" s="199">
        <v>22</v>
      </c>
      <c r="M16" s="194">
        <v>0</v>
      </c>
      <c r="N16" s="195">
        <v>0</v>
      </c>
      <c r="O16" s="198">
        <v>0</v>
      </c>
      <c r="P16" s="201">
        <v>0</v>
      </c>
      <c r="Q16" s="197">
        <v>3</v>
      </c>
      <c r="R16" s="197">
        <v>2</v>
      </c>
      <c r="S16" s="197">
        <v>3</v>
      </c>
      <c r="T16" s="195">
        <v>1</v>
      </c>
      <c r="U16" s="198">
        <v>9</v>
      </c>
      <c r="V16" s="202">
        <v>9</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5</v>
      </c>
      <c r="J17" s="195">
        <v>2</v>
      </c>
      <c r="K17" s="198">
        <v>8</v>
      </c>
      <c r="L17" s="199">
        <v>8</v>
      </c>
      <c r="M17" s="194">
        <v>0</v>
      </c>
      <c r="N17" s="195">
        <v>0</v>
      </c>
      <c r="O17" s="198">
        <v>0</v>
      </c>
      <c r="P17" s="201">
        <v>1</v>
      </c>
      <c r="Q17" s="197">
        <v>1</v>
      </c>
      <c r="R17" s="197">
        <v>2</v>
      </c>
      <c r="S17" s="197">
        <v>3</v>
      </c>
      <c r="T17" s="195">
        <v>3</v>
      </c>
      <c r="U17" s="198">
        <v>10</v>
      </c>
      <c r="V17" s="202">
        <v>10</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1</v>
      </c>
      <c r="H18" s="197">
        <v>5</v>
      </c>
      <c r="I18" s="197">
        <v>11</v>
      </c>
      <c r="J18" s="195">
        <v>4</v>
      </c>
      <c r="K18" s="198">
        <v>21</v>
      </c>
      <c r="L18" s="199">
        <v>21</v>
      </c>
      <c r="M18" s="194">
        <v>0</v>
      </c>
      <c r="N18" s="195">
        <v>0</v>
      </c>
      <c r="O18" s="198">
        <v>0</v>
      </c>
      <c r="P18" s="201">
        <v>0</v>
      </c>
      <c r="Q18" s="197">
        <v>4</v>
      </c>
      <c r="R18" s="197">
        <v>5</v>
      </c>
      <c r="S18" s="197">
        <v>6</v>
      </c>
      <c r="T18" s="195">
        <v>1</v>
      </c>
      <c r="U18" s="198">
        <v>16</v>
      </c>
      <c r="V18" s="202">
        <v>16</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2</v>
      </c>
      <c r="AO18" s="198">
        <v>2</v>
      </c>
      <c r="AP18" s="200">
        <v>2</v>
      </c>
      <c r="AQ18" s="37"/>
    </row>
    <row r="19" spans="2:43" ht="21" customHeight="1" x14ac:dyDescent="0.2">
      <c r="B19" s="62" t="s">
        <v>17</v>
      </c>
      <c r="C19" s="194">
        <v>0</v>
      </c>
      <c r="D19" s="195">
        <v>0</v>
      </c>
      <c r="E19" s="195">
        <v>0</v>
      </c>
      <c r="F19" s="196">
        <v>0</v>
      </c>
      <c r="G19" s="197">
        <v>1</v>
      </c>
      <c r="H19" s="197">
        <v>7</v>
      </c>
      <c r="I19" s="197">
        <v>13</v>
      </c>
      <c r="J19" s="195">
        <v>11</v>
      </c>
      <c r="K19" s="198">
        <v>32</v>
      </c>
      <c r="L19" s="199">
        <v>32</v>
      </c>
      <c r="M19" s="194">
        <v>0</v>
      </c>
      <c r="N19" s="195">
        <v>0</v>
      </c>
      <c r="O19" s="198">
        <v>0</v>
      </c>
      <c r="P19" s="201">
        <v>6</v>
      </c>
      <c r="Q19" s="197">
        <v>3</v>
      </c>
      <c r="R19" s="197">
        <v>11</v>
      </c>
      <c r="S19" s="197">
        <v>7</v>
      </c>
      <c r="T19" s="195">
        <v>6</v>
      </c>
      <c r="U19" s="198">
        <v>33</v>
      </c>
      <c r="V19" s="202">
        <v>33</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0</v>
      </c>
      <c r="AO19" s="198">
        <v>0</v>
      </c>
      <c r="AP19" s="200">
        <v>0</v>
      </c>
      <c r="AQ19" s="37"/>
    </row>
    <row r="20" spans="2:43" ht="21" customHeight="1" x14ac:dyDescent="0.2">
      <c r="B20" s="62" t="s">
        <v>18</v>
      </c>
      <c r="C20" s="194">
        <v>0</v>
      </c>
      <c r="D20" s="195">
        <v>0</v>
      </c>
      <c r="E20" s="195">
        <v>0</v>
      </c>
      <c r="F20" s="196">
        <v>0</v>
      </c>
      <c r="G20" s="197">
        <v>1</v>
      </c>
      <c r="H20" s="197">
        <v>6</v>
      </c>
      <c r="I20" s="197">
        <v>19</v>
      </c>
      <c r="J20" s="195">
        <v>7</v>
      </c>
      <c r="K20" s="198">
        <v>33</v>
      </c>
      <c r="L20" s="199">
        <v>33</v>
      </c>
      <c r="M20" s="194">
        <v>0</v>
      </c>
      <c r="N20" s="195">
        <v>0</v>
      </c>
      <c r="O20" s="198">
        <v>0</v>
      </c>
      <c r="P20" s="201">
        <v>3</v>
      </c>
      <c r="Q20" s="197">
        <v>2</v>
      </c>
      <c r="R20" s="197">
        <v>7</v>
      </c>
      <c r="S20" s="197">
        <v>3</v>
      </c>
      <c r="T20" s="195">
        <v>4</v>
      </c>
      <c r="U20" s="198">
        <v>19</v>
      </c>
      <c r="V20" s="202">
        <v>19</v>
      </c>
      <c r="W20" s="201">
        <v>0</v>
      </c>
      <c r="X20" s="195">
        <v>0</v>
      </c>
      <c r="Y20" s="195">
        <v>0</v>
      </c>
      <c r="Z20" s="196">
        <v>0</v>
      </c>
      <c r="AA20" s="197">
        <v>0</v>
      </c>
      <c r="AB20" s="197">
        <v>0</v>
      </c>
      <c r="AC20" s="197">
        <v>0</v>
      </c>
      <c r="AD20" s="195">
        <v>0</v>
      </c>
      <c r="AE20" s="198">
        <v>0</v>
      </c>
      <c r="AF20" s="199">
        <v>0</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4</v>
      </c>
      <c r="I21" s="197">
        <v>4</v>
      </c>
      <c r="J21" s="195">
        <v>6</v>
      </c>
      <c r="K21" s="198">
        <v>14</v>
      </c>
      <c r="L21" s="199">
        <v>14</v>
      </c>
      <c r="M21" s="194">
        <v>0</v>
      </c>
      <c r="N21" s="195">
        <v>0</v>
      </c>
      <c r="O21" s="198">
        <v>0</v>
      </c>
      <c r="P21" s="201">
        <v>0</v>
      </c>
      <c r="Q21" s="197">
        <v>2</v>
      </c>
      <c r="R21" s="197">
        <v>5</v>
      </c>
      <c r="S21" s="197">
        <v>2</v>
      </c>
      <c r="T21" s="195">
        <v>1</v>
      </c>
      <c r="U21" s="198">
        <v>10</v>
      </c>
      <c r="V21" s="202">
        <v>10</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9</v>
      </c>
      <c r="I22" s="197">
        <v>10</v>
      </c>
      <c r="J22" s="195">
        <v>6</v>
      </c>
      <c r="K22" s="198">
        <v>26</v>
      </c>
      <c r="L22" s="199">
        <v>26</v>
      </c>
      <c r="M22" s="194">
        <v>0</v>
      </c>
      <c r="N22" s="195">
        <v>0</v>
      </c>
      <c r="O22" s="198">
        <v>0</v>
      </c>
      <c r="P22" s="201">
        <v>1</v>
      </c>
      <c r="Q22" s="197">
        <v>0</v>
      </c>
      <c r="R22" s="197">
        <v>2</v>
      </c>
      <c r="S22" s="197">
        <v>1</v>
      </c>
      <c r="T22" s="195">
        <v>0</v>
      </c>
      <c r="U22" s="198">
        <v>4</v>
      </c>
      <c r="V22" s="202">
        <v>4</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1</v>
      </c>
      <c r="AO22" s="198">
        <v>1</v>
      </c>
      <c r="AP22" s="200">
        <v>1</v>
      </c>
      <c r="AQ22" s="37"/>
    </row>
    <row r="23" spans="2:43" ht="21" customHeight="1" x14ac:dyDescent="0.2">
      <c r="B23" s="62" t="s">
        <v>21</v>
      </c>
      <c r="C23" s="194">
        <v>0</v>
      </c>
      <c r="D23" s="195">
        <v>0</v>
      </c>
      <c r="E23" s="195">
        <v>0</v>
      </c>
      <c r="F23" s="196">
        <v>0</v>
      </c>
      <c r="G23" s="197">
        <v>0</v>
      </c>
      <c r="H23" s="197">
        <v>9</v>
      </c>
      <c r="I23" s="197">
        <v>10</v>
      </c>
      <c r="J23" s="195">
        <v>7</v>
      </c>
      <c r="K23" s="198">
        <v>26</v>
      </c>
      <c r="L23" s="199">
        <v>26</v>
      </c>
      <c r="M23" s="194">
        <v>0</v>
      </c>
      <c r="N23" s="195">
        <v>0</v>
      </c>
      <c r="O23" s="198">
        <v>0</v>
      </c>
      <c r="P23" s="201">
        <v>0</v>
      </c>
      <c r="Q23" s="197">
        <v>1</v>
      </c>
      <c r="R23" s="197">
        <v>1</v>
      </c>
      <c r="S23" s="197">
        <v>1</v>
      </c>
      <c r="T23" s="195">
        <v>2</v>
      </c>
      <c r="U23" s="198">
        <v>5</v>
      </c>
      <c r="V23" s="202">
        <v>5</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1</v>
      </c>
      <c r="AO23" s="198">
        <v>1</v>
      </c>
      <c r="AP23" s="200">
        <v>1</v>
      </c>
      <c r="AQ23" s="37"/>
    </row>
    <row r="24" spans="2:43" ht="21" customHeight="1" x14ac:dyDescent="0.2">
      <c r="B24" s="62" t="s">
        <v>22</v>
      </c>
      <c r="C24" s="194">
        <v>0</v>
      </c>
      <c r="D24" s="195">
        <v>0</v>
      </c>
      <c r="E24" s="195">
        <v>0</v>
      </c>
      <c r="F24" s="196">
        <v>0</v>
      </c>
      <c r="G24" s="197">
        <v>0</v>
      </c>
      <c r="H24" s="197">
        <v>2</v>
      </c>
      <c r="I24" s="197">
        <v>3</v>
      </c>
      <c r="J24" s="195">
        <v>2</v>
      </c>
      <c r="K24" s="198">
        <v>7</v>
      </c>
      <c r="L24" s="199">
        <v>7</v>
      </c>
      <c r="M24" s="194">
        <v>0</v>
      </c>
      <c r="N24" s="195">
        <v>0</v>
      </c>
      <c r="O24" s="198">
        <v>0</v>
      </c>
      <c r="P24" s="201">
        <v>0</v>
      </c>
      <c r="Q24" s="197">
        <v>1</v>
      </c>
      <c r="R24" s="197">
        <v>1</v>
      </c>
      <c r="S24" s="197">
        <v>3</v>
      </c>
      <c r="T24" s="195">
        <v>0</v>
      </c>
      <c r="U24" s="198">
        <v>5</v>
      </c>
      <c r="V24" s="202">
        <v>5</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0</v>
      </c>
      <c r="H25" s="197">
        <v>2</v>
      </c>
      <c r="I25" s="197">
        <v>4</v>
      </c>
      <c r="J25" s="195">
        <v>0</v>
      </c>
      <c r="K25" s="198">
        <v>6</v>
      </c>
      <c r="L25" s="199">
        <v>6</v>
      </c>
      <c r="M25" s="194">
        <v>0</v>
      </c>
      <c r="N25" s="195">
        <v>0</v>
      </c>
      <c r="O25" s="198">
        <v>0</v>
      </c>
      <c r="P25" s="201">
        <v>1</v>
      </c>
      <c r="Q25" s="197">
        <v>2</v>
      </c>
      <c r="R25" s="197">
        <v>1</v>
      </c>
      <c r="S25" s="197">
        <v>2</v>
      </c>
      <c r="T25" s="195">
        <v>1</v>
      </c>
      <c r="U25" s="198">
        <v>7</v>
      </c>
      <c r="V25" s="202">
        <v>7</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1" customHeight="1" x14ac:dyDescent="0.2">
      <c r="B26" s="62" t="s">
        <v>24</v>
      </c>
      <c r="C26" s="194">
        <v>0</v>
      </c>
      <c r="D26" s="195">
        <v>0</v>
      </c>
      <c r="E26" s="195">
        <v>0</v>
      </c>
      <c r="F26" s="196">
        <v>0</v>
      </c>
      <c r="G26" s="197">
        <v>0</v>
      </c>
      <c r="H26" s="197">
        <v>0</v>
      </c>
      <c r="I26" s="197">
        <v>4</v>
      </c>
      <c r="J26" s="195">
        <v>2</v>
      </c>
      <c r="K26" s="198">
        <v>6</v>
      </c>
      <c r="L26" s="199">
        <v>6</v>
      </c>
      <c r="M26" s="194">
        <v>0</v>
      </c>
      <c r="N26" s="195">
        <v>0</v>
      </c>
      <c r="O26" s="198">
        <v>0</v>
      </c>
      <c r="P26" s="201">
        <v>0</v>
      </c>
      <c r="Q26" s="197">
        <v>1</v>
      </c>
      <c r="R26" s="197">
        <v>3</v>
      </c>
      <c r="S26" s="197">
        <v>3</v>
      </c>
      <c r="T26" s="195">
        <v>0</v>
      </c>
      <c r="U26" s="198">
        <v>7</v>
      </c>
      <c r="V26" s="202">
        <v>7</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1</v>
      </c>
      <c r="H27" s="197">
        <v>4</v>
      </c>
      <c r="I27" s="197">
        <v>2</v>
      </c>
      <c r="J27" s="195">
        <v>1</v>
      </c>
      <c r="K27" s="198">
        <v>8</v>
      </c>
      <c r="L27" s="199">
        <v>8</v>
      </c>
      <c r="M27" s="194">
        <v>0</v>
      </c>
      <c r="N27" s="195">
        <v>0</v>
      </c>
      <c r="O27" s="198">
        <v>0</v>
      </c>
      <c r="P27" s="201">
        <v>1</v>
      </c>
      <c r="Q27" s="197">
        <v>0</v>
      </c>
      <c r="R27" s="197">
        <v>0</v>
      </c>
      <c r="S27" s="197">
        <v>1</v>
      </c>
      <c r="T27" s="195">
        <v>4</v>
      </c>
      <c r="U27" s="198">
        <v>6</v>
      </c>
      <c r="V27" s="202">
        <v>6</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1" customHeight="1" x14ac:dyDescent="0.2">
      <c r="B28" s="62" t="s">
        <v>26</v>
      </c>
      <c r="C28" s="194">
        <v>0</v>
      </c>
      <c r="D28" s="195">
        <v>0</v>
      </c>
      <c r="E28" s="195">
        <v>0</v>
      </c>
      <c r="F28" s="196">
        <v>0</v>
      </c>
      <c r="G28" s="197">
        <v>0</v>
      </c>
      <c r="H28" s="197">
        <v>2</v>
      </c>
      <c r="I28" s="197">
        <v>3</v>
      </c>
      <c r="J28" s="195">
        <v>1</v>
      </c>
      <c r="K28" s="198">
        <v>6</v>
      </c>
      <c r="L28" s="199">
        <v>6</v>
      </c>
      <c r="M28" s="194">
        <v>0</v>
      </c>
      <c r="N28" s="195">
        <v>0</v>
      </c>
      <c r="O28" s="198">
        <v>0</v>
      </c>
      <c r="P28" s="201">
        <v>0</v>
      </c>
      <c r="Q28" s="197">
        <v>1</v>
      </c>
      <c r="R28" s="197">
        <v>1</v>
      </c>
      <c r="S28" s="197">
        <v>2</v>
      </c>
      <c r="T28" s="195">
        <v>0</v>
      </c>
      <c r="U28" s="198">
        <v>4</v>
      </c>
      <c r="V28" s="202">
        <v>4</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1</v>
      </c>
      <c r="H29" s="197">
        <v>0</v>
      </c>
      <c r="I29" s="197">
        <v>0</v>
      </c>
      <c r="J29" s="195">
        <v>0</v>
      </c>
      <c r="K29" s="198">
        <v>1</v>
      </c>
      <c r="L29" s="199">
        <v>1</v>
      </c>
      <c r="M29" s="194">
        <v>0</v>
      </c>
      <c r="N29" s="195">
        <v>0</v>
      </c>
      <c r="O29" s="198">
        <v>0</v>
      </c>
      <c r="P29" s="201">
        <v>0</v>
      </c>
      <c r="Q29" s="197">
        <v>2</v>
      </c>
      <c r="R29" s="197">
        <v>4</v>
      </c>
      <c r="S29" s="197">
        <v>2</v>
      </c>
      <c r="T29" s="195">
        <v>0</v>
      </c>
      <c r="U29" s="198">
        <v>8</v>
      </c>
      <c r="V29" s="202">
        <v>8</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1"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1</v>
      </c>
      <c r="R30" s="197">
        <v>0</v>
      </c>
      <c r="S30" s="197">
        <v>2</v>
      </c>
      <c r="T30" s="195">
        <v>0</v>
      </c>
      <c r="U30" s="198">
        <v>3</v>
      </c>
      <c r="V30" s="202">
        <v>3</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0</v>
      </c>
      <c r="J31" s="195">
        <v>1</v>
      </c>
      <c r="K31" s="198">
        <v>1</v>
      </c>
      <c r="L31" s="199">
        <v>1</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0</v>
      </c>
      <c r="I32" s="197">
        <v>3</v>
      </c>
      <c r="J32" s="195">
        <v>0</v>
      </c>
      <c r="K32" s="198">
        <v>3</v>
      </c>
      <c r="L32" s="199">
        <v>3</v>
      </c>
      <c r="M32" s="194">
        <v>0</v>
      </c>
      <c r="N32" s="195">
        <v>0</v>
      </c>
      <c r="O32" s="198">
        <v>0</v>
      </c>
      <c r="P32" s="201">
        <v>2</v>
      </c>
      <c r="Q32" s="197">
        <v>0</v>
      </c>
      <c r="R32" s="197">
        <v>1</v>
      </c>
      <c r="S32" s="197">
        <v>2</v>
      </c>
      <c r="T32" s="195">
        <v>1</v>
      </c>
      <c r="U32" s="198">
        <v>6</v>
      </c>
      <c r="V32" s="202">
        <v>6</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1</v>
      </c>
      <c r="AO32" s="198">
        <v>1</v>
      </c>
      <c r="AP32" s="200">
        <v>1</v>
      </c>
      <c r="AQ32" s="37"/>
    </row>
    <row r="33" spans="2:43" ht="21" customHeight="1" x14ac:dyDescent="0.2">
      <c r="B33" s="62" t="s">
        <v>31</v>
      </c>
      <c r="C33" s="194">
        <v>0</v>
      </c>
      <c r="D33" s="195">
        <v>0</v>
      </c>
      <c r="E33" s="195">
        <v>0</v>
      </c>
      <c r="F33" s="196">
        <v>0</v>
      </c>
      <c r="G33" s="197">
        <v>0</v>
      </c>
      <c r="H33" s="197">
        <v>1</v>
      </c>
      <c r="I33" s="197">
        <v>1</v>
      </c>
      <c r="J33" s="195">
        <v>0</v>
      </c>
      <c r="K33" s="198">
        <v>2</v>
      </c>
      <c r="L33" s="199">
        <v>2</v>
      </c>
      <c r="M33" s="194">
        <v>0</v>
      </c>
      <c r="N33" s="195">
        <v>0</v>
      </c>
      <c r="O33" s="198">
        <v>0</v>
      </c>
      <c r="P33" s="201">
        <v>0</v>
      </c>
      <c r="Q33" s="197">
        <v>1</v>
      </c>
      <c r="R33" s="197">
        <v>0</v>
      </c>
      <c r="S33" s="197">
        <v>0</v>
      </c>
      <c r="T33" s="195">
        <v>0</v>
      </c>
      <c r="U33" s="198">
        <v>1</v>
      </c>
      <c r="V33" s="202">
        <v>1</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3</v>
      </c>
      <c r="J34" s="195">
        <v>0</v>
      </c>
      <c r="K34" s="198">
        <v>3</v>
      </c>
      <c r="L34" s="199">
        <v>3</v>
      </c>
      <c r="M34" s="194">
        <v>0</v>
      </c>
      <c r="N34" s="195">
        <v>0</v>
      </c>
      <c r="O34" s="198">
        <v>0</v>
      </c>
      <c r="P34" s="201">
        <v>0</v>
      </c>
      <c r="Q34" s="197">
        <v>0</v>
      </c>
      <c r="R34" s="197">
        <v>1</v>
      </c>
      <c r="S34" s="197">
        <v>2</v>
      </c>
      <c r="T34" s="195">
        <v>0</v>
      </c>
      <c r="U34" s="198">
        <v>3</v>
      </c>
      <c r="V34" s="202">
        <v>3</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1</v>
      </c>
      <c r="AM35" s="197">
        <v>0</v>
      </c>
      <c r="AN35" s="195">
        <v>0</v>
      </c>
      <c r="AO35" s="198">
        <v>2</v>
      </c>
      <c r="AP35" s="200">
        <v>2</v>
      </c>
      <c r="AQ35" s="37"/>
    </row>
    <row r="36" spans="2:43" ht="21"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0</v>
      </c>
      <c r="R36" s="197">
        <v>1</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1</v>
      </c>
      <c r="J37" s="195">
        <v>1</v>
      </c>
      <c r="K37" s="198">
        <v>2</v>
      </c>
      <c r="L37" s="199">
        <v>2</v>
      </c>
      <c r="M37" s="194">
        <v>0</v>
      </c>
      <c r="N37" s="195">
        <v>0</v>
      </c>
      <c r="O37" s="198">
        <v>0</v>
      </c>
      <c r="P37" s="201">
        <v>1</v>
      </c>
      <c r="Q37" s="197">
        <v>1</v>
      </c>
      <c r="R37" s="197">
        <v>1</v>
      </c>
      <c r="S37" s="197">
        <v>1</v>
      </c>
      <c r="T37" s="195">
        <v>0</v>
      </c>
      <c r="U37" s="198">
        <v>4</v>
      </c>
      <c r="V37" s="202">
        <v>4</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0</v>
      </c>
      <c r="I38" s="197">
        <v>2</v>
      </c>
      <c r="J38" s="195">
        <v>2</v>
      </c>
      <c r="K38" s="198">
        <v>4</v>
      </c>
      <c r="L38" s="199">
        <v>4</v>
      </c>
      <c r="M38" s="194">
        <v>0</v>
      </c>
      <c r="N38" s="195">
        <v>0</v>
      </c>
      <c r="O38" s="198">
        <v>0</v>
      </c>
      <c r="P38" s="201">
        <v>0</v>
      </c>
      <c r="Q38" s="197">
        <v>1</v>
      </c>
      <c r="R38" s="197">
        <v>2</v>
      </c>
      <c r="S38" s="197">
        <v>0</v>
      </c>
      <c r="T38" s="195">
        <v>0</v>
      </c>
      <c r="U38" s="198">
        <v>3</v>
      </c>
      <c r="V38" s="202">
        <v>3</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1</v>
      </c>
      <c r="I39" s="206">
        <v>1</v>
      </c>
      <c r="J39" s="204">
        <v>0</v>
      </c>
      <c r="K39" s="207">
        <v>2</v>
      </c>
      <c r="L39" s="208">
        <v>2</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J1:K1"/>
    <mergeCell ref="W3:AF3"/>
    <mergeCell ref="AG3:AP3"/>
    <mergeCell ref="M4:O4"/>
    <mergeCell ref="P4:U4"/>
    <mergeCell ref="V4:V5"/>
    <mergeCell ref="W4:Y4"/>
    <mergeCell ref="Z4:AE4"/>
    <mergeCell ref="AF4:AF5"/>
    <mergeCell ref="AG4:AI4"/>
    <mergeCell ref="AJ4:AO4"/>
    <mergeCell ref="AP4:AP5"/>
    <mergeCell ref="B3:B4"/>
    <mergeCell ref="C3:L3"/>
    <mergeCell ref="M3:V3"/>
    <mergeCell ref="C4:E4"/>
    <mergeCell ref="F4:K4"/>
    <mergeCell ref="L4:L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500">
        <f>第１表!F2</f>
        <v>5</v>
      </c>
      <c r="I1" s="246">
        <f>第１表!G2</f>
        <v>4</v>
      </c>
      <c r="J1" s="607">
        <f>IF(I1&lt;3,I1-2+12,I1-2)</f>
        <v>2</v>
      </c>
      <c r="K1" s="607"/>
    </row>
    <row r="2" spans="2:43" ht="24" customHeight="1" thickBot="1" x14ac:dyDescent="0.25">
      <c r="B2" s="20" t="s">
        <v>159</v>
      </c>
      <c r="F2" s="20" t="s">
        <v>140</v>
      </c>
    </row>
    <row r="3" spans="2:43" ht="21" customHeight="1" x14ac:dyDescent="0.2">
      <c r="B3" s="573"/>
      <c r="C3" s="576" t="s">
        <v>57</v>
      </c>
      <c r="D3" s="577"/>
      <c r="E3" s="577"/>
      <c r="F3" s="577"/>
      <c r="G3" s="577"/>
      <c r="H3" s="577"/>
      <c r="I3" s="577"/>
      <c r="J3" s="577"/>
      <c r="K3" s="577"/>
      <c r="L3" s="577"/>
      <c r="M3" s="576" t="s">
        <v>58</v>
      </c>
      <c r="N3" s="579"/>
      <c r="O3" s="579"/>
      <c r="P3" s="579"/>
      <c r="Q3" s="579"/>
      <c r="R3" s="579"/>
      <c r="S3" s="579"/>
      <c r="T3" s="579"/>
      <c r="U3" s="579"/>
      <c r="V3" s="579"/>
      <c r="W3" s="576" t="s">
        <v>59</v>
      </c>
      <c r="X3" s="577"/>
      <c r="Y3" s="577"/>
      <c r="Z3" s="577"/>
      <c r="AA3" s="577"/>
      <c r="AB3" s="577"/>
      <c r="AC3" s="577"/>
      <c r="AD3" s="577"/>
      <c r="AE3" s="577"/>
      <c r="AF3" s="577"/>
      <c r="AG3" s="605" t="s">
        <v>151</v>
      </c>
      <c r="AH3" s="577"/>
      <c r="AI3" s="577"/>
      <c r="AJ3" s="577"/>
      <c r="AK3" s="577"/>
      <c r="AL3" s="577"/>
      <c r="AM3" s="577"/>
      <c r="AN3" s="577"/>
      <c r="AO3" s="577"/>
      <c r="AP3" s="578"/>
    </row>
    <row r="4" spans="2:43" ht="21" customHeight="1" x14ac:dyDescent="0.2">
      <c r="B4" s="575"/>
      <c r="C4" s="581" t="s">
        <v>61</v>
      </c>
      <c r="D4" s="582"/>
      <c r="E4" s="583"/>
      <c r="F4" s="584" t="s">
        <v>62</v>
      </c>
      <c r="G4" s="585"/>
      <c r="H4" s="585"/>
      <c r="I4" s="585"/>
      <c r="J4" s="585"/>
      <c r="K4" s="586"/>
      <c r="L4" s="597" t="s">
        <v>52</v>
      </c>
      <c r="M4" s="581" t="s">
        <v>61</v>
      </c>
      <c r="N4" s="582"/>
      <c r="O4" s="583"/>
      <c r="P4" s="584" t="s">
        <v>62</v>
      </c>
      <c r="Q4" s="585"/>
      <c r="R4" s="585"/>
      <c r="S4" s="585"/>
      <c r="T4" s="585"/>
      <c r="U4" s="586"/>
      <c r="V4" s="587" t="s">
        <v>52</v>
      </c>
      <c r="W4" s="581" t="s">
        <v>61</v>
      </c>
      <c r="X4" s="582"/>
      <c r="Y4" s="583"/>
      <c r="Z4" s="584" t="s">
        <v>62</v>
      </c>
      <c r="AA4" s="585"/>
      <c r="AB4" s="585"/>
      <c r="AC4" s="585"/>
      <c r="AD4" s="585"/>
      <c r="AE4" s="586"/>
      <c r="AF4" s="597" t="s">
        <v>52</v>
      </c>
      <c r="AG4" s="581" t="s">
        <v>61</v>
      </c>
      <c r="AH4" s="582"/>
      <c r="AI4" s="583"/>
      <c r="AJ4" s="584" t="s">
        <v>62</v>
      </c>
      <c r="AK4" s="585"/>
      <c r="AL4" s="585"/>
      <c r="AM4" s="585"/>
      <c r="AN4" s="585"/>
      <c r="AO4" s="586"/>
      <c r="AP4" s="587" t="s">
        <v>52</v>
      </c>
    </row>
    <row r="5" spans="2:43" ht="30" customHeight="1" thickBot="1" x14ac:dyDescent="0.25">
      <c r="B5" s="364" t="s">
        <v>42</v>
      </c>
      <c r="C5" s="31" t="s">
        <v>43</v>
      </c>
      <c r="D5" s="32" t="s">
        <v>44</v>
      </c>
      <c r="E5" s="32" t="s">
        <v>45</v>
      </c>
      <c r="F5" s="33" t="s">
        <v>47</v>
      </c>
      <c r="G5" s="34" t="s">
        <v>48</v>
      </c>
      <c r="H5" s="34" t="s">
        <v>49</v>
      </c>
      <c r="I5" s="35" t="s">
        <v>50</v>
      </c>
      <c r="J5" s="32" t="s">
        <v>51</v>
      </c>
      <c r="K5" s="36" t="s">
        <v>95</v>
      </c>
      <c r="L5" s="596"/>
      <c r="M5" s="31" t="s">
        <v>43</v>
      </c>
      <c r="N5" s="32" t="s">
        <v>44</v>
      </c>
      <c r="O5" s="36" t="s">
        <v>45</v>
      </c>
      <c r="P5" s="15" t="s">
        <v>47</v>
      </c>
      <c r="Q5" s="34" t="s">
        <v>48</v>
      </c>
      <c r="R5" s="34" t="s">
        <v>49</v>
      </c>
      <c r="S5" s="35" t="s">
        <v>50</v>
      </c>
      <c r="T5" s="32" t="s">
        <v>51</v>
      </c>
      <c r="U5" s="36" t="s">
        <v>45</v>
      </c>
      <c r="V5" s="588"/>
      <c r="W5" s="31" t="s">
        <v>43</v>
      </c>
      <c r="X5" s="32" t="s">
        <v>44</v>
      </c>
      <c r="Y5" s="32" t="s">
        <v>45</v>
      </c>
      <c r="Z5" s="33" t="s">
        <v>47</v>
      </c>
      <c r="AA5" s="34" t="s">
        <v>48</v>
      </c>
      <c r="AB5" s="34" t="s">
        <v>49</v>
      </c>
      <c r="AC5" s="35" t="s">
        <v>50</v>
      </c>
      <c r="AD5" s="32" t="s">
        <v>51</v>
      </c>
      <c r="AE5" s="36" t="s">
        <v>45</v>
      </c>
      <c r="AF5" s="596"/>
      <c r="AG5" s="31" t="s">
        <v>43</v>
      </c>
      <c r="AH5" s="32" t="s">
        <v>44</v>
      </c>
      <c r="AI5" s="32" t="s">
        <v>45</v>
      </c>
      <c r="AJ5" s="33" t="s">
        <v>47</v>
      </c>
      <c r="AK5" s="34" t="s">
        <v>48</v>
      </c>
      <c r="AL5" s="34" t="s">
        <v>49</v>
      </c>
      <c r="AM5" s="35" t="s">
        <v>50</v>
      </c>
      <c r="AN5" s="32" t="s">
        <v>51</v>
      </c>
      <c r="AO5" s="36" t="s">
        <v>45</v>
      </c>
      <c r="AP5" s="588"/>
    </row>
    <row r="6" spans="2:43" ht="21" customHeight="1" x14ac:dyDescent="0.2">
      <c r="B6" s="363" t="s">
        <v>4</v>
      </c>
      <c r="C6" s="185">
        <v>0</v>
      </c>
      <c r="D6" s="186">
        <v>0</v>
      </c>
      <c r="E6" s="186">
        <v>0</v>
      </c>
      <c r="F6" s="187">
        <v>8</v>
      </c>
      <c r="G6" s="188">
        <v>34</v>
      </c>
      <c r="H6" s="188">
        <v>244</v>
      </c>
      <c r="I6" s="188">
        <v>409</v>
      </c>
      <c r="J6" s="186">
        <v>309</v>
      </c>
      <c r="K6" s="189">
        <v>1004</v>
      </c>
      <c r="L6" s="190">
        <v>1004</v>
      </c>
      <c r="M6" s="185">
        <v>0</v>
      </c>
      <c r="N6" s="186">
        <v>0</v>
      </c>
      <c r="O6" s="189">
        <v>0</v>
      </c>
      <c r="P6" s="192">
        <v>51</v>
      </c>
      <c r="Q6" s="188">
        <v>127</v>
      </c>
      <c r="R6" s="188">
        <v>191</v>
      </c>
      <c r="S6" s="188">
        <v>258</v>
      </c>
      <c r="T6" s="186">
        <v>124</v>
      </c>
      <c r="U6" s="189">
        <v>751</v>
      </c>
      <c r="V6" s="193">
        <v>751</v>
      </c>
      <c r="W6" s="192">
        <v>0</v>
      </c>
      <c r="X6" s="186">
        <v>0</v>
      </c>
      <c r="Y6" s="186">
        <v>0</v>
      </c>
      <c r="Z6" s="187">
        <v>0</v>
      </c>
      <c r="AA6" s="188">
        <v>0</v>
      </c>
      <c r="AB6" s="188">
        <v>0</v>
      </c>
      <c r="AC6" s="188">
        <v>10</v>
      </c>
      <c r="AD6" s="186">
        <v>15</v>
      </c>
      <c r="AE6" s="189">
        <v>25</v>
      </c>
      <c r="AF6" s="190">
        <v>25</v>
      </c>
      <c r="AG6" s="185">
        <v>0</v>
      </c>
      <c r="AH6" s="186">
        <v>0</v>
      </c>
      <c r="AI6" s="186">
        <v>0</v>
      </c>
      <c r="AJ6" s="187">
        <v>0</v>
      </c>
      <c r="AK6" s="188">
        <v>1</v>
      </c>
      <c r="AL6" s="188">
        <v>5</v>
      </c>
      <c r="AM6" s="188">
        <v>13</v>
      </c>
      <c r="AN6" s="186">
        <v>17</v>
      </c>
      <c r="AO6" s="189">
        <v>36</v>
      </c>
      <c r="AP6" s="191">
        <v>36</v>
      </c>
      <c r="AQ6" s="37"/>
    </row>
    <row r="7" spans="2:43" ht="21" customHeight="1" x14ac:dyDescent="0.2">
      <c r="B7" s="62" t="s">
        <v>5</v>
      </c>
      <c r="C7" s="194">
        <v>0</v>
      </c>
      <c r="D7" s="195">
        <v>0</v>
      </c>
      <c r="E7" s="195">
        <v>0</v>
      </c>
      <c r="F7" s="196">
        <v>4</v>
      </c>
      <c r="G7" s="197">
        <v>24</v>
      </c>
      <c r="H7" s="197">
        <v>128</v>
      </c>
      <c r="I7" s="197">
        <v>181</v>
      </c>
      <c r="J7" s="195">
        <v>133</v>
      </c>
      <c r="K7" s="198">
        <v>470</v>
      </c>
      <c r="L7" s="199">
        <v>470</v>
      </c>
      <c r="M7" s="194">
        <v>0</v>
      </c>
      <c r="N7" s="195">
        <v>0</v>
      </c>
      <c r="O7" s="198">
        <v>0</v>
      </c>
      <c r="P7" s="201">
        <v>21</v>
      </c>
      <c r="Q7" s="197">
        <v>60</v>
      </c>
      <c r="R7" s="197">
        <v>91</v>
      </c>
      <c r="S7" s="197">
        <v>117</v>
      </c>
      <c r="T7" s="195">
        <v>72</v>
      </c>
      <c r="U7" s="198">
        <v>361</v>
      </c>
      <c r="V7" s="202">
        <v>361</v>
      </c>
      <c r="W7" s="201">
        <v>0</v>
      </c>
      <c r="X7" s="195">
        <v>0</v>
      </c>
      <c r="Y7" s="195">
        <v>0</v>
      </c>
      <c r="Z7" s="196">
        <v>0</v>
      </c>
      <c r="AA7" s="197">
        <v>0</v>
      </c>
      <c r="AB7" s="197">
        <v>0</v>
      </c>
      <c r="AC7" s="197">
        <v>4</v>
      </c>
      <c r="AD7" s="195">
        <v>6</v>
      </c>
      <c r="AE7" s="198">
        <v>10</v>
      </c>
      <c r="AF7" s="199">
        <v>10</v>
      </c>
      <c r="AG7" s="194">
        <v>0</v>
      </c>
      <c r="AH7" s="195">
        <v>0</v>
      </c>
      <c r="AI7" s="195">
        <v>0</v>
      </c>
      <c r="AJ7" s="196">
        <v>0</v>
      </c>
      <c r="AK7" s="197">
        <v>0</v>
      </c>
      <c r="AL7" s="197">
        <v>2</v>
      </c>
      <c r="AM7" s="197">
        <v>6</v>
      </c>
      <c r="AN7" s="195">
        <v>6</v>
      </c>
      <c r="AO7" s="198">
        <v>14</v>
      </c>
      <c r="AP7" s="200">
        <v>14</v>
      </c>
      <c r="AQ7" s="37"/>
    </row>
    <row r="8" spans="2:43" ht="21" customHeight="1" x14ac:dyDescent="0.2">
      <c r="B8" s="62" t="s">
        <v>6</v>
      </c>
      <c r="C8" s="194">
        <v>0</v>
      </c>
      <c r="D8" s="195">
        <v>0</v>
      </c>
      <c r="E8" s="195">
        <v>0</v>
      </c>
      <c r="F8" s="196">
        <v>1</v>
      </c>
      <c r="G8" s="197">
        <v>3</v>
      </c>
      <c r="H8" s="197">
        <v>32</v>
      </c>
      <c r="I8" s="197">
        <v>58</v>
      </c>
      <c r="J8" s="195">
        <v>34</v>
      </c>
      <c r="K8" s="198">
        <v>128</v>
      </c>
      <c r="L8" s="199">
        <v>128</v>
      </c>
      <c r="M8" s="194">
        <v>0</v>
      </c>
      <c r="N8" s="195">
        <v>0</v>
      </c>
      <c r="O8" s="198">
        <v>0</v>
      </c>
      <c r="P8" s="201">
        <v>8</v>
      </c>
      <c r="Q8" s="197">
        <v>14</v>
      </c>
      <c r="R8" s="197">
        <v>21</v>
      </c>
      <c r="S8" s="197">
        <v>46</v>
      </c>
      <c r="T8" s="195">
        <v>18</v>
      </c>
      <c r="U8" s="198">
        <v>107</v>
      </c>
      <c r="V8" s="202">
        <v>107</v>
      </c>
      <c r="W8" s="201">
        <v>0</v>
      </c>
      <c r="X8" s="195">
        <v>0</v>
      </c>
      <c r="Y8" s="195">
        <v>0</v>
      </c>
      <c r="Z8" s="196">
        <v>0</v>
      </c>
      <c r="AA8" s="197">
        <v>0</v>
      </c>
      <c r="AB8" s="197">
        <v>0</v>
      </c>
      <c r="AC8" s="197">
        <v>5</v>
      </c>
      <c r="AD8" s="195">
        <v>6</v>
      </c>
      <c r="AE8" s="198">
        <v>11</v>
      </c>
      <c r="AF8" s="199">
        <v>11</v>
      </c>
      <c r="AG8" s="194">
        <v>0</v>
      </c>
      <c r="AH8" s="195">
        <v>0</v>
      </c>
      <c r="AI8" s="195">
        <v>0</v>
      </c>
      <c r="AJ8" s="196">
        <v>0</v>
      </c>
      <c r="AK8" s="197">
        <v>0</v>
      </c>
      <c r="AL8" s="197">
        <v>0</v>
      </c>
      <c r="AM8" s="197">
        <v>2</v>
      </c>
      <c r="AN8" s="195">
        <v>2</v>
      </c>
      <c r="AO8" s="198">
        <v>4</v>
      </c>
      <c r="AP8" s="200">
        <v>4</v>
      </c>
      <c r="AQ8" s="37"/>
    </row>
    <row r="9" spans="2:43" ht="21" customHeight="1" x14ac:dyDescent="0.2">
      <c r="B9" s="62" t="s">
        <v>14</v>
      </c>
      <c r="C9" s="194">
        <v>0</v>
      </c>
      <c r="D9" s="195">
        <v>0</v>
      </c>
      <c r="E9" s="195">
        <v>0</v>
      </c>
      <c r="F9" s="196">
        <v>0</v>
      </c>
      <c r="G9" s="197">
        <v>0</v>
      </c>
      <c r="H9" s="197">
        <v>15</v>
      </c>
      <c r="I9" s="197">
        <v>31</v>
      </c>
      <c r="J9" s="195">
        <v>22</v>
      </c>
      <c r="K9" s="198">
        <v>68</v>
      </c>
      <c r="L9" s="199">
        <v>68</v>
      </c>
      <c r="M9" s="194">
        <v>0</v>
      </c>
      <c r="N9" s="195">
        <v>0</v>
      </c>
      <c r="O9" s="198">
        <v>0</v>
      </c>
      <c r="P9" s="201">
        <v>1</v>
      </c>
      <c r="Q9" s="197">
        <v>10</v>
      </c>
      <c r="R9" s="197">
        <v>10</v>
      </c>
      <c r="S9" s="197">
        <v>13</v>
      </c>
      <c r="T9" s="195">
        <v>2</v>
      </c>
      <c r="U9" s="198">
        <v>36</v>
      </c>
      <c r="V9" s="202">
        <v>36</v>
      </c>
      <c r="W9" s="201">
        <v>0</v>
      </c>
      <c r="X9" s="195">
        <v>0</v>
      </c>
      <c r="Y9" s="195">
        <v>0</v>
      </c>
      <c r="Z9" s="196">
        <v>0</v>
      </c>
      <c r="AA9" s="197">
        <v>0</v>
      </c>
      <c r="AB9" s="197">
        <v>0</v>
      </c>
      <c r="AC9" s="197">
        <v>0</v>
      </c>
      <c r="AD9" s="195">
        <v>2</v>
      </c>
      <c r="AE9" s="198">
        <v>2</v>
      </c>
      <c r="AF9" s="199">
        <v>2</v>
      </c>
      <c r="AG9" s="194">
        <v>0</v>
      </c>
      <c r="AH9" s="195">
        <v>0</v>
      </c>
      <c r="AI9" s="195">
        <v>0</v>
      </c>
      <c r="AJ9" s="196">
        <v>0</v>
      </c>
      <c r="AK9" s="197">
        <v>0</v>
      </c>
      <c r="AL9" s="197">
        <v>1</v>
      </c>
      <c r="AM9" s="197">
        <v>2</v>
      </c>
      <c r="AN9" s="195">
        <v>1</v>
      </c>
      <c r="AO9" s="198">
        <v>4</v>
      </c>
      <c r="AP9" s="200">
        <v>4</v>
      </c>
      <c r="AQ9" s="37"/>
    </row>
    <row r="10" spans="2:43" ht="21" customHeight="1" x14ac:dyDescent="0.2">
      <c r="B10" s="62" t="s">
        <v>7</v>
      </c>
      <c r="C10" s="194">
        <v>0</v>
      </c>
      <c r="D10" s="195">
        <v>0</v>
      </c>
      <c r="E10" s="195">
        <v>0</v>
      </c>
      <c r="F10" s="196">
        <v>0</v>
      </c>
      <c r="G10" s="197">
        <v>0</v>
      </c>
      <c r="H10" s="197">
        <v>2</v>
      </c>
      <c r="I10" s="197">
        <v>19</v>
      </c>
      <c r="J10" s="195">
        <v>13</v>
      </c>
      <c r="K10" s="198">
        <v>34</v>
      </c>
      <c r="L10" s="199">
        <v>34</v>
      </c>
      <c r="M10" s="194">
        <v>0</v>
      </c>
      <c r="N10" s="195">
        <v>0</v>
      </c>
      <c r="O10" s="198">
        <v>0</v>
      </c>
      <c r="P10" s="201">
        <v>3</v>
      </c>
      <c r="Q10" s="197">
        <v>2</v>
      </c>
      <c r="R10" s="197">
        <v>3</v>
      </c>
      <c r="S10" s="197">
        <v>8</v>
      </c>
      <c r="T10" s="195">
        <v>0</v>
      </c>
      <c r="U10" s="198">
        <v>16</v>
      </c>
      <c r="V10" s="202">
        <v>16</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1</v>
      </c>
      <c r="G11" s="197">
        <v>2</v>
      </c>
      <c r="H11" s="197">
        <v>7</v>
      </c>
      <c r="I11" s="197">
        <v>11</v>
      </c>
      <c r="J11" s="195">
        <v>5</v>
      </c>
      <c r="K11" s="198">
        <v>26</v>
      </c>
      <c r="L11" s="199">
        <v>26</v>
      </c>
      <c r="M11" s="194">
        <v>0</v>
      </c>
      <c r="N11" s="195">
        <v>0</v>
      </c>
      <c r="O11" s="198">
        <v>0</v>
      </c>
      <c r="P11" s="201">
        <v>0</v>
      </c>
      <c r="Q11" s="197">
        <v>4</v>
      </c>
      <c r="R11" s="197">
        <v>6</v>
      </c>
      <c r="S11" s="197">
        <v>6</v>
      </c>
      <c r="T11" s="195">
        <v>4</v>
      </c>
      <c r="U11" s="198">
        <v>20</v>
      </c>
      <c r="V11" s="202">
        <v>20</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1</v>
      </c>
      <c r="AL11" s="197">
        <v>0</v>
      </c>
      <c r="AM11" s="197">
        <v>0</v>
      </c>
      <c r="AN11" s="195">
        <v>0</v>
      </c>
      <c r="AO11" s="198">
        <v>1</v>
      </c>
      <c r="AP11" s="200">
        <v>1</v>
      </c>
      <c r="AQ11" s="37"/>
    </row>
    <row r="12" spans="2:43" ht="21" customHeight="1" x14ac:dyDescent="0.2">
      <c r="B12" s="62" t="s">
        <v>9</v>
      </c>
      <c r="C12" s="194">
        <v>0</v>
      </c>
      <c r="D12" s="195">
        <v>0</v>
      </c>
      <c r="E12" s="195">
        <v>0</v>
      </c>
      <c r="F12" s="196">
        <v>1</v>
      </c>
      <c r="G12" s="197">
        <v>0</v>
      </c>
      <c r="H12" s="197">
        <v>2</v>
      </c>
      <c r="I12" s="197">
        <v>18</v>
      </c>
      <c r="J12" s="195">
        <v>12</v>
      </c>
      <c r="K12" s="198">
        <v>33</v>
      </c>
      <c r="L12" s="199">
        <v>33</v>
      </c>
      <c r="M12" s="194">
        <v>0</v>
      </c>
      <c r="N12" s="195">
        <v>0</v>
      </c>
      <c r="O12" s="198">
        <v>0</v>
      </c>
      <c r="P12" s="201">
        <v>1</v>
      </c>
      <c r="Q12" s="197">
        <v>6</v>
      </c>
      <c r="R12" s="197">
        <v>10</v>
      </c>
      <c r="S12" s="197">
        <v>6</v>
      </c>
      <c r="T12" s="195">
        <v>4</v>
      </c>
      <c r="U12" s="198">
        <v>27</v>
      </c>
      <c r="V12" s="202">
        <v>27</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1</v>
      </c>
      <c r="AO12" s="198">
        <v>1</v>
      </c>
      <c r="AP12" s="200">
        <v>1</v>
      </c>
      <c r="AQ12" s="37"/>
    </row>
    <row r="13" spans="2:43" ht="21" customHeight="1" x14ac:dyDescent="0.2">
      <c r="B13" s="62" t="s">
        <v>10</v>
      </c>
      <c r="C13" s="194">
        <v>0</v>
      </c>
      <c r="D13" s="195">
        <v>0</v>
      </c>
      <c r="E13" s="195">
        <v>0</v>
      </c>
      <c r="F13" s="196">
        <v>0</v>
      </c>
      <c r="G13" s="197">
        <v>1</v>
      </c>
      <c r="H13" s="197">
        <v>15</v>
      </c>
      <c r="I13" s="197">
        <v>11</v>
      </c>
      <c r="J13" s="195">
        <v>19</v>
      </c>
      <c r="K13" s="198">
        <v>46</v>
      </c>
      <c r="L13" s="199">
        <v>46</v>
      </c>
      <c r="M13" s="194">
        <v>0</v>
      </c>
      <c r="N13" s="195">
        <v>0</v>
      </c>
      <c r="O13" s="198">
        <v>0</v>
      </c>
      <c r="P13" s="201">
        <v>3</v>
      </c>
      <c r="Q13" s="197">
        <v>2</v>
      </c>
      <c r="R13" s="197">
        <v>7</v>
      </c>
      <c r="S13" s="197">
        <v>6</v>
      </c>
      <c r="T13" s="195">
        <v>1</v>
      </c>
      <c r="U13" s="198">
        <v>19</v>
      </c>
      <c r="V13" s="202">
        <v>19</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1</v>
      </c>
      <c r="AO13" s="198">
        <v>1</v>
      </c>
      <c r="AP13" s="200">
        <v>1</v>
      </c>
      <c r="AQ13" s="37"/>
    </row>
    <row r="14" spans="2:43" ht="21" customHeight="1" x14ac:dyDescent="0.2">
      <c r="B14" s="62" t="s">
        <v>11</v>
      </c>
      <c r="C14" s="194">
        <v>0</v>
      </c>
      <c r="D14" s="195">
        <v>0</v>
      </c>
      <c r="E14" s="195">
        <v>0</v>
      </c>
      <c r="F14" s="196">
        <v>0</v>
      </c>
      <c r="G14" s="197">
        <v>0</v>
      </c>
      <c r="H14" s="197">
        <v>1</v>
      </c>
      <c r="I14" s="197">
        <v>6</v>
      </c>
      <c r="J14" s="195">
        <v>10</v>
      </c>
      <c r="K14" s="198">
        <v>17</v>
      </c>
      <c r="L14" s="199">
        <v>17</v>
      </c>
      <c r="M14" s="194">
        <v>0</v>
      </c>
      <c r="N14" s="195">
        <v>0</v>
      </c>
      <c r="O14" s="198">
        <v>0</v>
      </c>
      <c r="P14" s="201">
        <v>2</v>
      </c>
      <c r="Q14" s="197">
        <v>0</v>
      </c>
      <c r="R14" s="197">
        <v>4</v>
      </c>
      <c r="S14" s="197">
        <v>7</v>
      </c>
      <c r="T14" s="195">
        <v>1</v>
      </c>
      <c r="U14" s="198">
        <v>14</v>
      </c>
      <c r="V14" s="202">
        <v>14</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0</v>
      </c>
      <c r="AO14" s="198">
        <v>0</v>
      </c>
      <c r="AP14" s="200">
        <v>0</v>
      </c>
      <c r="AQ14" s="37"/>
    </row>
    <row r="15" spans="2:43" ht="21" customHeight="1" x14ac:dyDescent="0.2">
      <c r="B15" s="62" t="s">
        <v>12</v>
      </c>
      <c r="C15" s="194">
        <v>0</v>
      </c>
      <c r="D15" s="195">
        <v>0</v>
      </c>
      <c r="E15" s="195">
        <v>0</v>
      </c>
      <c r="F15" s="196">
        <v>0</v>
      </c>
      <c r="G15" s="197">
        <v>1</v>
      </c>
      <c r="H15" s="197">
        <v>2</v>
      </c>
      <c r="I15" s="197">
        <v>10</v>
      </c>
      <c r="J15" s="195">
        <v>8</v>
      </c>
      <c r="K15" s="198">
        <v>21</v>
      </c>
      <c r="L15" s="199">
        <v>21</v>
      </c>
      <c r="M15" s="194">
        <v>0</v>
      </c>
      <c r="N15" s="195">
        <v>0</v>
      </c>
      <c r="O15" s="198">
        <v>0</v>
      </c>
      <c r="P15" s="201">
        <v>0</v>
      </c>
      <c r="Q15" s="197">
        <v>4</v>
      </c>
      <c r="R15" s="197">
        <v>5</v>
      </c>
      <c r="S15" s="197">
        <v>5</v>
      </c>
      <c r="T15" s="195">
        <v>1</v>
      </c>
      <c r="U15" s="198">
        <v>15</v>
      </c>
      <c r="V15" s="202">
        <v>15</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1</v>
      </c>
      <c r="G16" s="197">
        <v>0</v>
      </c>
      <c r="H16" s="197">
        <v>2</v>
      </c>
      <c r="I16" s="197">
        <v>5</v>
      </c>
      <c r="J16" s="195">
        <v>4</v>
      </c>
      <c r="K16" s="198">
        <v>12</v>
      </c>
      <c r="L16" s="199">
        <v>12</v>
      </c>
      <c r="M16" s="194">
        <v>0</v>
      </c>
      <c r="N16" s="195">
        <v>0</v>
      </c>
      <c r="O16" s="198">
        <v>0</v>
      </c>
      <c r="P16" s="201">
        <v>0</v>
      </c>
      <c r="Q16" s="197">
        <v>1</v>
      </c>
      <c r="R16" s="197">
        <v>1</v>
      </c>
      <c r="S16" s="197">
        <v>3</v>
      </c>
      <c r="T16" s="195">
        <v>2</v>
      </c>
      <c r="U16" s="198">
        <v>7</v>
      </c>
      <c r="V16" s="202">
        <v>7</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0</v>
      </c>
      <c r="J17" s="195">
        <v>2</v>
      </c>
      <c r="K17" s="198">
        <v>3</v>
      </c>
      <c r="L17" s="199">
        <v>3</v>
      </c>
      <c r="M17" s="194">
        <v>0</v>
      </c>
      <c r="N17" s="195">
        <v>0</v>
      </c>
      <c r="O17" s="198">
        <v>0</v>
      </c>
      <c r="P17" s="201">
        <v>0</v>
      </c>
      <c r="Q17" s="197">
        <v>0</v>
      </c>
      <c r="R17" s="197">
        <v>2</v>
      </c>
      <c r="S17" s="197">
        <v>2</v>
      </c>
      <c r="T17" s="195">
        <v>0</v>
      </c>
      <c r="U17" s="198">
        <v>4</v>
      </c>
      <c r="V17" s="202">
        <v>4</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0</v>
      </c>
      <c r="H18" s="197">
        <v>4</v>
      </c>
      <c r="I18" s="197">
        <v>9</v>
      </c>
      <c r="J18" s="195">
        <v>4</v>
      </c>
      <c r="K18" s="198">
        <v>17</v>
      </c>
      <c r="L18" s="199">
        <v>17</v>
      </c>
      <c r="M18" s="194">
        <v>0</v>
      </c>
      <c r="N18" s="195">
        <v>0</v>
      </c>
      <c r="O18" s="198">
        <v>0</v>
      </c>
      <c r="P18" s="201">
        <v>1</v>
      </c>
      <c r="Q18" s="197">
        <v>2</v>
      </c>
      <c r="R18" s="197">
        <v>3</v>
      </c>
      <c r="S18" s="197">
        <v>6</v>
      </c>
      <c r="T18" s="195">
        <v>3</v>
      </c>
      <c r="U18" s="198">
        <v>15</v>
      </c>
      <c r="V18" s="202">
        <v>15</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1</v>
      </c>
      <c r="AM18" s="197">
        <v>0</v>
      </c>
      <c r="AN18" s="195">
        <v>0</v>
      </c>
      <c r="AO18" s="198">
        <v>1</v>
      </c>
      <c r="AP18" s="200">
        <v>1</v>
      </c>
      <c r="AQ18" s="37"/>
    </row>
    <row r="19" spans="2:43" ht="21" customHeight="1" x14ac:dyDescent="0.2">
      <c r="B19" s="62" t="s">
        <v>17</v>
      </c>
      <c r="C19" s="194">
        <v>0</v>
      </c>
      <c r="D19" s="195">
        <v>0</v>
      </c>
      <c r="E19" s="195">
        <v>0</v>
      </c>
      <c r="F19" s="196">
        <v>0</v>
      </c>
      <c r="G19" s="197">
        <v>1</v>
      </c>
      <c r="H19" s="197">
        <v>9</v>
      </c>
      <c r="I19" s="197">
        <v>6</v>
      </c>
      <c r="J19" s="195">
        <v>7</v>
      </c>
      <c r="K19" s="198">
        <v>23</v>
      </c>
      <c r="L19" s="199">
        <v>23</v>
      </c>
      <c r="M19" s="194">
        <v>0</v>
      </c>
      <c r="N19" s="195">
        <v>0</v>
      </c>
      <c r="O19" s="198">
        <v>0</v>
      </c>
      <c r="P19" s="201">
        <v>0</v>
      </c>
      <c r="Q19" s="197">
        <v>7</v>
      </c>
      <c r="R19" s="197">
        <v>10</v>
      </c>
      <c r="S19" s="197">
        <v>7</v>
      </c>
      <c r="T19" s="195">
        <v>4</v>
      </c>
      <c r="U19" s="198">
        <v>28</v>
      </c>
      <c r="V19" s="202">
        <v>28</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1" customHeight="1" x14ac:dyDescent="0.2">
      <c r="B20" s="62" t="s">
        <v>18</v>
      </c>
      <c r="C20" s="194">
        <v>0</v>
      </c>
      <c r="D20" s="195">
        <v>0</v>
      </c>
      <c r="E20" s="195">
        <v>0</v>
      </c>
      <c r="F20" s="196">
        <v>0</v>
      </c>
      <c r="G20" s="197">
        <v>1</v>
      </c>
      <c r="H20" s="197">
        <v>7</v>
      </c>
      <c r="I20" s="197">
        <v>14</v>
      </c>
      <c r="J20" s="195">
        <v>10</v>
      </c>
      <c r="K20" s="198">
        <v>32</v>
      </c>
      <c r="L20" s="199">
        <v>32</v>
      </c>
      <c r="M20" s="194">
        <v>0</v>
      </c>
      <c r="N20" s="195">
        <v>0</v>
      </c>
      <c r="O20" s="198">
        <v>0</v>
      </c>
      <c r="P20" s="201">
        <v>3</v>
      </c>
      <c r="Q20" s="197">
        <v>2</v>
      </c>
      <c r="R20" s="197">
        <v>4</v>
      </c>
      <c r="S20" s="197">
        <v>7</v>
      </c>
      <c r="T20" s="195">
        <v>3</v>
      </c>
      <c r="U20" s="198">
        <v>19</v>
      </c>
      <c r="V20" s="202">
        <v>19</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1</v>
      </c>
      <c r="AM20" s="197">
        <v>0</v>
      </c>
      <c r="AN20" s="195">
        <v>0</v>
      </c>
      <c r="AO20" s="198">
        <v>1</v>
      </c>
      <c r="AP20" s="200">
        <v>1</v>
      </c>
      <c r="AQ20" s="37"/>
    </row>
    <row r="21" spans="2:43" ht="21" customHeight="1" x14ac:dyDescent="0.2">
      <c r="B21" s="62" t="s">
        <v>19</v>
      </c>
      <c r="C21" s="194">
        <v>0</v>
      </c>
      <c r="D21" s="195">
        <v>0</v>
      </c>
      <c r="E21" s="195">
        <v>0</v>
      </c>
      <c r="F21" s="196">
        <v>0</v>
      </c>
      <c r="G21" s="197">
        <v>0</v>
      </c>
      <c r="H21" s="197">
        <v>3</v>
      </c>
      <c r="I21" s="197">
        <v>3</v>
      </c>
      <c r="J21" s="195">
        <v>3</v>
      </c>
      <c r="K21" s="198">
        <v>9</v>
      </c>
      <c r="L21" s="199">
        <v>9</v>
      </c>
      <c r="M21" s="194">
        <v>0</v>
      </c>
      <c r="N21" s="195">
        <v>0</v>
      </c>
      <c r="O21" s="198">
        <v>0</v>
      </c>
      <c r="P21" s="201">
        <v>0</v>
      </c>
      <c r="Q21" s="197">
        <v>3</v>
      </c>
      <c r="R21" s="197">
        <v>4</v>
      </c>
      <c r="S21" s="197">
        <v>2</v>
      </c>
      <c r="T21" s="195">
        <v>1</v>
      </c>
      <c r="U21" s="198">
        <v>10</v>
      </c>
      <c r="V21" s="202">
        <v>10</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0</v>
      </c>
      <c r="I22" s="197">
        <v>7</v>
      </c>
      <c r="J22" s="195">
        <v>5</v>
      </c>
      <c r="K22" s="198">
        <v>13</v>
      </c>
      <c r="L22" s="199">
        <v>13</v>
      </c>
      <c r="M22" s="194">
        <v>0</v>
      </c>
      <c r="N22" s="195">
        <v>0</v>
      </c>
      <c r="O22" s="198">
        <v>0</v>
      </c>
      <c r="P22" s="201">
        <v>2</v>
      </c>
      <c r="Q22" s="197">
        <v>2</v>
      </c>
      <c r="R22" s="197">
        <v>1</v>
      </c>
      <c r="S22" s="197">
        <v>3</v>
      </c>
      <c r="T22" s="195">
        <v>0</v>
      </c>
      <c r="U22" s="198">
        <v>8</v>
      </c>
      <c r="V22" s="202">
        <v>8</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0</v>
      </c>
      <c r="AO22" s="198">
        <v>0</v>
      </c>
      <c r="AP22" s="200">
        <v>0</v>
      </c>
      <c r="AQ22" s="37"/>
    </row>
    <row r="23" spans="2:43" ht="21" customHeight="1" x14ac:dyDescent="0.2">
      <c r="B23" s="62" t="s">
        <v>21</v>
      </c>
      <c r="C23" s="194">
        <v>0</v>
      </c>
      <c r="D23" s="195">
        <v>0</v>
      </c>
      <c r="E23" s="195">
        <v>0</v>
      </c>
      <c r="F23" s="196">
        <v>0</v>
      </c>
      <c r="G23" s="197">
        <v>0</v>
      </c>
      <c r="H23" s="197">
        <v>3</v>
      </c>
      <c r="I23" s="197">
        <v>3</v>
      </c>
      <c r="J23" s="195">
        <v>6</v>
      </c>
      <c r="K23" s="198">
        <v>12</v>
      </c>
      <c r="L23" s="199">
        <v>12</v>
      </c>
      <c r="M23" s="194">
        <v>0</v>
      </c>
      <c r="N23" s="195">
        <v>0</v>
      </c>
      <c r="O23" s="198">
        <v>0</v>
      </c>
      <c r="P23" s="201">
        <v>0</v>
      </c>
      <c r="Q23" s="197">
        <v>4</v>
      </c>
      <c r="R23" s="197">
        <v>1</v>
      </c>
      <c r="S23" s="197">
        <v>2</v>
      </c>
      <c r="T23" s="195">
        <v>1</v>
      </c>
      <c r="U23" s="198">
        <v>8</v>
      </c>
      <c r="V23" s="202">
        <v>8</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2</v>
      </c>
      <c r="AO23" s="198">
        <v>2</v>
      </c>
      <c r="AP23" s="200">
        <v>2</v>
      </c>
      <c r="AQ23" s="37"/>
    </row>
    <row r="24" spans="2:43" ht="21" customHeight="1" x14ac:dyDescent="0.2">
      <c r="B24" s="62" t="s">
        <v>22</v>
      </c>
      <c r="C24" s="194">
        <v>0</v>
      </c>
      <c r="D24" s="195">
        <v>0</v>
      </c>
      <c r="E24" s="195">
        <v>0</v>
      </c>
      <c r="F24" s="196">
        <v>0</v>
      </c>
      <c r="G24" s="197">
        <v>0</v>
      </c>
      <c r="H24" s="197">
        <v>0</v>
      </c>
      <c r="I24" s="197">
        <v>2</v>
      </c>
      <c r="J24" s="195">
        <v>1</v>
      </c>
      <c r="K24" s="198">
        <v>3</v>
      </c>
      <c r="L24" s="199">
        <v>3</v>
      </c>
      <c r="M24" s="194">
        <v>0</v>
      </c>
      <c r="N24" s="195">
        <v>0</v>
      </c>
      <c r="O24" s="198">
        <v>0</v>
      </c>
      <c r="P24" s="201">
        <v>1</v>
      </c>
      <c r="Q24" s="197">
        <v>0</v>
      </c>
      <c r="R24" s="197">
        <v>2</v>
      </c>
      <c r="S24" s="197">
        <v>0</v>
      </c>
      <c r="T24" s="195">
        <v>0</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0</v>
      </c>
      <c r="H25" s="197">
        <v>1</v>
      </c>
      <c r="I25" s="197">
        <v>3</v>
      </c>
      <c r="J25" s="195">
        <v>2</v>
      </c>
      <c r="K25" s="198">
        <v>6</v>
      </c>
      <c r="L25" s="199">
        <v>6</v>
      </c>
      <c r="M25" s="194">
        <v>0</v>
      </c>
      <c r="N25" s="195">
        <v>0</v>
      </c>
      <c r="O25" s="198">
        <v>0</v>
      </c>
      <c r="P25" s="201">
        <v>0</v>
      </c>
      <c r="Q25" s="197">
        <v>0</v>
      </c>
      <c r="R25" s="197">
        <v>1</v>
      </c>
      <c r="S25" s="197">
        <v>1</v>
      </c>
      <c r="T25" s="195">
        <v>3</v>
      </c>
      <c r="U25" s="198">
        <v>5</v>
      </c>
      <c r="V25" s="202">
        <v>5</v>
      </c>
      <c r="W25" s="201">
        <v>0</v>
      </c>
      <c r="X25" s="195">
        <v>0</v>
      </c>
      <c r="Y25" s="195">
        <v>0</v>
      </c>
      <c r="Z25" s="196">
        <v>0</v>
      </c>
      <c r="AA25" s="197">
        <v>0</v>
      </c>
      <c r="AB25" s="197">
        <v>0</v>
      </c>
      <c r="AC25" s="197">
        <v>1</v>
      </c>
      <c r="AD25" s="195">
        <v>0</v>
      </c>
      <c r="AE25" s="198">
        <v>1</v>
      </c>
      <c r="AF25" s="199">
        <v>1</v>
      </c>
      <c r="AG25" s="194">
        <v>0</v>
      </c>
      <c r="AH25" s="195">
        <v>0</v>
      </c>
      <c r="AI25" s="195">
        <v>0</v>
      </c>
      <c r="AJ25" s="196">
        <v>0</v>
      </c>
      <c r="AK25" s="197">
        <v>0</v>
      </c>
      <c r="AL25" s="197">
        <v>0</v>
      </c>
      <c r="AM25" s="197">
        <v>0</v>
      </c>
      <c r="AN25" s="195">
        <v>1</v>
      </c>
      <c r="AO25" s="198">
        <v>1</v>
      </c>
      <c r="AP25" s="200">
        <v>1</v>
      </c>
      <c r="AQ25" s="37"/>
    </row>
    <row r="26" spans="2:43" ht="21" customHeight="1" x14ac:dyDescent="0.2">
      <c r="B26" s="62" t="s">
        <v>24</v>
      </c>
      <c r="C26" s="194">
        <v>0</v>
      </c>
      <c r="D26" s="195">
        <v>0</v>
      </c>
      <c r="E26" s="195">
        <v>0</v>
      </c>
      <c r="F26" s="196">
        <v>0</v>
      </c>
      <c r="G26" s="197">
        <v>0</v>
      </c>
      <c r="H26" s="197">
        <v>2</v>
      </c>
      <c r="I26" s="197">
        <v>3</v>
      </c>
      <c r="J26" s="195">
        <v>2</v>
      </c>
      <c r="K26" s="198">
        <v>7</v>
      </c>
      <c r="L26" s="199">
        <v>7</v>
      </c>
      <c r="M26" s="194">
        <v>0</v>
      </c>
      <c r="N26" s="195">
        <v>0</v>
      </c>
      <c r="O26" s="198">
        <v>0</v>
      </c>
      <c r="P26" s="201">
        <v>0</v>
      </c>
      <c r="Q26" s="197">
        <v>0</v>
      </c>
      <c r="R26" s="197">
        <v>1</v>
      </c>
      <c r="S26" s="197">
        <v>2</v>
      </c>
      <c r="T26" s="195">
        <v>0</v>
      </c>
      <c r="U26" s="198">
        <v>3</v>
      </c>
      <c r="V26" s="202">
        <v>3</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0</v>
      </c>
      <c r="H27" s="197">
        <v>1</v>
      </c>
      <c r="I27" s="197">
        <v>1</v>
      </c>
      <c r="J27" s="195">
        <v>1</v>
      </c>
      <c r="K27" s="198">
        <v>3</v>
      </c>
      <c r="L27" s="199">
        <v>3</v>
      </c>
      <c r="M27" s="194">
        <v>0</v>
      </c>
      <c r="N27" s="195">
        <v>0</v>
      </c>
      <c r="O27" s="198">
        <v>0</v>
      </c>
      <c r="P27" s="201">
        <v>0</v>
      </c>
      <c r="Q27" s="197">
        <v>1</v>
      </c>
      <c r="R27" s="197">
        <v>0</v>
      </c>
      <c r="S27" s="197">
        <v>1</v>
      </c>
      <c r="T27" s="195">
        <v>0</v>
      </c>
      <c r="U27" s="198">
        <v>2</v>
      </c>
      <c r="V27" s="202">
        <v>2</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1</v>
      </c>
      <c r="AN27" s="195">
        <v>0</v>
      </c>
      <c r="AO27" s="198">
        <v>1</v>
      </c>
      <c r="AP27" s="200">
        <v>1</v>
      </c>
      <c r="AQ27" s="37"/>
    </row>
    <row r="28" spans="2:43" ht="21" customHeight="1" x14ac:dyDescent="0.2">
      <c r="B28" s="62" t="s">
        <v>26</v>
      </c>
      <c r="C28" s="194">
        <v>0</v>
      </c>
      <c r="D28" s="195">
        <v>0</v>
      </c>
      <c r="E28" s="195">
        <v>0</v>
      </c>
      <c r="F28" s="196">
        <v>0</v>
      </c>
      <c r="G28" s="197">
        <v>0</v>
      </c>
      <c r="H28" s="197">
        <v>1</v>
      </c>
      <c r="I28" s="197">
        <v>1</v>
      </c>
      <c r="J28" s="195">
        <v>1</v>
      </c>
      <c r="K28" s="198">
        <v>3</v>
      </c>
      <c r="L28" s="199">
        <v>3</v>
      </c>
      <c r="M28" s="194">
        <v>0</v>
      </c>
      <c r="N28" s="195">
        <v>0</v>
      </c>
      <c r="O28" s="198">
        <v>0</v>
      </c>
      <c r="P28" s="201">
        <v>2</v>
      </c>
      <c r="Q28" s="197">
        <v>1</v>
      </c>
      <c r="R28" s="197">
        <v>0</v>
      </c>
      <c r="S28" s="197">
        <v>0</v>
      </c>
      <c r="T28" s="195">
        <v>0</v>
      </c>
      <c r="U28" s="198">
        <v>3</v>
      </c>
      <c r="V28" s="202">
        <v>3</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0</v>
      </c>
      <c r="H29" s="197">
        <v>1</v>
      </c>
      <c r="I29" s="197">
        <v>2</v>
      </c>
      <c r="J29" s="195">
        <v>1</v>
      </c>
      <c r="K29" s="198">
        <v>4</v>
      </c>
      <c r="L29" s="199">
        <v>4</v>
      </c>
      <c r="M29" s="194">
        <v>0</v>
      </c>
      <c r="N29" s="195">
        <v>0</v>
      </c>
      <c r="O29" s="198">
        <v>0</v>
      </c>
      <c r="P29" s="201">
        <v>1</v>
      </c>
      <c r="Q29" s="197">
        <v>0</v>
      </c>
      <c r="R29" s="197">
        <v>0</v>
      </c>
      <c r="S29" s="197">
        <v>0</v>
      </c>
      <c r="T29" s="195">
        <v>0</v>
      </c>
      <c r="U29" s="198">
        <v>1</v>
      </c>
      <c r="V29" s="202">
        <v>1</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1" customHeight="1" x14ac:dyDescent="0.2">
      <c r="B30" s="62" t="s">
        <v>28</v>
      </c>
      <c r="C30" s="194">
        <v>0</v>
      </c>
      <c r="D30" s="195">
        <v>0</v>
      </c>
      <c r="E30" s="195">
        <v>0</v>
      </c>
      <c r="F30" s="196">
        <v>0</v>
      </c>
      <c r="G30" s="197">
        <v>0</v>
      </c>
      <c r="H30" s="197">
        <v>0</v>
      </c>
      <c r="I30" s="197">
        <v>0</v>
      </c>
      <c r="J30" s="195">
        <v>0</v>
      </c>
      <c r="K30" s="198">
        <v>0</v>
      </c>
      <c r="L30" s="199">
        <v>0</v>
      </c>
      <c r="M30" s="194">
        <v>0</v>
      </c>
      <c r="N30" s="195">
        <v>0</v>
      </c>
      <c r="O30" s="198">
        <v>0</v>
      </c>
      <c r="P30" s="201">
        <v>0</v>
      </c>
      <c r="Q30" s="197">
        <v>0</v>
      </c>
      <c r="R30" s="197">
        <v>1</v>
      </c>
      <c r="S30" s="197">
        <v>0</v>
      </c>
      <c r="T30" s="195">
        <v>1</v>
      </c>
      <c r="U30" s="198">
        <v>2</v>
      </c>
      <c r="V30" s="202">
        <v>2</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0</v>
      </c>
      <c r="J31" s="195">
        <v>0</v>
      </c>
      <c r="K31" s="198">
        <v>0</v>
      </c>
      <c r="L31" s="199">
        <v>0</v>
      </c>
      <c r="M31" s="194">
        <v>0</v>
      </c>
      <c r="N31" s="195">
        <v>0</v>
      </c>
      <c r="O31" s="198">
        <v>0</v>
      </c>
      <c r="P31" s="201">
        <v>0</v>
      </c>
      <c r="Q31" s="197">
        <v>0</v>
      </c>
      <c r="R31" s="197">
        <v>0</v>
      </c>
      <c r="S31" s="197">
        <v>1</v>
      </c>
      <c r="T31" s="195">
        <v>0</v>
      </c>
      <c r="U31" s="198">
        <v>1</v>
      </c>
      <c r="V31" s="202">
        <v>1</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1</v>
      </c>
      <c r="I32" s="197">
        <v>2</v>
      </c>
      <c r="J32" s="195">
        <v>0</v>
      </c>
      <c r="K32" s="198">
        <v>3</v>
      </c>
      <c r="L32" s="199">
        <v>3</v>
      </c>
      <c r="M32" s="194">
        <v>0</v>
      </c>
      <c r="N32" s="195">
        <v>0</v>
      </c>
      <c r="O32" s="198">
        <v>0</v>
      </c>
      <c r="P32" s="201">
        <v>1</v>
      </c>
      <c r="Q32" s="197">
        <v>0</v>
      </c>
      <c r="R32" s="197">
        <v>0</v>
      </c>
      <c r="S32" s="197">
        <v>1</v>
      </c>
      <c r="T32" s="195">
        <v>1</v>
      </c>
      <c r="U32" s="198">
        <v>3</v>
      </c>
      <c r="V32" s="202">
        <v>3</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1" customHeight="1" x14ac:dyDescent="0.2">
      <c r="B33" s="62" t="s">
        <v>31</v>
      </c>
      <c r="C33" s="194">
        <v>0</v>
      </c>
      <c r="D33" s="195">
        <v>0</v>
      </c>
      <c r="E33" s="195">
        <v>0</v>
      </c>
      <c r="F33" s="196">
        <v>0</v>
      </c>
      <c r="G33" s="197">
        <v>0</v>
      </c>
      <c r="H33" s="197">
        <v>2</v>
      </c>
      <c r="I33" s="197">
        <v>0</v>
      </c>
      <c r="J33" s="195">
        <v>1</v>
      </c>
      <c r="K33" s="198">
        <v>3</v>
      </c>
      <c r="L33" s="199">
        <v>3</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1</v>
      </c>
      <c r="J34" s="195">
        <v>1</v>
      </c>
      <c r="K34" s="198">
        <v>2</v>
      </c>
      <c r="L34" s="199">
        <v>2</v>
      </c>
      <c r="M34" s="194">
        <v>0</v>
      </c>
      <c r="N34" s="195">
        <v>0</v>
      </c>
      <c r="O34" s="198">
        <v>0</v>
      </c>
      <c r="P34" s="201">
        <v>0</v>
      </c>
      <c r="Q34" s="197">
        <v>0</v>
      </c>
      <c r="R34" s="197">
        <v>0</v>
      </c>
      <c r="S34" s="197">
        <v>1</v>
      </c>
      <c r="T34" s="195">
        <v>1</v>
      </c>
      <c r="U34" s="198">
        <v>2</v>
      </c>
      <c r="V34" s="202">
        <v>2</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1</v>
      </c>
      <c r="S35" s="197">
        <v>1</v>
      </c>
      <c r="T35" s="195">
        <v>0</v>
      </c>
      <c r="U35" s="198">
        <v>2</v>
      </c>
      <c r="V35" s="202">
        <v>2</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0</v>
      </c>
      <c r="AM35" s="197">
        <v>1</v>
      </c>
      <c r="AN35" s="195">
        <v>2</v>
      </c>
      <c r="AO35" s="198">
        <v>3</v>
      </c>
      <c r="AP35" s="200">
        <v>3</v>
      </c>
      <c r="AQ35" s="37"/>
    </row>
    <row r="36" spans="2:43" ht="21"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0</v>
      </c>
      <c r="Q36" s="197">
        <v>1</v>
      </c>
      <c r="R36" s="197">
        <v>0</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2</v>
      </c>
      <c r="J37" s="195">
        <v>0</v>
      </c>
      <c r="K37" s="198">
        <v>2</v>
      </c>
      <c r="L37" s="199">
        <v>2</v>
      </c>
      <c r="M37" s="194">
        <v>0</v>
      </c>
      <c r="N37" s="195">
        <v>0</v>
      </c>
      <c r="O37" s="198">
        <v>0</v>
      </c>
      <c r="P37" s="201">
        <v>0</v>
      </c>
      <c r="Q37" s="197">
        <v>0</v>
      </c>
      <c r="R37" s="197">
        <v>1</v>
      </c>
      <c r="S37" s="197">
        <v>0</v>
      </c>
      <c r="T37" s="195">
        <v>0</v>
      </c>
      <c r="U37" s="198">
        <v>1</v>
      </c>
      <c r="V37" s="202">
        <v>1</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2</v>
      </c>
      <c r="I38" s="197">
        <v>0</v>
      </c>
      <c r="J38" s="195">
        <v>2</v>
      </c>
      <c r="K38" s="198">
        <v>4</v>
      </c>
      <c r="L38" s="199">
        <v>4</v>
      </c>
      <c r="M38" s="194">
        <v>0</v>
      </c>
      <c r="N38" s="195">
        <v>0</v>
      </c>
      <c r="O38" s="198">
        <v>0</v>
      </c>
      <c r="P38" s="201">
        <v>1</v>
      </c>
      <c r="Q38" s="197">
        <v>0</v>
      </c>
      <c r="R38" s="197">
        <v>1</v>
      </c>
      <c r="S38" s="197">
        <v>4</v>
      </c>
      <c r="T38" s="195">
        <v>0</v>
      </c>
      <c r="U38" s="198">
        <v>6</v>
      </c>
      <c r="V38" s="202">
        <v>6</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J1:K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 ref="Z4:AE4"/>
    <mergeCell ref="AF4:AF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6</v>
      </c>
      <c r="E1" s="500">
        <f>第１表!F2</f>
        <v>5</v>
      </c>
      <c r="F1" s="246">
        <f>第１表!G2</f>
        <v>4</v>
      </c>
      <c r="G1" s="608">
        <f>IF(F1&lt;3,F1-2+12,F1-2)</f>
        <v>2</v>
      </c>
      <c r="H1" s="608"/>
      <c r="IB1" s="367"/>
      <c r="IC1" s="252"/>
      <c r="ID1" s="649"/>
      <c r="IE1" s="649"/>
    </row>
    <row r="2" spans="1:409" s="44" customFormat="1" ht="24" customHeight="1" x14ac:dyDescent="0.2">
      <c r="B2" s="20" t="s">
        <v>147</v>
      </c>
      <c r="E2" s="249"/>
      <c r="F2" s="250"/>
      <c r="G2" s="623"/>
      <c r="H2" s="623"/>
      <c r="CB2" s="324"/>
      <c r="CC2" s="324"/>
      <c r="CD2" s="324"/>
      <c r="CE2" s="324"/>
      <c r="CF2" s="324"/>
      <c r="CG2" s="324"/>
      <c r="CH2" s="324"/>
      <c r="CI2" s="324"/>
      <c r="CJ2" s="324"/>
      <c r="CK2" s="324"/>
      <c r="CL2" s="324"/>
      <c r="DI2" s="324"/>
      <c r="DJ2" s="324"/>
      <c r="DK2" s="324"/>
      <c r="DL2" s="324"/>
      <c r="DM2" s="324"/>
      <c r="DN2" s="324"/>
      <c r="DO2" s="324"/>
      <c r="DP2" s="324"/>
      <c r="DQ2" s="324"/>
      <c r="DR2" s="324"/>
      <c r="DS2" s="324"/>
      <c r="FL2" s="324"/>
      <c r="FM2" s="324"/>
      <c r="FN2" s="324"/>
      <c r="FO2" s="324"/>
      <c r="FP2" s="324"/>
      <c r="FQ2" s="324"/>
      <c r="FR2" s="324"/>
      <c r="FS2" s="324"/>
      <c r="FT2" s="324"/>
      <c r="FU2" s="324"/>
      <c r="FV2" s="324"/>
      <c r="HZ2" s="39"/>
      <c r="IA2" s="39"/>
      <c r="IB2" s="251"/>
      <c r="IC2" s="252"/>
      <c r="ID2" s="370"/>
      <c r="IE2" s="370"/>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8</v>
      </c>
      <c r="CB3" s="324"/>
      <c r="CC3" s="324"/>
      <c r="CD3" s="324"/>
      <c r="CE3" s="324"/>
      <c r="CF3" s="324"/>
      <c r="CG3" s="324"/>
      <c r="CH3" s="324"/>
      <c r="CI3" s="324"/>
      <c r="CJ3" s="324"/>
      <c r="CK3" s="324"/>
      <c r="CL3" s="324"/>
      <c r="DI3" s="324"/>
      <c r="DJ3" s="324"/>
      <c r="DK3" s="324"/>
      <c r="DL3" s="324"/>
      <c r="DM3" s="324"/>
      <c r="DN3" s="324"/>
      <c r="DO3" s="324"/>
      <c r="DP3" s="324"/>
      <c r="DQ3" s="324"/>
      <c r="DR3" s="324"/>
      <c r="DS3" s="324"/>
      <c r="FL3" s="324"/>
      <c r="FM3" s="324"/>
      <c r="FN3" s="324"/>
      <c r="FO3" s="324"/>
      <c r="FP3" s="324"/>
      <c r="FQ3" s="324"/>
      <c r="FR3" s="324"/>
      <c r="FS3" s="324"/>
      <c r="FT3" s="324"/>
      <c r="FU3" s="324"/>
      <c r="FV3" s="324"/>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28" t="s">
        <v>42</v>
      </c>
      <c r="C4" s="631" t="s">
        <v>63</v>
      </c>
      <c r="D4" s="631"/>
      <c r="E4" s="631"/>
      <c r="F4" s="631"/>
      <c r="G4" s="631"/>
      <c r="H4" s="631"/>
      <c r="I4" s="631"/>
      <c r="J4" s="631"/>
      <c r="K4" s="631"/>
      <c r="L4" s="631"/>
      <c r="M4" s="631"/>
      <c r="N4" s="577"/>
      <c r="O4" s="577"/>
      <c r="P4" s="577"/>
      <c r="Q4" s="577"/>
      <c r="R4" s="577"/>
      <c r="S4" s="577"/>
      <c r="T4" s="577"/>
      <c r="U4" s="577"/>
      <c r="V4" s="577"/>
      <c r="W4" s="577"/>
      <c r="X4" s="577"/>
      <c r="Y4" s="577"/>
      <c r="Z4" s="577"/>
      <c r="AA4" s="577"/>
      <c r="AB4" s="577"/>
      <c r="AC4" s="577"/>
      <c r="AD4" s="577"/>
      <c r="AE4" s="577"/>
      <c r="AF4" s="577"/>
      <c r="AG4" s="577"/>
      <c r="AH4" s="577"/>
      <c r="AI4" s="577"/>
      <c r="AJ4" s="577"/>
      <c r="AK4" s="577"/>
      <c r="AL4" s="577"/>
      <c r="AM4" s="577"/>
      <c r="AN4" s="577"/>
      <c r="AO4" s="577"/>
      <c r="AP4" s="577"/>
      <c r="AQ4" s="577"/>
      <c r="AR4" s="577"/>
      <c r="AS4" s="577"/>
      <c r="AT4" s="577"/>
      <c r="AU4" s="577"/>
      <c r="AV4" s="577"/>
      <c r="AW4" s="577"/>
      <c r="AX4" s="577"/>
      <c r="AY4" s="577"/>
      <c r="AZ4" s="577"/>
      <c r="BA4" s="577"/>
      <c r="BB4" s="577"/>
      <c r="BC4" s="577"/>
      <c r="BD4" s="577"/>
      <c r="BE4" s="577"/>
      <c r="BF4" s="577"/>
      <c r="BG4" s="577"/>
      <c r="BH4" s="577"/>
      <c r="BI4" s="577"/>
      <c r="BJ4" s="577"/>
      <c r="BK4" s="577"/>
      <c r="BL4" s="577"/>
      <c r="BM4" s="577"/>
      <c r="BN4" s="577"/>
      <c r="BO4" s="577"/>
      <c r="BP4" s="577"/>
      <c r="BQ4" s="577"/>
      <c r="BR4" s="577"/>
      <c r="BS4" s="577"/>
      <c r="BT4" s="577"/>
      <c r="BU4" s="577"/>
      <c r="BV4" s="577"/>
      <c r="BW4" s="577"/>
      <c r="BX4" s="577"/>
      <c r="BY4" s="577"/>
      <c r="BZ4" s="577"/>
      <c r="CA4" s="577"/>
      <c r="CB4" s="577"/>
      <c r="CC4" s="577"/>
      <c r="CD4" s="577"/>
      <c r="CE4" s="577"/>
      <c r="CF4" s="577"/>
      <c r="CG4" s="577"/>
      <c r="CH4" s="577"/>
      <c r="CI4" s="577"/>
      <c r="CJ4" s="577"/>
      <c r="CK4" s="577"/>
      <c r="CL4" s="577"/>
      <c r="CM4" s="577"/>
      <c r="CN4" s="577"/>
      <c r="CO4" s="577"/>
      <c r="CP4" s="577"/>
      <c r="CQ4" s="577"/>
      <c r="CR4" s="577"/>
      <c r="CS4" s="577"/>
      <c r="CT4" s="577"/>
      <c r="CU4" s="577"/>
      <c r="CV4" s="577"/>
      <c r="CW4" s="577"/>
      <c r="CX4" s="577"/>
      <c r="CY4" s="577"/>
      <c r="CZ4" s="577"/>
      <c r="DA4" s="577"/>
      <c r="DB4" s="577"/>
      <c r="DC4" s="577"/>
      <c r="DD4" s="577"/>
      <c r="DE4" s="577"/>
      <c r="DF4" s="577"/>
      <c r="DG4" s="577"/>
      <c r="DH4" s="577"/>
      <c r="DI4" s="577"/>
      <c r="DJ4" s="577"/>
      <c r="DK4" s="577"/>
      <c r="DL4" s="577"/>
      <c r="DM4" s="577"/>
      <c r="DN4" s="577"/>
      <c r="DO4" s="577"/>
      <c r="DP4" s="577"/>
      <c r="DQ4" s="577"/>
      <c r="DR4" s="577"/>
      <c r="DS4" s="577"/>
      <c r="DT4" s="577"/>
      <c r="DU4" s="577"/>
      <c r="DV4" s="577"/>
      <c r="DW4" s="577"/>
      <c r="DX4" s="577"/>
      <c r="DY4" s="577"/>
      <c r="DZ4" s="577"/>
      <c r="EA4" s="577"/>
      <c r="EB4" s="577"/>
      <c r="EC4" s="577"/>
      <c r="ED4" s="577"/>
      <c r="EE4" s="577"/>
      <c r="EF4" s="577"/>
      <c r="EG4" s="577"/>
      <c r="EH4" s="577"/>
      <c r="EI4" s="577"/>
      <c r="EJ4" s="577"/>
      <c r="EK4" s="577"/>
      <c r="EL4" s="577"/>
      <c r="EM4" s="577"/>
      <c r="EN4" s="577"/>
      <c r="EO4" s="577"/>
      <c r="EP4" s="577"/>
      <c r="EQ4" s="577"/>
      <c r="ER4" s="577"/>
      <c r="ES4" s="577"/>
      <c r="ET4" s="577"/>
      <c r="EU4" s="577"/>
      <c r="EV4" s="577"/>
      <c r="EW4" s="577"/>
      <c r="EX4" s="577"/>
      <c r="EY4" s="577"/>
      <c r="EZ4" s="577"/>
      <c r="FA4" s="577"/>
      <c r="FB4" s="577"/>
      <c r="FC4" s="577"/>
      <c r="FD4" s="577"/>
      <c r="FE4" s="577"/>
      <c r="FF4" s="577"/>
      <c r="FG4" s="577"/>
      <c r="FH4" s="577"/>
      <c r="FI4" s="577"/>
      <c r="FJ4" s="577"/>
      <c r="FK4" s="577"/>
      <c r="FL4" s="577"/>
      <c r="FM4" s="577"/>
      <c r="FN4" s="577"/>
      <c r="FO4" s="577"/>
      <c r="FP4" s="577"/>
      <c r="FQ4" s="577"/>
      <c r="FR4" s="577"/>
      <c r="FS4" s="577"/>
      <c r="FT4" s="577"/>
      <c r="FU4" s="577"/>
      <c r="FV4" s="577"/>
      <c r="FW4" s="577"/>
      <c r="FX4" s="577"/>
      <c r="FY4" s="577"/>
      <c r="FZ4" s="577"/>
      <c r="GA4" s="577"/>
      <c r="GB4" s="577"/>
      <c r="GC4" s="577"/>
      <c r="GD4" s="577"/>
      <c r="GE4" s="577"/>
      <c r="GF4" s="577"/>
      <c r="GG4" s="577"/>
      <c r="GH4" s="577"/>
      <c r="GI4" s="577"/>
      <c r="GJ4" s="577"/>
      <c r="GK4" s="577"/>
      <c r="GL4" s="577"/>
      <c r="GM4" s="577"/>
      <c r="GN4" s="577"/>
      <c r="GO4" s="577"/>
      <c r="GP4" s="577"/>
      <c r="GQ4" s="577"/>
      <c r="GR4" s="577"/>
      <c r="GS4" s="577"/>
      <c r="GT4" s="577"/>
      <c r="GU4" s="577"/>
      <c r="GV4" s="577"/>
      <c r="GW4" s="577"/>
      <c r="GX4" s="577"/>
      <c r="GY4" s="577"/>
      <c r="GZ4" s="577"/>
      <c r="HA4" s="577"/>
      <c r="HB4" s="577"/>
      <c r="HC4" s="577"/>
      <c r="HD4" s="577"/>
      <c r="HE4" s="577"/>
      <c r="HF4" s="577"/>
      <c r="HG4" s="577"/>
      <c r="HH4" s="577"/>
      <c r="HI4" s="577"/>
      <c r="HJ4" s="577"/>
      <c r="HK4" s="577"/>
      <c r="HL4" s="577"/>
      <c r="HM4" s="577"/>
      <c r="HN4" s="577"/>
      <c r="HO4" s="577"/>
      <c r="HP4" s="577"/>
      <c r="HQ4" s="577"/>
      <c r="HR4" s="577"/>
      <c r="HS4" s="577"/>
      <c r="HT4" s="577"/>
      <c r="HU4" s="577"/>
      <c r="HV4" s="577"/>
      <c r="HW4" s="577"/>
      <c r="HX4" s="577"/>
      <c r="HY4" s="578"/>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1:409" ht="21" customHeight="1" thickBot="1" x14ac:dyDescent="0.25">
      <c r="B5" s="629"/>
      <c r="C5" s="632"/>
      <c r="D5" s="632"/>
      <c r="E5" s="632"/>
      <c r="F5" s="632"/>
      <c r="G5" s="632"/>
      <c r="H5" s="632"/>
      <c r="I5" s="632"/>
      <c r="J5" s="632"/>
      <c r="K5" s="632"/>
      <c r="L5" s="632"/>
      <c r="M5" s="632"/>
      <c r="N5" s="634" t="s">
        <v>64</v>
      </c>
      <c r="O5" s="635"/>
      <c r="P5" s="635"/>
      <c r="Q5" s="635"/>
      <c r="R5" s="635"/>
      <c r="S5" s="635"/>
      <c r="T5" s="635"/>
      <c r="U5" s="635"/>
      <c r="V5" s="635"/>
      <c r="W5" s="635"/>
      <c r="X5" s="635"/>
      <c r="Y5" s="635"/>
      <c r="Z5" s="635"/>
      <c r="AA5" s="635"/>
      <c r="AB5" s="635"/>
      <c r="AC5" s="635"/>
      <c r="AD5" s="635"/>
      <c r="AE5" s="635"/>
      <c r="AF5" s="635"/>
      <c r="AG5" s="635"/>
      <c r="AH5" s="635"/>
      <c r="AI5" s="635"/>
      <c r="AJ5" s="635"/>
      <c r="AK5" s="635"/>
      <c r="AL5" s="635"/>
      <c r="AM5" s="635"/>
      <c r="AN5" s="635"/>
      <c r="AO5" s="635"/>
      <c r="AP5" s="635"/>
      <c r="AQ5" s="635"/>
      <c r="AR5" s="635"/>
      <c r="AS5" s="635"/>
      <c r="AT5" s="635"/>
      <c r="AU5" s="635"/>
      <c r="AV5" s="635"/>
      <c r="AW5" s="635"/>
      <c r="AX5" s="635"/>
      <c r="AY5" s="635"/>
      <c r="AZ5" s="635"/>
      <c r="BA5" s="635"/>
      <c r="BB5" s="635"/>
      <c r="BC5" s="635"/>
      <c r="BD5" s="635"/>
      <c r="BE5" s="635"/>
      <c r="BF5" s="635"/>
      <c r="BG5" s="635"/>
      <c r="BH5" s="635"/>
      <c r="BI5" s="635"/>
      <c r="BJ5" s="635"/>
      <c r="BK5" s="635"/>
      <c r="BL5" s="635"/>
      <c r="BM5" s="635"/>
      <c r="BN5" s="635"/>
      <c r="BO5" s="635"/>
      <c r="BP5" s="635"/>
      <c r="BQ5" s="635"/>
      <c r="BR5" s="635"/>
      <c r="BS5" s="635"/>
      <c r="BT5" s="635"/>
      <c r="BU5" s="635"/>
      <c r="BV5" s="635"/>
      <c r="BW5" s="635"/>
      <c r="BX5" s="635"/>
      <c r="BY5" s="635"/>
      <c r="BZ5" s="635"/>
      <c r="CA5" s="636"/>
      <c r="CB5" s="634" t="s">
        <v>65</v>
      </c>
      <c r="CC5" s="635"/>
      <c r="CD5" s="635"/>
      <c r="CE5" s="635"/>
      <c r="CF5" s="635"/>
      <c r="CG5" s="635"/>
      <c r="CH5" s="635"/>
      <c r="CI5" s="635"/>
      <c r="CJ5" s="635"/>
      <c r="CK5" s="635"/>
      <c r="CL5" s="635"/>
      <c r="CM5" s="635"/>
      <c r="CN5" s="635"/>
      <c r="CO5" s="635"/>
      <c r="CP5" s="635"/>
      <c r="CQ5" s="635"/>
      <c r="CR5" s="635"/>
      <c r="CS5" s="635"/>
      <c r="CT5" s="635"/>
      <c r="CU5" s="635"/>
      <c r="CV5" s="635"/>
      <c r="CW5" s="635"/>
      <c r="CX5" s="635"/>
      <c r="CY5" s="635"/>
      <c r="CZ5" s="635"/>
      <c r="DA5" s="635"/>
      <c r="DB5" s="635"/>
      <c r="DC5" s="635"/>
      <c r="DD5" s="635"/>
      <c r="DE5" s="635"/>
      <c r="DF5" s="635"/>
      <c r="DG5" s="635"/>
      <c r="DH5" s="636"/>
      <c r="DI5" s="610" t="s">
        <v>66</v>
      </c>
      <c r="DJ5" s="611"/>
      <c r="DK5" s="611"/>
      <c r="DL5" s="611"/>
      <c r="DM5" s="611"/>
      <c r="DN5" s="611"/>
      <c r="DO5" s="611"/>
      <c r="DP5" s="611"/>
      <c r="DQ5" s="611"/>
      <c r="DR5" s="611"/>
      <c r="DS5" s="611"/>
      <c r="DT5" s="611"/>
      <c r="DU5" s="611"/>
      <c r="DV5" s="611"/>
      <c r="DW5" s="611"/>
      <c r="DX5" s="611"/>
      <c r="DY5" s="611"/>
      <c r="DZ5" s="611"/>
      <c r="EA5" s="611"/>
      <c r="EB5" s="611"/>
      <c r="EC5" s="611"/>
      <c r="ED5" s="611"/>
      <c r="EE5" s="611"/>
      <c r="EF5" s="611"/>
      <c r="EG5" s="611"/>
      <c r="EH5" s="611"/>
      <c r="EI5" s="611"/>
      <c r="EJ5" s="611"/>
      <c r="EK5" s="611"/>
      <c r="EL5" s="611"/>
      <c r="EM5" s="611"/>
      <c r="EN5" s="611"/>
      <c r="EO5" s="611"/>
      <c r="EP5" s="611"/>
      <c r="EQ5" s="611"/>
      <c r="ER5" s="611"/>
      <c r="ES5" s="611"/>
      <c r="ET5" s="611"/>
      <c r="EU5" s="611"/>
      <c r="EV5" s="611"/>
      <c r="EW5" s="611"/>
      <c r="EX5" s="611"/>
      <c r="EY5" s="611"/>
      <c r="EZ5" s="611"/>
      <c r="FA5" s="611"/>
      <c r="FB5" s="611"/>
      <c r="FC5" s="611"/>
      <c r="FD5" s="611"/>
      <c r="FE5" s="611"/>
      <c r="FF5" s="611"/>
      <c r="FG5" s="611"/>
      <c r="FH5" s="611"/>
      <c r="FI5" s="611"/>
      <c r="FJ5" s="611"/>
      <c r="FK5" s="612"/>
      <c r="FL5" s="634" t="s">
        <v>67</v>
      </c>
      <c r="FM5" s="635"/>
      <c r="FN5" s="635"/>
      <c r="FO5" s="635"/>
      <c r="FP5" s="635"/>
      <c r="FQ5" s="635"/>
      <c r="FR5" s="635"/>
      <c r="FS5" s="635"/>
      <c r="FT5" s="635"/>
      <c r="FU5" s="635"/>
      <c r="FV5" s="635"/>
      <c r="FW5" s="635"/>
      <c r="FX5" s="635"/>
      <c r="FY5" s="635"/>
      <c r="FZ5" s="635"/>
      <c r="GA5" s="635"/>
      <c r="GB5" s="635"/>
      <c r="GC5" s="635"/>
      <c r="GD5" s="635"/>
      <c r="GE5" s="635"/>
      <c r="GF5" s="635"/>
      <c r="GG5" s="635"/>
      <c r="GH5" s="635"/>
      <c r="GI5" s="635"/>
      <c r="GJ5" s="635"/>
      <c r="GK5" s="635"/>
      <c r="GL5" s="635"/>
      <c r="GM5" s="635"/>
      <c r="GN5" s="635"/>
      <c r="GO5" s="635"/>
      <c r="GP5" s="635"/>
      <c r="GQ5" s="635"/>
      <c r="GR5" s="635"/>
      <c r="GS5" s="635"/>
      <c r="GT5" s="635"/>
      <c r="GU5" s="635"/>
      <c r="GV5" s="635"/>
      <c r="GW5" s="635"/>
      <c r="GX5" s="635"/>
      <c r="GY5" s="635"/>
      <c r="GZ5" s="635"/>
      <c r="HA5" s="635"/>
      <c r="HB5" s="635"/>
      <c r="HC5" s="636"/>
      <c r="HD5" s="620" t="s">
        <v>68</v>
      </c>
      <c r="HE5" s="621"/>
      <c r="HF5" s="621"/>
      <c r="HG5" s="621"/>
      <c r="HH5" s="621"/>
      <c r="HI5" s="621"/>
      <c r="HJ5" s="621"/>
      <c r="HK5" s="621"/>
      <c r="HL5" s="621"/>
      <c r="HM5" s="621"/>
      <c r="HN5" s="622"/>
      <c r="HO5" s="620" t="s">
        <v>69</v>
      </c>
      <c r="HP5" s="621"/>
      <c r="HQ5" s="621"/>
      <c r="HR5" s="621"/>
      <c r="HS5" s="621"/>
      <c r="HT5" s="621"/>
      <c r="HU5" s="621"/>
      <c r="HV5" s="621"/>
      <c r="HW5" s="621"/>
      <c r="HX5" s="621"/>
      <c r="HY5" s="6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21" customHeight="1" thickBot="1" x14ac:dyDescent="0.25">
      <c r="B6" s="629"/>
      <c r="C6" s="633"/>
      <c r="D6" s="633"/>
      <c r="E6" s="633"/>
      <c r="F6" s="633"/>
      <c r="G6" s="633"/>
      <c r="H6" s="633"/>
      <c r="I6" s="633"/>
      <c r="J6" s="633"/>
      <c r="K6" s="633"/>
      <c r="L6" s="633"/>
      <c r="M6" s="633"/>
      <c r="N6" s="600"/>
      <c r="O6" s="593"/>
      <c r="P6" s="593"/>
      <c r="Q6" s="593"/>
      <c r="R6" s="593"/>
      <c r="S6" s="593"/>
      <c r="T6" s="593"/>
      <c r="U6" s="593"/>
      <c r="V6" s="593"/>
      <c r="W6" s="593"/>
      <c r="X6" s="601"/>
      <c r="Y6" s="602" t="s">
        <v>70</v>
      </c>
      <c r="Z6" s="603"/>
      <c r="AA6" s="603"/>
      <c r="AB6" s="603"/>
      <c r="AC6" s="603"/>
      <c r="AD6" s="603"/>
      <c r="AE6" s="603"/>
      <c r="AF6" s="603"/>
      <c r="AG6" s="603"/>
      <c r="AH6" s="603"/>
      <c r="AI6" s="604"/>
      <c r="AJ6" s="620" t="s">
        <v>71</v>
      </c>
      <c r="AK6" s="621"/>
      <c r="AL6" s="621"/>
      <c r="AM6" s="621"/>
      <c r="AN6" s="621"/>
      <c r="AO6" s="621"/>
      <c r="AP6" s="621"/>
      <c r="AQ6" s="621"/>
      <c r="AR6" s="621"/>
      <c r="AS6" s="621"/>
      <c r="AT6" s="622"/>
      <c r="AU6" s="616" t="s">
        <v>72</v>
      </c>
      <c r="AV6" s="617"/>
      <c r="AW6" s="617"/>
      <c r="AX6" s="617"/>
      <c r="AY6" s="617"/>
      <c r="AZ6" s="617"/>
      <c r="BA6" s="617"/>
      <c r="BB6" s="617"/>
      <c r="BC6" s="617"/>
      <c r="BD6" s="617"/>
      <c r="BE6" s="618"/>
      <c r="BF6" s="616" t="s">
        <v>73</v>
      </c>
      <c r="BG6" s="617"/>
      <c r="BH6" s="617"/>
      <c r="BI6" s="617"/>
      <c r="BJ6" s="617"/>
      <c r="BK6" s="617"/>
      <c r="BL6" s="617"/>
      <c r="BM6" s="617"/>
      <c r="BN6" s="617"/>
      <c r="BO6" s="617"/>
      <c r="BP6" s="618"/>
      <c r="BQ6" s="616" t="s">
        <v>74</v>
      </c>
      <c r="BR6" s="617"/>
      <c r="BS6" s="617"/>
      <c r="BT6" s="617"/>
      <c r="BU6" s="617"/>
      <c r="BV6" s="617"/>
      <c r="BW6" s="617"/>
      <c r="BX6" s="617"/>
      <c r="BY6" s="617"/>
      <c r="BZ6" s="617"/>
      <c r="CA6" s="618"/>
      <c r="CB6" s="613"/>
      <c r="CC6" s="614"/>
      <c r="CD6" s="614"/>
      <c r="CE6" s="614"/>
      <c r="CF6" s="614"/>
      <c r="CG6" s="614"/>
      <c r="CH6" s="614"/>
      <c r="CI6" s="614"/>
      <c r="CJ6" s="614"/>
      <c r="CK6" s="614"/>
      <c r="CL6" s="615"/>
      <c r="CM6" s="616" t="s">
        <v>75</v>
      </c>
      <c r="CN6" s="617"/>
      <c r="CO6" s="617"/>
      <c r="CP6" s="617"/>
      <c r="CQ6" s="617"/>
      <c r="CR6" s="617"/>
      <c r="CS6" s="617"/>
      <c r="CT6" s="617"/>
      <c r="CU6" s="617"/>
      <c r="CV6" s="617"/>
      <c r="CW6" s="618"/>
      <c r="CX6" s="616" t="s">
        <v>76</v>
      </c>
      <c r="CY6" s="617"/>
      <c r="CZ6" s="617"/>
      <c r="DA6" s="617"/>
      <c r="DB6" s="617"/>
      <c r="DC6" s="617"/>
      <c r="DD6" s="617"/>
      <c r="DE6" s="617"/>
      <c r="DF6" s="617"/>
      <c r="DG6" s="617"/>
      <c r="DH6" s="618"/>
      <c r="DI6" s="613"/>
      <c r="DJ6" s="614"/>
      <c r="DK6" s="614"/>
      <c r="DL6" s="614"/>
      <c r="DM6" s="614"/>
      <c r="DN6" s="614"/>
      <c r="DO6" s="614"/>
      <c r="DP6" s="614"/>
      <c r="DQ6" s="614"/>
      <c r="DR6" s="614"/>
      <c r="DS6" s="614"/>
      <c r="DT6" s="616" t="s">
        <v>77</v>
      </c>
      <c r="DU6" s="617"/>
      <c r="DV6" s="617"/>
      <c r="DW6" s="617"/>
      <c r="DX6" s="617"/>
      <c r="DY6" s="617"/>
      <c r="DZ6" s="617"/>
      <c r="EA6" s="617"/>
      <c r="EB6" s="617"/>
      <c r="EC6" s="617"/>
      <c r="ED6" s="618"/>
      <c r="EE6" s="616" t="s">
        <v>78</v>
      </c>
      <c r="EF6" s="617"/>
      <c r="EG6" s="617"/>
      <c r="EH6" s="617"/>
      <c r="EI6" s="617"/>
      <c r="EJ6" s="617"/>
      <c r="EK6" s="617"/>
      <c r="EL6" s="617"/>
      <c r="EM6" s="617"/>
      <c r="EN6" s="617"/>
      <c r="EO6" s="618"/>
      <c r="EP6" s="616" t="s">
        <v>79</v>
      </c>
      <c r="EQ6" s="617"/>
      <c r="ER6" s="617"/>
      <c r="ES6" s="617"/>
      <c r="ET6" s="617"/>
      <c r="EU6" s="617"/>
      <c r="EV6" s="617"/>
      <c r="EW6" s="617"/>
      <c r="EX6" s="617"/>
      <c r="EY6" s="617"/>
      <c r="EZ6" s="618"/>
      <c r="FA6" s="619" t="s">
        <v>152</v>
      </c>
      <c r="FB6" s="617"/>
      <c r="FC6" s="617"/>
      <c r="FD6" s="617"/>
      <c r="FE6" s="617"/>
      <c r="FF6" s="617"/>
      <c r="FG6" s="617"/>
      <c r="FH6" s="617"/>
      <c r="FI6" s="617"/>
      <c r="FJ6" s="617"/>
      <c r="FK6" s="618"/>
      <c r="FL6" s="613"/>
      <c r="FM6" s="614"/>
      <c r="FN6" s="614"/>
      <c r="FO6" s="614"/>
      <c r="FP6" s="614"/>
      <c r="FQ6" s="614"/>
      <c r="FR6" s="614"/>
      <c r="FS6" s="614"/>
      <c r="FT6" s="614"/>
      <c r="FU6" s="614"/>
      <c r="FV6" s="614"/>
      <c r="FW6" s="616" t="s">
        <v>80</v>
      </c>
      <c r="FX6" s="617"/>
      <c r="FY6" s="617"/>
      <c r="FZ6" s="617"/>
      <c r="GA6" s="617"/>
      <c r="GB6" s="617"/>
      <c r="GC6" s="617"/>
      <c r="GD6" s="617"/>
      <c r="GE6" s="617"/>
      <c r="GF6" s="617"/>
      <c r="GG6" s="618"/>
      <c r="GH6" s="602" t="s">
        <v>81</v>
      </c>
      <c r="GI6" s="603"/>
      <c r="GJ6" s="603"/>
      <c r="GK6" s="603"/>
      <c r="GL6" s="603"/>
      <c r="GM6" s="603"/>
      <c r="GN6" s="603"/>
      <c r="GO6" s="603"/>
      <c r="GP6" s="603"/>
      <c r="GQ6" s="603"/>
      <c r="GR6" s="604"/>
      <c r="GS6" s="602" t="s">
        <v>82</v>
      </c>
      <c r="GT6" s="603"/>
      <c r="GU6" s="603"/>
      <c r="GV6" s="603"/>
      <c r="GW6" s="603"/>
      <c r="GX6" s="603"/>
      <c r="GY6" s="603"/>
      <c r="GZ6" s="603"/>
      <c r="HA6" s="603"/>
      <c r="HB6" s="603"/>
      <c r="HC6" s="604"/>
      <c r="HD6" s="637"/>
      <c r="HE6" s="638"/>
      <c r="HF6" s="638"/>
      <c r="HG6" s="638"/>
      <c r="HH6" s="638"/>
      <c r="HI6" s="638"/>
      <c r="HJ6" s="638"/>
      <c r="HK6" s="638"/>
      <c r="HL6" s="638"/>
      <c r="HM6" s="638"/>
      <c r="HN6" s="639"/>
      <c r="HO6" s="637"/>
      <c r="HP6" s="638"/>
      <c r="HQ6" s="638"/>
      <c r="HR6" s="638"/>
      <c r="HS6" s="638"/>
      <c r="HT6" s="638"/>
      <c r="HU6" s="638"/>
      <c r="HV6" s="638"/>
      <c r="HW6" s="638"/>
      <c r="HX6" s="638"/>
      <c r="HY6" s="639"/>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1:409" ht="21" customHeight="1" x14ac:dyDescent="0.2">
      <c r="B7" s="629"/>
      <c r="C7" s="585" t="s">
        <v>61</v>
      </c>
      <c r="D7" s="585"/>
      <c r="E7" s="585"/>
      <c r="F7" s="584" t="s">
        <v>62</v>
      </c>
      <c r="G7" s="585"/>
      <c r="H7" s="585"/>
      <c r="I7" s="585"/>
      <c r="J7" s="585"/>
      <c r="K7" s="585"/>
      <c r="L7" s="585"/>
      <c r="M7" s="584" t="s">
        <v>52</v>
      </c>
      <c r="N7" s="641" t="s">
        <v>61</v>
      </c>
      <c r="O7" s="585"/>
      <c r="P7" s="585"/>
      <c r="Q7" s="584" t="s">
        <v>62</v>
      </c>
      <c r="R7" s="585"/>
      <c r="S7" s="585"/>
      <c r="T7" s="585"/>
      <c r="U7" s="585"/>
      <c r="V7" s="585"/>
      <c r="W7" s="586"/>
      <c r="X7" s="626" t="s">
        <v>52</v>
      </c>
      <c r="Y7" s="600" t="s">
        <v>61</v>
      </c>
      <c r="Z7" s="593"/>
      <c r="AA7" s="594"/>
      <c r="AB7" s="592" t="s">
        <v>62</v>
      </c>
      <c r="AC7" s="593"/>
      <c r="AD7" s="593"/>
      <c r="AE7" s="593"/>
      <c r="AF7" s="593"/>
      <c r="AG7" s="593"/>
      <c r="AH7" s="594"/>
      <c r="AI7" s="601" t="s">
        <v>52</v>
      </c>
      <c r="AJ7" s="581" t="s">
        <v>61</v>
      </c>
      <c r="AK7" s="582"/>
      <c r="AL7" s="583"/>
      <c r="AM7" s="642" t="s">
        <v>62</v>
      </c>
      <c r="AN7" s="582"/>
      <c r="AO7" s="582"/>
      <c r="AP7" s="582"/>
      <c r="AQ7" s="582"/>
      <c r="AR7" s="582"/>
      <c r="AS7" s="643"/>
      <c r="AT7" s="644" t="s">
        <v>52</v>
      </c>
      <c r="AU7" s="589" t="s">
        <v>61</v>
      </c>
      <c r="AV7" s="590"/>
      <c r="AW7" s="591"/>
      <c r="AX7" s="624" t="s">
        <v>62</v>
      </c>
      <c r="AY7" s="590"/>
      <c r="AZ7" s="590"/>
      <c r="BA7" s="590"/>
      <c r="BB7" s="590"/>
      <c r="BC7" s="590"/>
      <c r="BD7" s="625"/>
      <c r="BE7" s="601" t="s">
        <v>52</v>
      </c>
      <c r="BF7" s="589" t="s">
        <v>61</v>
      </c>
      <c r="BG7" s="590"/>
      <c r="BH7" s="591"/>
      <c r="BI7" s="624" t="s">
        <v>62</v>
      </c>
      <c r="BJ7" s="590"/>
      <c r="BK7" s="590"/>
      <c r="BL7" s="590"/>
      <c r="BM7" s="590"/>
      <c r="BN7" s="590"/>
      <c r="BO7" s="625"/>
      <c r="BP7" s="601" t="s">
        <v>52</v>
      </c>
      <c r="BQ7" s="589" t="s">
        <v>61</v>
      </c>
      <c r="BR7" s="590"/>
      <c r="BS7" s="591"/>
      <c r="BT7" s="624" t="s">
        <v>62</v>
      </c>
      <c r="BU7" s="590"/>
      <c r="BV7" s="590"/>
      <c r="BW7" s="590"/>
      <c r="BX7" s="590"/>
      <c r="BY7" s="590"/>
      <c r="BZ7" s="625"/>
      <c r="CA7" s="601" t="s">
        <v>52</v>
      </c>
      <c r="CB7" s="581" t="s">
        <v>61</v>
      </c>
      <c r="CC7" s="582"/>
      <c r="CD7" s="583"/>
      <c r="CE7" s="642" t="s">
        <v>62</v>
      </c>
      <c r="CF7" s="582"/>
      <c r="CG7" s="582"/>
      <c r="CH7" s="582"/>
      <c r="CI7" s="582"/>
      <c r="CJ7" s="582"/>
      <c r="CK7" s="643"/>
      <c r="CL7" s="626" t="s">
        <v>52</v>
      </c>
      <c r="CM7" s="589" t="s">
        <v>61</v>
      </c>
      <c r="CN7" s="590"/>
      <c r="CO7" s="625"/>
      <c r="CP7" s="624" t="s">
        <v>62</v>
      </c>
      <c r="CQ7" s="590"/>
      <c r="CR7" s="590"/>
      <c r="CS7" s="590"/>
      <c r="CT7" s="590"/>
      <c r="CU7" s="590"/>
      <c r="CV7" s="625"/>
      <c r="CW7" s="648" t="s">
        <v>52</v>
      </c>
      <c r="CX7" s="589" t="s">
        <v>61</v>
      </c>
      <c r="CY7" s="590"/>
      <c r="CZ7" s="625"/>
      <c r="DA7" s="624" t="s">
        <v>62</v>
      </c>
      <c r="DB7" s="590"/>
      <c r="DC7" s="590"/>
      <c r="DD7" s="590"/>
      <c r="DE7" s="590"/>
      <c r="DF7" s="590"/>
      <c r="DG7" s="625"/>
      <c r="DH7" s="648" t="s">
        <v>52</v>
      </c>
      <c r="DI7" s="581" t="s">
        <v>61</v>
      </c>
      <c r="DJ7" s="582"/>
      <c r="DK7" s="643"/>
      <c r="DL7" s="642" t="s">
        <v>62</v>
      </c>
      <c r="DM7" s="582"/>
      <c r="DN7" s="582"/>
      <c r="DO7" s="582"/>
      <c r="DP7" s="582"/>
      <c r="DQ7" s="582"/>
      <c r="DR7" s="643"/>
      <c r="DS7" s="626" t="s">
        <v>52</v>
      </c>
      <c r="DT7" s="589" t="s">
        <v>61</v>
      </c>
      <c r="DU7" s="590"/>
      <c r="DV7" s="591"/>
      <c r="DW7" s="624" t="s">
        <v>62</v>
      </c>
      <c r="DX7" s="590"/>
      <c r="DY7" s="590"/>
      <c r="DZ7" s="590"/>
      <c r="EA7" s="590"/>
      <c r="EB7" s="590"/>
      <c r="EC7" s="625"/>
      <c r="ED7" s="601" t="s">
        <v>52</v>
      </c>
      <c r="EE7" s="589" t="s">
        <v>61</v>
      </c>
      <c r="EF7" s="590"/>
      <c r="EG7" s="591"/>
      <c r="EH7" s="624" t="s">
        <v>62</v>
      </c>
      <c r="EI7" s="590"/>
      <c r="EJ7" s="590"/>
      <c r="EK7" s="590"/>
      <c r="EL7" s="590"/>
      <c r="EM7" s="590"/>
      <c r="EN7" s="625"/>
      <c r="EO7" s="601" t="s">
        <v>52</v>
      </c>
      <c r="EP7" s="589" t="s">
        <v>61</v>
      </c>
      <c r="EQ7" s="590"/>
      <c r="ER7" s="591"/>
      <c r="ES7" s="624" t="s">
        <v>62</v>
      </c>
      <c r="ET7" s="590"/>
      <c r="EU7" s="590"/>
      <c r="EV7" s="590"/>
      <c r="EW7" s="590"/>
      <c r="EX7" s="590"/>
      <c r="EY7" s="625"/>
      <c r="EZ7" s="601" t="s">
        <v>52</v>
      </c>
      <c r="FA7" s="589" t="s">
        <v>61</v>
      </c>
      <c r="FB7" s="590"/>
      <c r="FC7" s="591"/>
      <c r="FD7" s="624" t="s">
        <v>62</v>
      </c>
      <c r="FE7" s="590"/>
      <c r="FF7" s="590"/>
      <c r="FG7" s="590"/>
      <c r="FH7" s="590"/>
      <c r="FI7" s="590"/>
      <c r="FJ7" s="625"/>
      <c r="FK7" s="601" t="s">
        <v>52</v>
      </c>
      <c r="FL7" s="581" t="s">
        <v>61</v>
      </c>
      <c r="FM7" s="582"/>
      <c r="FN7" s="583"/>
      <c r="FO7" s="642" t="s">
        <v>62</v>
      </c>
      <c r="FP7" s="582"/>
      <c r="FQ7" s="582"/>
      <c r="FR7" s="582"/>
      <c r="FS7" s="582"/>
      <c r="FT7" s="582"/>
      <c r="FU7" s="643"/>
      <c r="FV7" s="585" t="s">
        <v>52</v>
      </c>
      <c r="FW7" s="589" t="s">
        <v>61</v>
      </c>
      <c r="FX7" s="590"/>
      <c r="FY7" s="591"/>
      <c r="FZ7" s="624" t="s">
        <v>62</v>
      </c>
      <c r="GA7" s="590"/>
      <c r="GB7" s="590"/>
      <c r="GC7" s="590"/>
      <c r="GD7" s="590"/>
      <c r="GE7" s="590"/>
      <c r="GF7" s="625"/>
      <c r="GG7" s="601" t="s">
        <v>52</v>
      </c>
      <c r="GH7" s="600" t="s">
        <v>61</v>
      </c>
      <c r="GI7" s="593"/>
      <c r="GJ7" s="593"/>
      <c r="GK7" s="592" t="s">
        <v>62</v>
      </c>
      <c r="GL7" s="593"/>
      <c r="GM7" s="593"/>
      <c r="GN7" s="593"/>
      <c r="GO7" s="593"/>
      <c r="GP7" s="593"/>
      <c r="GQ7" s="594"/>
      <c r="GR7" s="645" t="s">
        <v>52</v>
      </c>
      <c r="GS7" s="600" t="s">
        <v>61</v>
      </c>
      <c r="GT7" s="593"/>
      <c r="GU7" s="594"/>
      <c r="GV7" s="592" t="s">
        <v>62</v>
      </c>
      <c r="GW7" s="593"/>
      <c r="GX7" s="593"/>
      <c r="GY7" s="593"/>
      <c r="GZ7" s="593"/>
      <c r="HA7" s="593"/>
      <c r="HB7" s="594"/>
      <c r="HC7" s="645" t="s">
        <v>52</v>
      </c>
      <c r="HD7" s="589" t="s">
        <v>61</v>
      </c>
      <c r="HE7" s="590"/>
      <c r="HF7" s="591"/>
      <c r="HG7" s="624" t="s">
        <v>62</v>
      </c>
      <c r="HH7" s="590"/>
      <c r="HI7" s="590"/>
      <c r="HJ7" s="590"/>
      <c r="HK7" s="590"/>
      <c r="HL7" s="590"/>
      <c r="HM7" s="625"/>
      <c r="HN7" s="601" t="s">
        <v>52</v>
      </c>
      <c r="HO7" s="589" t="s">
        <v>61</v>
      </c>
      <c r="HP7" s="590"/>
      <c r="HQ7" s="591"/>
      <c r="HR7" s="624" t="s">
        <v>62</v>
      </c>
      <c r="HS7" s="590"/>
      <c r="HT7" s="590"/>
      <c r="HU7" s="590"/>
      <c r="HV7" s="590"/>
      <c r="HW7" s="590"/>
      <c r="HX7" s="625"/>
      <c r="HY7" s="601"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1:409" ht="30" customHeight="1" thickBot="1" x14ac:dyDescent="0.25">
      <c r="B8" s="630"/>
      <c r="C8" s="65" t="s">
        <v>43</v>
      </c>
      <c r="D8" s="16" t="s">
        <v>44</v>
      </c>
      <c r="E8" s="41" t="s">
        <v>45</v>
      </c>
      <c r="F8" s="42" t="s">
        <v>83</v>
      </c>
      <c r="G8" s="16" t="s">
        <v>47</v>
      </c>
      <c r="H8" s="16" t="s">
        <v>48</v>
      </c>
      <c r="I8" s="16" t="s">
        <v>49</v>
      </c>
      <c r="J8" s="16" t="s">
        <v>50</v>
      </c>
      <c r="K8" s="16" t="s">
        <v>51</v>
      </c>
      <c r="L8" s="17" t="s">
        <v>45</v>
      </c>
      <c r="M8" s="640"/>
      <c r="N8" s="40" t="s">
        <v>43</v>
      </c>
      <c r="O8" s="16" t="s">
        <v>44</v>
      </c>
      <c r="P8" s="17" t="s">
        <v>45</v>
      </c>
      <c r="Q8" s="42" t="s">
        <v>83</v>
      </c>
      <c r="R8" s="16" t="s">
        <v>47</v>
      </c>
      <c r="S8" s="16" t="s">
        <v>48</v>
      </c>
      <c r="T8" s="16" t="s">
        <v>49</v>
      </c>
      <c r="U8" s="16" t="s">
        <v>50</v>
      </c>
      <c r="V8" s="16" t="s">
        <v>51</v>
      </c>
      <c r="W8" s="17" t="s">
        <v>45</v>
      </c>
      <c r="X8" s="627"/>
      <c r="Y8" s="40" t="s">
        <v>43</v>
      </c>
      <c r="Z8" s="16" t="s">
        <v>44</v>
      </c>
      <c r="AA8" s="17" t="s">
        <v>45</v>
      </c>
      <c r="AB8" s="42" t="s">
        <v>83</v>
      </c>
      <c r="AC8" s="16" t="s">
        <v>47</v>
      </c>
      <c r="AD8" s="16" t="s">
        <v>48</v>
      </c>
      <c r="AE8" s="16" t="s">
        <v>49</v>
      </c>
      <c r="AF8" s="16" t="s">
        <v>50</v>
      </c>
      <c r="AG8" s="16" t="s">
        <v>51</v>
      </c>
      <c r="AH8" s="17" t="s">
        <v>45</v>
      </c>
      <c r="AI8" s="609"/>
      <c r="AJ8" s="40" t="s">
        <v>43</v>
      </c>
      <c r="AK8" s="16" t="s">
        <v>44</v>
      </c>
      <c r="AL8" s="41" t="s">
        <v>45</v>
      </c>
      <c r="AM8" s="42" t="s">
        <v>83</v>
      </c>
      <c r="AN8" s="16" t="s">
        <v>47</v>
      </c>
      <c r="AO8" s="16" t="s">
        <v>48</v>
      </c>
      <c r="AP8" s="16" t="s">
        <v>49</v>
      </c>
      <c r="AQ8" s="16" t="s">
        <v>50</v>
      </c>
      <c r="AR8" s="16" t="s">
        <v>51</v>
      </c>
      <c r="AS8" s="17" t="s">
        <v>45</v>
      </c>
      <c r="AT8" s="609"/>
      <c r="AU8" s="40" t="s">
        <v>43</v>
      </c>
      <c r="AV8" s="16" t="s">
        <v>44</v>
      </c>
      <c r="AW8" s="41" t="s">
        <v>45</v>
      </c>
      <c r="AX8" s="42" t="s">
        <v>83</v>
      </c>
      <c r="AY8" s="16" t="s">
        <v>47</v>
      </c>
      <c r="AZ8" s="16" t="s">
        <v>48</v>
      </c>
      <c r="BA8" s="16" t="s">
        <v>49</v>
      </c>
      <c r="BB8" s="16" t="s">
        <v>50</v>
      </c>
      <c r="BC8" s="16" t="s">
        <v>51</v>
      </c>
      <c r="BD8" s="17" t="s">
        <v>45</v>
      </c>
      <c r="BE8" s="609"/>
      <c r="BF8" s="61" t="s">
        <v>43</v>
      </c>
      <c r="BG8" s="16" t="s">
        <v>44</v>
      </c>
      <c r="BH8" s="41" t="s">
        <v>45</v>
      </c>
      <c r="BI8" s="42" t="s">
        <v>83</v>
      </c>
      <c r="BJ8" s="16" t="s">
        <v>47</v>
      </c>
      <c r="BK8" s="16" t="s">
        <v>48</v>
      </c>
      <c r="BL8" s="16" t="s">
        <v>49</v>
      </c>
      <c r="BM8" s="16" t="s">
        <v>50</v>
      </c>
      <c r="BN8" s="16" t="s">
        <v>51</v>
      </c>
      <c r="BO8" s="17" t="s">
        <v>45</v>
      </c>
      <c r="BP8" s="609"/>
      <c r="BQ8" s="40" t="s">
        <v>43</v>
      </c>
      <c r="BR8" s="16" t="s">
        <v>44</v>
      </c>
      <c r="BS8" s="41" t="s">
        <v>45</v>
      </c>
      <c r="BT8" s="42" t="s">
        <v>83</v>
      </c>
      <c r="BU8" s="16" t="s">
        <v>47</v>
      </c>
      <c r="BV8" s="16" t="s">
        <v>48</v>
      </c>
      <c r="BW8" s="16" t="s">
        <v>49</v>
      </c>
      <c r="BX8" s="16" t="s">
        <v>50</v>
      </c>
      <c r="BY8" s="16" t="s">
        <v>51</v>
      </c>
      <c r="BZ8" s="17" t="s">
        <v>45</v>
      </c>
      <c r="CA8" s="609"/>
      <c r="CB8" s="40" t="s">
        <v>43</v>
      </c>
      <c r="CC8" s="16" t="s">
        <v>44</v>
      </c>
      <c r="CD8" s="41" t="s">
        <v>45</v>
      </c>
      <c r="CE8" s="42" t="s">
        <v>83</v>
      </c>
      <c r="CF8" s="16" t="s">
        <v>47</v>
      </c>
      <c r="CG8" s="16" t="s">
        <v>48</v>
      </c>
      <c r="CH8" s="16" t="s">
        <v>49</v>
      </c>
      <c r="CI8" s="16" t="s">
        <v>50</v>
      </c>
      <c r="CJ8" s="16" t="s">
        <v>51</v>
      </c>
      <c r="CK8" s="17" t="s">
        <v>45</v>
      </c>
      <c r="CL8" s="627"/>
      <c r="CM8" s="40" t="s">
        <v>43</v>
      </c>
      <c r="CN8" s="16" t="s">
        <v>44</v>
      </c>
      <c r="CO8" s="17" t="s">
        <v>45</v>
      </c>
      <c r="CP8" s="42" t="s">
        <v>83</v>
      </c>
      <c r="CQ8" s="16" t="s">
        <v>47</v>
      </c>
      <c r="CR8" s="16" t="s">
        <v>48</v>
      </c>
      <c r="CS8" s="16" t="s">
        <v>49</v>
      </c>
      <c r="CT8" s="16" t="s">
        <v>50</v>
      </c>
      <c r="CU8" s="16" t="s">
        <v>51</v>
      </c>
      <c r="CV8" s="17" t="s">
        <v>45</v>
      </c>
      <c r="CW8" s="627"/>
      <c r="CX8" s="40" t="s">
        <v>43</v>
      </c>
      <c r="CY8" s="16" t="s">
        <v>44</v>
      </c>
      <c r="CZ8" s="17" t="s">
        <v>45</v>
      </c>
      <c r="DA8" s="42" t="s">
        <v>83</v>
      </c>
      <c r="DB8" s="16" t="s">
        <v>47</v>
      </c>
      <c r="DC8" s="16" t="s">
        <v>48</v>
      </c>
      <c r="DD8" s="16" t="s">
        <v>49</v>
      </c>
      <c r="DE8" s="16" t="s">
        <v>50</v>
      </c>
      <c r="DF8" s="16" t="s">
        <v>51</v>
      </c>
      <c r="DG8" s="17" t="s">
        <v>45</v>
      </c>
      <c r="DH8" s="627"/>
      <c r="DI8" s="40" t="s">
        <v>43</v>
      </c>
      <c r="DJ8" s="16" t="s">
        <v>44</v>
      </c>
      <c r="DK8" s="17" t="s">
        <v>45</v>
      </c>
      <c r="DL8" s="42" t="s">
        <v>83</v>
      </c>
      <c r="DM8" s="16" t="s">
        <v>47</v>
      </c>
      <c r="DN8" s="16" t="s">
        <v>48</v>
      </c>
      <c r="DO8" s="16" t="s">
        <v>49</v>
      </c>
      <c r="DP8" s="16" t="s">
        <v>50</v>
      </c>
      <c r="DQ8" s="16" t="s">
        <v>51</v>
      </c>
      <c r="DR8" s="17" t="s">
        <v>45</v>
      </c>
      <c r="DS8" s="627"/>
      <c r="DT8" s="40" t="s">
        <v>43</v>
      </c>
      <c r="DU8" s="16" t="s">
        <v>44</v>
      </c>
      <c r="DV8" s="41" t="s">
        <v>45</v>
      </c>
      <c r="DW8" s="42" t="s">
        <v>83</v>
      </c>
      <c r="DX8" s="16" t="s">
        <v>47</v>
      </c>
      <c r="DY8" s="16" t="s">
        <v>48</v>
      </c>
      <c r="DZ8" s="16" t="s">
        <v>49</v>
      </c>
      <c r="EA8" s="16" t="s">
        <v>50</v>
      </c>
      <c r="EB8" s="16" t="s">
        <v>51</v>
      </c>
      <c r="EC8" s="17" t="s">
        <v>45</v>
      </c>
      <c r="ED8" s="609"/>
      <c r="EE8" s="40" t="s">
        <v>43</v>
      </c>
      <c r="EF8" s="16" t="s">
        <v>44</v>
      </c>
      <c r="EG8" s="41" t="s">
        <v>45</v>
      </c>
      <c r="EH8" s="42" t="s">
        <v>83</v>
      </c>
      <c r="EI8" s="16" t="s">
        <v>47</v>
      </c>
      <c r="EJ8" s="16" t="s">
        <v>48</v>
      </c>
      <c r="EK8" s="16" t="s">
        <v>49</v>
      </c>
      <c r="EL8" s="16" t="s">
        <v>50</v>
      </c>
      <c r="EM8" s="16" t="s">
        <v>51</v>
      </c>
      <c r="EN8" s="17" t="s">
        <v>45</v>
      </c>
      <c r="EO8" s="609"/>
      <c r="EP8" s="40" t="s">
        <v>43</v>
      </c>
      <c r="EQ8" s="16" t="s">
        <v>44</v>
      </c>
      <c r="ER8" s="41" t="s">
        <v>45</v>
      </c>
      <c r="ES8" s="42" t="s">
        <v>83</v>
      </c>
      <c r="ET8" s="16" t="s">
        <v>47</v>
      </c>
      <c r="EU8" s="16" t="s">
        <v>48</v>
      </c>
      <c r="EV8" s="16" t="s">
        <v>49</v>
      </c>
      <c r="EW8" s="16" t="s">
        <v>50</v>
      </c>
      <c r="EX8" s="16" t="s">
        <v>51</v>
      </c>
      <c r="EY8" s="17" t="s">
        <v>45</v>
      </c>
      <c r="EZ8" s="609"/>
      <c r="FA8" s="40" t="s">
        <v>43</v>
      </c>
      <c r="FB8" s="16" t="s">
        <v>44</v>
      </c>
      <c r="FC8" s="41" t="s">
        <v>45</v>
      </c>
      <c r="FD8" s="42" t="s">
        <v>83</v>
      </c>
      <c r="FE8" s="16" t="s">
        <v>47</v>
      </c>
      <c r="FF8" s="16" t="s">
        <v>48</v>
      </c>
      <c r="FG8" s="16" t="s">
        <v>49</v>
      </c>
      <c r="FH8" s="16" t="s">
        <v>50</v>
      </c>
      <c r="FI8" s="16" t="s">
        <v>51</v>
      </c>
      <c r="FJ8" s="17" t="s">
        <v>45</v>
      </c>
      <c r="FK8" s="609"/>
      <c r="FL8" s="40" t="s">
        <v>43</v>
      </c>
      <c r="FM8" s="16" t="s">
        <v>44</v>
      </c>
      <c r="FN8" s="41" t="s">
        <v>45</v>
      </c>
      <c r="FO8" s="42" t="s">
        <v>83</v>
      </c>
      <c r="FP8" s="16" t="s">
        <v>47</v>
      </c>
      <c r="FQ8" s="16" t="s">
        <v>48</v>
      </c>
      <c r="FR8" s="16" t="s">
        <v>49</v>
      </c>
      <c r="FS8" s="16" t="s">
        <v>50</v>
      </c>
      <c r="FT8" s="16" t="s">
        <v>51</v>
      </c>
      <c r="FU8" s="17" t="s">
        <v>45</v>
      </c>
      <c r="FV8" s="647"/>
      <c r="FW8" s="40" t="s">
        <v>43</v>
      </c>
      <c r="FX8" s="16" t="s">
        <v>44</v>
      </c>
      <c r="FY8" s="41" t="s">
        <v>45</v>
      </c>
      <c r="FZ8" s="42" t="s">
        <v>83</v>
      </c>
      <c r="GA8" s="16" t="s">
        <v>47</v>
      </c>
      <c r="GB8" s="16" t="s">
        <v>48</v>
      </c>
      <c r="GC8" s="16" t="s">
        <v>49</v>
      </c>
      <c r="GD8" s="16" t="s">
        <v>50</v>
      </c>
      <c r="GE8" s="16" t="s">
        <v>51</v>
      </c>
      <c r="GF8" s="17" t="s">
        <v>45</v>
      </c>
      <c r="GG8" s="609"/>
      <c r="GH8" s="40" t="s">
        <v>43</v>
      </c>
      <c r="GI8" s="16" t="s">
        <v>44</v>
      </c>
      <c r="GJ8" s="41" t="s">
        <v>45</v>
      </c>
      <c r="GK8" s="42" t="s">
        <v>83</v>
      </c>
      <c r="GL8" s="16" t="s">
        <v>47</v>
      </c>
      <c r="GM8" s="16" t="s">
        <v>48</v>
      </c>
      <c r="GN8" s="16" t="s">
        <v>49</v>
      </c>
      <c r="GO8" s="16" t="s">
        <v>50</v>
      </c>
      <c r="GP8" s="16" t="s">
        <v>51</v>
      </c>
      <c r="GQ8" s="17" t="s">
        <v>45</v>
      </c>
      <c r="GR8" s="646"/>
      <c r="GS8" s="40" t="s">
        <v>43</v>
      </c>
      <c r="GT8" s="16" t="s">
        <v>44</v>
      </c>
      <c r="GU8" s="41" t="s">
        <v>45</v>
      </c>
      <c r="GV8" s="42" t="s">
        <v>83</v>
      </c>
      <c r="GW8" s="16" t="s">
        <v>47</v>
      </c>
      <c r="GX8" s="16" t="s">
        <v>48</v>
      </c>
      <c r="GY8" s="16" t="s">
        <v>49</v>
      </c>
      <c r="GZ8" s="16" t="s">
        <v>50</v>
      </c>
      <c r="HA8" s="16" t="s">
        <v>51</v>
      </c>
      <c r="HB8" s="17" t="s">
        <v>45</v>
      </c>
      <c r="HC8" s="646"/>
      <c r="HD8" s="40" t="s">
        <v>43</v>
      </c>
      <c r="HE8" s="16" t="s">
        <v>44</v>
      </c>
      <c r="HF8" s="41" t="s">
        <v>45</v>
      </c>
      <c r="HG8" s="42" t="s">
        <v>83</v>
      </c>
      <c r="HH8" s="16" t="s">
        <v>47</v>
      </c>
      <c r="HI8" s="16" t="s">
        <v>48</v>
      </c>
      <c r="HJ8" s="16" t="s">
        <v>49</v>
      </c>
      <c r="HK8" s="16" t="s">
        <v>50</v>
      </c>
      <c r="HL8" s="16" t="s">
        <v>51</v>
      </c>
      <c r="HM8" s="17" t="s">
        <v>45</v>
      </c>
      <c r="HN8" s="609"/>
      <c r="HO8" s="40" t="s">
        <v>43</v>
      </c>
      <c r="HP8" s="16" t="s">
        <v>44</v>
      </c>
      <c r="HQ8" s="41" t="s">
        <v>45</v>
      </c>
      <c r="HR8" s="42" t="s">
        <v>83</v>
      </c>
      <c r="HS8" s="16" t="s">
        <v>47</v>
      </c>
      <c r="HT8" s="16" t="s">
        <v>48</v>
      </c>
      <c r="HU8" s="16" t="s">
        <v>49</v>
      </c>
      <c r="HV8" s="16" t="s">
        <v>50</v>
      </c>
      <c r="HW8" s="16" t="s">
        <v>51</v>
      </c>
      <c r="HX8" s="17" t="s">
        <v>45</v>
      </c>
      <c r="HY8" s="609"/>
      <c r="HZ8" s="368" t="s">
        <v>43</v>
      </c>
      <c r="IA8" s="369" t="s">
        <v>44</v>
      </c>
      <c r="IB8" s="41" t="s">
        <v>45</v>
      </c>
      <c r="IC8" s="42" t="s">
        <v>83</v>
      </c>
      <c r="ID8" s="369" t="s">
        <v>47</v>
      </c>
      <c r="IE8" s="369" t="s">
        <v>48</v>
      </c>
      <c r="IF8" s="369" t="s">
        <v>49</v>
      </c>
      <c r="IG8" s="369" t="s">
        <v>50</v>
      </c>
      <c r="IH8" s="369" t="s">
        <v>51</v>
      </c>
      <c r="II8" s="17" t="s">
        <v>45</v>
      </c>
      <c r="IJ8" s="647"/>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30" customFormat="1" ht="21" customHeight="1" x14ac:dyDescent="0.2">
      <c r="A9" s="44"/>
      <c r="B9" s="386" t="s">
        <v>4</v>
      </c>
      <c r="C9" s="387">
        <v>372135905</v>
      </c>
      <c r="D9" s="388">
        <v>763523457</v>
      </c>
      <c r="E9" s="389">
        <v>1135659362</v>
      </c>
      <c r="F9" s="390">
        <v>0</v>
      </c>
      <c r="G9" s="388">
        <v>4819153917</v>
      </c>
      <c r="H9" s="388">
        <v>6534089224</v>
      </c>
      <c r="I9" s="388">
        <v>5523544368</v>
      </c>
      <c r="J9" s="388">
        <v>5241876235</v>
      </c>
      <c r="K9" s="388">
        <v>3951012037</v>
      </c>
      <c r="L9" s="391">
        <v>26069675781</v>
      </c>
      <c r="M9" s="392">
        <v>27205335143</v>
      </c>
      <c r="N9" s="387">
        <v>88751405</v>
      </c>
      <c r="O9" s="388">
        <v>219377114</v>
      </c>
      <c r="P9" s="393">
        <v>308128519</v>
      </c>
      <c r="Q9" s="387">
        <v>0</v>
      </c>
      <c r="R9" s="388">
        <v>1366943279</v>
      </c>
      <c r="S9" s="388">
        <v>2097643852</v>
      </c>
      <c r="T9" s="388">
        <v>1823830797</v>
      </c>
      <c r="U9" s="388">
        <v>1997049686</v>
      </c>
      <c r="V9" s="388">
        <v>2015459338</v>
      </c>
      <c r="W9" s="393">
        <v>9300926952</v>
      </c>
      <c r="X9" s="392">
        <v>9609055471</v>
      </c>
      <c r="Y9" s="387">
        <v>0</v>
      </c>
      <c r="Z9" s="388">
        <v>0</v>
      </c>
      <c r="AA9" s="393">
        <v>0</v>
      </c>
      <c r="AB9" s="394">
        <v>0</v>
      </c>
      <c r="AC9" s="395">
        <v>654299248</v>
      </c>
      <c r="AD9" s="395">
        <v>1045324084</v>
      </c>
      <c r="AE9" s="395">
        <v>1021548653</v>
      </c>
      <c r="AF9" s="395">
        <v>1159648099</v>
      </c>
      <c r="AG9" s="395">
        <v>1179884850</v>
      </c>
      <c r="AH9" s="393">
        <v>5060704934</v>
      </c>
      <c r="AI9" s="392">
        <v>5060704934</v>
      </c>
      <c r="AJ9" s="396">
        <v>78172</v>
      </c>
      <c r="AK9" s="395">
        <v>529372</v>
      </c>
      <c r="AL9" s="393">
        <v>607544</v>
      </c>
      <c r="AM9" s="394">
        <v>0</v>
      </c>
      <c r="AN9" s="395">
        <v>5767564</v>
      </c>
      <c r="AO9" s="391">
        <v>24605821</v>
      </c>
      <c r="AP9" s="395">
        <v>48220263</v>
      </c>
      <c r="AQ9" s="395">
        <v>112728347</v>
      </c>
      <c r="AR9" s="395">
        <v>219022667</v>
      </c>
      <c r="AS9" s="393">
        <v>410344662</v>
      </c>
      <c r="AT9" s="392">
        <v>410952206</v>
      </c>
      <c r="AU9" s="396">
        <v>48297755</v>
      </c>
      <c r="AV9" s="395">
        <v>152933672</v>
      </c>
      <c r="AW9" s="393">
        <v>201231427</v>
      </c>
      <c r="AX9" s="394">
        <v>0</v>
      </c>
      <c r="AY9" s="395">
        <v>426285246</v>
      </c>
      <c r="AZ9" s="395">
        <v>670068858</v>
      </c>
      <c r="BA9" s="395">
        <v>439517160</v>
      </c>
      <c r="BB9" s="395">
        <v>415802152</v>
      </c>
      <c r="BC9" s="395">
        <v>384405875</v>
      </c>
      <c r="BD9" s="393">
        <v>2336079291</v>
      </c>
      <c r="BE9" s="397">
        <v>2537310718</v>
      </c>
      <c r="BF9" s="396">
        <v>6126856</v>
      </c>
      <c r="BG9" s="391">
        <v>23306427</v>
      </c>
      <c r="BH9" s="398">
        <v>29433283</v>
      </c>
      <c r="BI9" s="394">
        <v>0</v>
      </c>
      <c r="BJ9" s="395">
        <v>36304985</v>
      </c>
      <c r="BK9" s="395">
        <v>61165512</v>
      </c>
      <c r="BL9" s="395">
        <v>41248620</v>
      </c>
      <c r="BM9" s="395">
        <v>36041690</v>
      </c>
      <c r="BN9" s="395">
        <v>22270864</v>
      </c>
      <c r="BO9" s="393">
        <v>197031671</v>
      </c>
      <c r="BP9" s="392">
        <v>226464954</v>
      </c>
      <c r="BQ9" s="396">
        <v>34248622</v>
      </c>
      <c r="BR9" s="395">
        <v>42607643</v>
      </c>
      <c r="BS9" s="393">
        <v>76856265</v>
      </c>
      <c r="BT9" s="394">
        <v>0</v>
      </c>
      <c r="BU9" s="395">
        <v>244286236</v>
      </c>
      <c r="BV9" s="395">
        <v>296479577</v>
      </c>
      <c r="BW9" s="395">
        <v>273296101</v>
      </c>
      <c r="BX9" s="395">
        <v>272829398</v>
      </c>
      <c r="BY9" s="395">
        <v>209875082</v>
      </c>
      <c r="BZ9" s="393">
        <v>1296766394</v>
      </c>
      <c r="CA9" s="392">
        <v>1373622659</v>
      </c>
      <c r="CB9" s="396">
        <v>37298133</v>
      </c>
      <c r="CC9" s="395">
        <v>109092879</v>
      </c>
      <c r="CD9" s="393">
        <v>146391012</v>
      </c>
      <c r="CE9" s="394">
        <v>0</v>
      </c>
      <c r="CF9" s="395">
        <v>1320005545</v>
      </c>
      <c r="CG9" s="395">
        <v>1721947602</v>
      </c>
      <c r="CH9" s="399">
        <v>1230614642</v>
      </c>
      <c r="CI9" s="395">
        <v>837014006</v>
      </c>
      <c r="CJ9" s="395">
        <v>413576029</v>
      </c>
      <c r="CK9" s="393">
        <v>5523157824</v>
      </c>
      <c r="CL9" s="392">
        <v>5669548836</v>
      </c>
      <c r="CM9" s="387">
        <v>0</v>
      </c>
      <c r="CN9" s="388">
        <v>68012</v>
      </c>
      <c r="CO9" s="393">
        <v>68012</v>
      </c>
      <c r="CP9" s="394">
        <v>0</v>
      </c>
      <c r="CQ9" s="395">
        <v>1115298986</v>
      </c>
      <c r="CR9" s="395">
        <v>1339279539</v>
      </c>
      <c r="CS9" s="395">
        <v>961480163</v>
      </c>
      <c r="CT9" s="395">
        <v>639538130</v>
      </c>
      <c r="CU9" s="395">
        <v>331202208</v>
      </c>
      <c r="CV9" s="400">
        <v>4386799026</v>
      </c>
      <c r="CW9" s="392">
        <v>4386867038</v>
      </c>
      <c r="CX9" s="396">
        <v>37298133</v>
      </c>
      <c r="CY9" s="395">
        <v>109024867</v>
      </c>
      <c r="CZ9" s="393">
        <v>146323000</v>
      </c>
      <c r="DA9" s="394">
        <v>0</v>
      </c>
      <c r="DB9" s="395">
        <v>204706559</v>
      </c>
      <c r="DC9" s="395">
        <v>382668063</v>
      </c>
      <c r="DD9" s="395">
        <v>269134479</v>
      </c>
      <c r="DE9" s="395">
        <v>197475876</v>
      </c>
      <c r="DF9" s="395">
        <v>82373821</v>
      </c>
      <c r="DG9" s="393">
        <v>1136358798</v>
      </c>
      <c r="DH9" s="392">
        <v>1282681798</v>
      </c>
      <c r="DI9" s="396">
        <v>1709400</v>
      </c>
      <c r="DJ9" s="395">
        <v>8557642</v>
      </c>
      <c r="DK9" s="398">
        <v>10267042</v>
      </c>
      <c r="DL9" s="394">
        <v>0</v>
      </c>
      <c r="DM9" s="395">
        <v>125119680</v>
      </c>
      <c r="DN9" s="395">
        <v>277971049</v>
      </c>
      <c r="DO9" s="395">
        <v>520080329</v>
      </c>
      <c r="DP9" s="395">
        <v>428693336</v>
      </c>
      <c r="DQ9" s="395">
        <v>240973693</v>
      </c>
      <c r="DR9" s="401">
        <v>1592838087</v>
      </c>
      <c r="DS9" s="392">
        <v>1603105129</v>
      </c>
      <c r="DT9" s="396">
        <v>1607697</v>
      </c>
      <c r="DU9" s="395">
        <v>7946632</v>
      </c>
      <c r="DV9" s="393">
        <v>9554329</v>
      </c>
      <c r="DW9" s="394">
        <v>0</v>
      </c>
      <c r="DX9" s="395">
        <v>114454438</v>
      </c>
      <c r="DY9" s="395">
        <v>245395744</v>
      </c>
      <c r="DZ9" s="395">
        <v>472553382</v>
      </c>
      <c r="EA9" s="395">
        <v>383203695</v>
      </c>
      <c r="EB9" s="395">
        <v>209646065</v>
      </c>
      <c r="EC9" s="393">
        <v>1425253324</v>
      </c>
      <c r="ED9" s="392">
        <v>1434807653</v>
      </c>
      <c r="EE9" s="396">
        <v>101703</v>
      </c>
      <c r="EF9" s="391">
        <v>611010</v>
      </c>
      <c r="EG9" s="393">
        <v>712713</v>
      </c>
      <c r="EH9" s="397">
        <v>0</v>
      </c>
      <c r="EI9" s="395">
        <v>10665242</v>
      </c>
      <c r="EJ9" s="395">
        <v>32575305</v>
      </c>
      <c r="EK9" s="395">
        <v>47526947</v>
      </c>
      <c r="EL9" s="395">
        <v>45489641</v>
      </c>
      <c r="EM9" s="399">
        <v>31327628</v>
      </c>
      <c r="EN9" s="391">
        <v>167584763</v>
      </c>
      <c r="EO9" s="392">
        <v>168297476</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84352764</v>
      </c>
      <c r="FM9" s="395">
        <v>175375589</v>
      </c>
      <c r="FN9" s="393">
        <v>259728353</v>
      </c>
      <c r="FO9" s="394">
        <v>0</v>
      </c>
      <c r="FP9" s="395">
        <v>243124613</v>
      </c>
      <c r="FQ9" s="395">
        <v>618556980</v>
      </c>
      <c r="FR9" s="395">
        <v>447644410</v>
      </c>
      <c r="FS9" s="395">
        <v>408202589</v>
      </c>
      <c r="FT9" s="395">
        <v>302981078</v>
      </c>
      <c r="FU9" s="393">
        <v>2020509670</v>
      </c>
      <c r="FV9" s="392">
        <v>2280238023</v>
      </c>
      <c r="FW9" s="396">
        <v>52109670</v>
      </c>
      <c r="FX9" s="395">
        <v>141417846</v>
      </c>
      <c r="FY9" s="391">
        <v>193527516</v>
      </c>
      <c r="FZ9" s="397">
        <v>0</v>
      </c>
      <c r="GA9" s="395">
        <v>196795751</v>
      </c>
      <c r="GB9" s="403">
        <v>582766074</v>
      </c>
      <c r="GC9" s="395">
        <v>425012787</v>
      </c>
      <c r="GD9" s="403">
        <v>388749030</v>
      </c>
      <c r="GE9" s="395">
        <v>295056860</v>
      </c>
      <c r="GF9" s="400">
        <v>1888380502</v>
      </c>
      <c r="GG9" s="404">
        <v>2081908018</v>
      </c>
      <c r="GH9" s="405">
        <v>4329355</v>
      </c>
      <c r="GI9" s="395">
        <v>7104899</v>
      </c>
      <c r="GJ9" s="403">
        <v>11434254</v>
      </c>
      <c r="GK9" s="390">
        <v>0</v>
      </c>
      <c r="GL9" s="395">
        <v>12819565</v>
      </c>
      <c r="GM9" s="391">
        <v>13173653</v>
      </c>
      <c r="GN9" s="395">
        <v>9492398</v>
      </c>
      <c r="GO9" s="391">
        <v>8092835</v>
      </c>
      <c r="GP9" s="395">
        <v>3934548</v>
      </c>
      <c r="GQ9" s="401">
        <v>47512999</v>
      </c>
      <c r="GR9" s="392">
        <v>58947253</v>
      </c>
      <c r="GS9" s="391">
        <v>27913739</v>
      </c>
      <c r="GT9" s="395">
        <v>26852844</v>
      </c>
      <c r="GU9" s="393">
        <v>54766583</v>
      </c>
      <c r="GV9" s="391">
        <v>0</v>
      </c>
      <c r="GW9" s="395">
        <v>33509297</v>
      </c>
      <c r="GX9" s="391">
        <v>22617253</v>
      </c>
      <c r="GY9" s="395">
        <v>13139225</v>
      </c>
      <c r="GZ9" s="391">
        <v>11360724</v>
      </c>
      <c r="HA9" s="395">
        <v>3989670</v>
      </c>
      <c r="HB9" s="391">
        <v>84616169</v>
      </c>
      <c r="HC9" s="392">
        <v>139382752</v>
      </c>
      <c r="HD9" s="391">
        <v>90476380</v>
      </c>
      <c r="HE9" s="395">
        <v>115409507</v>
      </c>
      <c r="HF9" s="391">
        <v>205885887</v>
      </c>
      <c r="HG9" s="397">
        <v>0</v>
      </c>
      <c r="HH9" s="395">
        <v>926116933</v>
      </c>
      <c r="HI9" s="403">
        <v>929373680</v>
      </c>
      <c r="HJ9" s="395">
        <v>912391518</v>
      </c>
      <c r="HK9" s="403">
        <v>1159263844</v>
      </c>
      <c r="HL9" s="395">
        <v>730048243</v>
      </c>
      <c r="HM9" s="400">
        <v>4657194218</v>
      </c>
      <c r="HN9" s="391">
        <v>4863080105</v>
      </c>
      <c r="HO9" s="405">
        <v>69547823</v>
      </c>
      <c r="HP9" s="395">
        <v>135710726</v>
      </c>
      <c r="HQ9" s="400">
        <v>205258549</v>
      </c>
      <c r="HR9" s="391">
        <v>0</v>
      </c>
      <c r="HS9" s="395">
        <v>837843867</v>
      </c>
      <c r="HT9" s="391">
        <v>888596061</v>
      </c>
      <c r="HU9" s="395">
        <v>588982672</v>
      </c>
      <c r="HV9" s="391">
        <v>411652774</v>
      </c>
      <c r="HW9" s="395">
        <v>247973656</v>
      </c>
      <c r="HX9" s="391">
        <v>2975049030</v>
      </c>
      <c r="HY9" s="392">
        <v>3180307579</v>
      </c>
      <c r="HZ9" s="406">
        <v>9519373</v>
      </c>
      <c r="IA9" s="407">
        <v>32456034</v>
      </c>
      <c r="IB9" s="408">
        <v>41975407</v>
      </c>
      <c r="IC9" s="409">
        <v>0</v>
      </c>
      <c r="ID9" s="407">
        <v>1511049083</v>
      </c>
      <c r="IE9" s="410">
        <v>2013721291</v>
      </c>
      <c r="IF9" s="411">
        <v>2165448785</v>
      </c>
      <c r="IG9" s="407">
        <v>1622597673</v>
      </c>
      <c r="IH9" s="411">
        <v>1192474444</v>
      </c>
      <c r="II9" s="412">
        <v>8505291276</v>
      </c>
      <c r="IJ9" s="413">
        <v>8547266683</v>
      </c>
      <c r="IK9" s="414">
        <v>0</v>
      </c>
      <c r="IL9" s="415">
        <v>0</v>
      </c>
      <c r="IM9" s="416">
        <v>0</v>
      </c>
      <c r="IN9" s="417"/>
      <c r="IO9" s="418">
        <v>25381349</v>
      </c>
      <c r="IP9" s="418">
        <v>45601252</v>
      </c>
      <c r="IQ9" s="418">
        <v>71488169</v>
      </c>
      <c r="IR9" s="418">
        <v>96051747</v>
      </c>
      <c r="IS9" s="418">
        <v>109477026</v>
      </c>
      <c r="IT9" s="419">
        <v>347999543</v>
      </c>
      <c r="IU9" s="420">
        <v>347999543</v>
      </c>
      <c r="IV9" s="421">
        <v>0</v>
      </c>
      <c r="IW9" s="418">
        <v>0</v>
      </c>
      <c r="IX9" s="422">
        <v>0</v>
      </c>
      <c r="IY9" s="423"/>
      <c r="IZ9" s="418">
        <v>4044059</v>
      </c>
      <c r="JA9" s="418">
        <v>10743035</v>
      </c>
      <c r="JB9" s="418">
        <v>11249558</v>
      </c>
      <c r="JC9" s="418">
        <v>14134227</v>
      </c>
      <c r="JD9" s="418">
        <v>17917850</v>
      </c>
      <c r="JE9" s="422">
        <v>58088729</v>
      </c>
      <c r="JF9" s="424">
        <v>58088729</v>
      </c>
      <c r="JG9" s="421">
        <v>0</v>
      </c>
      <c r="JH9" s="418">
        <v>0</v>
      </c>
      <c r="JI9" s="419">
        <v>0</v>
      </c>
      <c r="JJ9" s="425">
        <v>0</v>
      </c>
      <c r="JK9" s="418">
        <v>587386312</v>
      </c>
      <c r="JL9" s="418">
        <v>684167096</v>
      </c>
      <c r="JM9" s="418">
        <v>531706996</v>
      </c>
      <c r="JN9" s="418">
        <v>326220636</v>
      </c>
      <c r="JO9" s="418">
        <v>167247911</v>
      </c>
      <c r="JP9" s="422">
        <v>2296728951</v>
      </c>
      <c r="JQ9" s="420">
        <v>2296728951</v>
      </c>
      <c r="JR9" s="421">
        <v>273952</v>
      </c>
      <c r="JS9" s="418">
        <v>339560</v>
      </c>
      <c r="JT9" s="419">
        <v>613512</v>
      </c>
      <c r="JU9" s="425">
        <v>0</v>
      </c>
      <c r="JV9" s="418">
        <v>65949918</v>
      </c>
      <c r="JW9" s="418">
        <v>98259460</v>
      </c>
      <c r="JX9" s="418">
        <v>143640402</v>
      </c>
      <c r="JY9" s="418">
        <v>87061650</v>
      </c>
      <c r="JZ9" s="418">
        <v>68708944</v>
      </c>
      <c r="KA9" s="422">
        <v>463620374</v>
      </c>
      <c r="KB9" s="420">
        <v>464233886</v>
      </c>
      <c r="KC9" s="426">
        <v>9245421</v>
      </c>
      <c r="KD9" s="427">
        <v>23853384</v>
      </c>
      <c r="KE9" s="422">
        <v>33098805</v>
      </c>
      <c r="KF9" s="425">
        <v>0</v>
      </c>
      <c r="KG9" s="418">
        <v>185456084</v>
      </c>
      <c r="KH9" s="418">
        <v>302105375</v>
      </c>
      <c r="KI9" s="418">
        <v>359366858</v>
      </c>
      <c r="KJ9" s="418">
        <v>275212947</v>
      </c>
      <c r="KK9" s="418">
        <v>162848886</v>
      </c>
      <c r="KL9" s="422">
        <v>1284990150</v>
      </c>
      <c r="KM9" s="428">
        <v>1318088955</v>
      </c>
      <c r="KN9" s="414">
        <v>0</v>
      </c>
      <c r="KO9" s="415">
        <v>8263090</v>
      </c>
      <c r="KP9" s="416">
        <v>8263090</v>
      </c>
      <c r="KQ9" s="417"/>
      <c r="KR9" s="418">
        <v>602099380</v>
      </c>
      <c r="KS9" s="418">
        <v>790182061</v>
      </c>
      <c r="KT9" s="418">
        <v>894427721</v>
      </c>
      <c r="KU9" s="418">
        <v>606168878</v>
      </c>
      <c r="KV9" s="418">
        <v>436572005</v>
      </c>
      <c r="KW9" s="422">
        <v>3329450045</v>
      </c>
      <c r="KX9" s="420">
        <v>3337713135</v>
      </c>
      <c r="KY9" s="421">
        <v>0</v>
      </c>
      <c r="KZ9" s="418">
        <v>0</v>
      </c>
      <c r="LA9" s="422">
        <v>0</v>
      </c>
      <c r="LB9" s="429"/>
      <c r="LC9" s="418">
        <v>5660660</v>
      </c>
      <c r="LD9" s="418">
        <v>8518172</v>
      </c>
      <c r="LE9" s="418">
        <v>11795003</v>
      </c>
      <c r="LF9" s="418">
        <v>13630121</v>
      </c>
      <c r="LG9" s="418">
        <v>11851785</v>
      </c>
      <c r="LH9" s="422">
        <v>51455741</v>
      </c>
      <c r="LI9" s="424">
        <v>51455741</v>
      </c>
      <c r="LJ9" s="421">
        <v>0</v>
      </c>
      <c r="LK9" s="418">
        <v>0</v>
      </c>
      <c r="LL9" s="422">
        <v>0</v>
      </c>
      <c r="LM9" s="429"/>
      <c r="LN9" s="418">
        <v>2086550</v>
      </c>
      <c r="LO9" s="418">
        <v>6553030</v>
      </c>
      <c r="LP9" s="418">
        <v>54187248</v>
      </c>
      <c r="LQ9" s="418">
        <v>88201625</v>
      </c>
      <c r="LR9" s="418">
        <v>61559231</v>
      </c>
      <c r="LS9" s="422">
        <v>212587684</v>
      </c>
      <c r="LT9" s="420">
        <v>212587684</v>
      </c>
      <c r="LU9" s="421">
        <v>0</v>
      </c>
      <c r="LV9" s="418">
        <v>0</v>
      </c>
      <c r="LW9" s="422">
        <v>0</v>
      </c>
      <c r="LX9" s="429"/>
      <c r="LY9" s="418">
        <v>32984771</v>
      </c>
      <c r="LZ9" s="418">
        <v>67591810</v>
      </c>
      <c r="MA9" s="418">
        <v>87586830</v>
      </c>
      <c r="MB9" s="418">
        <v>115915842</v>
      </c>
      <c r="MC9" s="418">
        <v>156290806</v>
      </c>
      <c r="MD9" s="422">
        <v>460370059</v>
      </c>
      <c r="ME9" s="424">
        <v>460370059</v>
      </c>
      <c r="MF9" s="421">
        <v>0</v>
      </c>
      <c r="MG9" s="418">
        <v>0</v>
      </c>
      <c r="MH9" s="422">
        <v>0</v>
      </c>
      <c r="MI9" s="429"/>
      <c r="MJ9" s="418">
        <v>491296835</v>
      </c>
      <c r="MK9" s="418">
        <v>1224597851</v>
      </c>
      <c r="ML9" s="418">
        <v>3650921286</v>
      </c>
      <c r="MM9" s="418">
        <v>5492977222</v>
      </c>
      <c r="MN9" s="418">
        <v>3904685727</v>
      </c>
      <c r="MO9" s="422">
        <v>14764478921</v>
      </c>
      <c r="MP9" s="428">
        <v>14764478921</v>
      </c>
      <c r="MQ9" s="421">
        <v>0</v>
      </c>
      <c r="MR9" s="418">
        <v>0</v>
      </c>
      <c r="MS9" s="422">
        <v>0</v>
      </c>
      <c r="MT9" s="429"/>
      <c r="MU9" s="418">
        <v>88801622</v>
      </c>
      <c r="MV9" s="418">
        <v>324407427</v>
      </c>
      <c r="MW9" s="418">
        <v>2311762181</v>
      </c>
      <c r="MX9" s="418">
        <v>3709193579</v>
      </c>
      <c r="MY9" s="418">
        <v>2774494199</v>
      </c>
      <c r="MZ9" s="422">
        <v>9208659008</v>
      </c>
      <c r="NA9" s="428">
        <v>9208659008</v>
      </c>
      <c r="NB9" s="421">
        <v>0</v>
      </c>
      <c r="NC9" s="418">
        <v>0</v>
      </c>
      <c r="ND9" s="422">
        <v>0</v>
      </c>
      <c r="NE9" s="429"/>
      <c r="NF9" s="418">
        <v>399872306</v>
      </c>
      <c r="NG9" s="418">
        <v>893253624</v>
      </c>
      <c r="NH9" s="418">
        <v>1317908371</v>
      </c>
      <c r="NI9" s="418">
        <v>1635924414</v>
      </c>
      <c r="NJ9" s="418">
        <v>905269380</v>
      </c>
      <c r="NK9" s="422">
        <v>5152228095</v>
      </c>
      <c r="NL9" s="420">
        <v>5152228095</v>
      </c>
      <c r="NM9" s="421">
        <v>0</v>
      </c>
      <c r="NN9" s="418">
        <v>0</v>
      </c>
      <c r="NO9" s="422">
        <v>0</v>
      </c>
      <c r="NP9" s="429"/>
      <c r="NQ9" s="418">
        <v>0</v>
      </c>
      <c r="NR9" s="418">
        <v>0</v>
      </c>
      <c r="NS9" s="418">
        <v>3440264</v>
      </c>
      <c r="NT9" s="418">
        <v>42241968</v>
      </c>
      <c r="NU9" s="418">
        <v>63028887</v>
      </c>
      <c r="NV9" s="422">
        <v>108711119</v>
      </c>
      <c r="NW9" s="424">
        <v>108711119</v>
      </c>
      <c r="NX9" s="421">
        <v>0</v>
      </c>
      <c r="NY9" s="418">
        <v>0</v>
      </c>
      <c r="NZ9" s="422">
        <v>0</v>
      </c>
      <c r="OA9" s="429"/>
      <c r="OB9" s="418">
        <v>2622907</v>
      </c>
      <c r="OC9" s="418">
        <v>6936800</v>
      </c>
      <c r="OD9" s="418">
        <v>17810470</v>
      </c>
      <c r="OE9" s="418">
        <v>105617261</v>
      </c>
      <c r="OF9" s="418">
        <v>161893261</v>
      </c>
      <c r="OG9" s="422">
        <v>294880699</v>
      </c>
      <c r="OH9" s="424">
        <v>294880699</v>
      </c>
      <c r="OI9" s="421">
        <v>381655278</v>
      </c>
      <c r="OJ9" s="418">
        <v>795979491</v>
      </c>
      <c r="OK9" s="419">
        <v>1177634769</v>
      </c>
      <c r="OL9" s="425">
        <v>0</v>
      </c>
      <c r="OM9" s="418">
        <v>6821499835</v>
      </c>
      <c r="ON9" s="418">
        <v>9772408366</v>
      </c>
      <c r="OO9" s="418">
        <v>11339914439</v>
      </c>
      <c r="OP9" s="418">
        <v>12357451130</v>
      </c>
      <c r="OQ9" s="418">
        <v>9048172208</v>
      </c>
      <c r="OR9" s="422">
        <v>49339445978</v>
      </c>
      <c r="OS9" s="428">
        <v>50517080747</v>
      </c>
    </row>
    <row r="10" spans="1:409" s="430" customFormat="1" ht="21" customHeight="1" x14ac:dyDescent="0.2">
      <c r="A10" s="44"/>
      <c r="B10" s="431" t="s">
        <v>5</v>
      </c>
      <c r="C10" s="432">
        <v>142827677</v>
      </c>
      <c r="D10" s="433">
        <v>344875960</v>
      </c>
      <c r="E10" s="434">
        <v>487703637</v>
      </c>
      <c r="F10" s="435">
        <v>0</v>
      </c>
      <c r="G10" s="433">
        <v>1688112593</v>
      </c>
      <c r="H10" s="433">
        <v>2932664130</v>
      </c>
      <c r="I10" s="433">
        <v>2269932042</v>
      </c>
      <c r="J10" s="433">
        <v>2111489526</v>
      </c>
      <c r="K10" s="433">
        <v>1622131989</v>
      </c>
      <c r="L10" s="435">
        <v>10624330280</v>
      </c>
      <c r="M10" s="436">
        <v>11112033917</v>
      </c>
      <c r="N10" s="432">
        <v>39488256</v>
      </c>
      <c r="O10" s="433">
        <v>115605625</v>
      </c>
      <c r="P10" s="434">
        <v>155093881</v>
      </c>
      <c r="Q10" s="432">
        <v>0</v>
      </c>
      <c r="R10" s="433">
        <v>501177456</v>
      </c>
      <c r="S10" s="433">
        <v>989901327</v>
      </c>
      <c r="T10" s="433">
        <v>759652263</v>
      </c>
      <c r="U10" s="433">
        <v>793046565</v>
      </c>
      <c r="V10" s="433">
        <v>825488706</v>
      </c>
      <c r="W10" s="434">
        <v>3869266317</v>
      </c>
      <c r="X10" s="436">
        <v>4024360198</v>
      </c>
      <c r="Y10" s="432">
        <v>0</v>
      </c>
      <c r="Z10" s="433">
        <v>0</v>
      </c>
      <c r="AA10" s="434">
        <v>0</v>
      </c>
      <c r="AB10" s="432">
        <v>0</v>
      </c>
      <c r="AC10" s="433">
        <v>232159173</v>
      </c>
      <c r="AD10" s="433">
        <v>469866975</v>
      </c>
      <c r="AE10" s="433">
        <v>390426982</v>
      </c>
      <c r="AF10" s="433">
        <v>423374209</v>
      </c>
      <c r="AG10" s="433">
        <v>454553773</v>
      </c>
      <c r="AH10" s="434">
        <v>1970381112</v>
      </c>
      <c r="AI10" s="436">
        <v>1970381112</v>
      </c>
      <c r="AJ10" s="432">
        <v>49408</v>
      </c>
      <c r="AK10" s="433">
        <v>111007</v>
      </c>
      <c r="AL10" s="434">
        <v>160415</v>
      </c>
      <c r="AM10" s="432">
        <v>0</v>
      </c>
      <c r="AN10" s="433">
        <v>1044538</v>
      </c>
      <c r="AO10" s="433">
        <v>8447588</v>
      </c>
      <c r="AP10" s="433">
        <v>18555170</v>
      </c>
      <c r="AQ10" s="433">
        <v>46028043</v>
      </c>
      <c r="AR10" s="433">
        <v>97319726</v>
      </c>
      <c r="AS10" s="434">
        <v>171395065</v>
      </c>
      <c r="AT10" s="436">
        <v>171555480</v>
      </c>
      <c r="AU10" s="432">
        <v>21943295</v>
      </c>
      <c r="AV10" s="433">
        <v>81797396</v>
      </c>
      <c r="AW10" s="434">
        <v>103740691</v>
      </c>
      <c r="AX10" s="432">
        <v>0</v>
      </c>
      <c r="AY10" s="433">
        <v>164157536</v>
      </c>
      <c r="AZ10" s="433">
        <v>354603512</v>
      </c>
      <c r="BA10" s="433">
        <v>219918208</v>
      </c>
      <c r="BB10" s="433">
        <v>195046534</v>
      </c>
      <c r="BC10" s="433">
        <v>176915876</v>
      </c>
      <c r="BD10" s="434">
        <v>1110641666</v>
      </c>
      <c r="BE10" s="436">
        <v>1214382357</v>
      </c>
      <c r="BF10" s="432">
        <v>2740286</v>
      </c>
      <c r="BG10" s="433">
        <v>12711373</v>
      </c>
      <c r="BH10" s="437">
        <v>15451659</v>
      </c>
      <c r="BI10" s="438">
        <v>0</v>
      </c>
      <c r="BJ10" s="433">
        <v>9512877</v>
      </c>
      <c r="BK10" s="433">
        <v>24573321</v>
      </c>
      <c r="BL10" s="433">
        <v>17679007</v>
      </c>
      <c r="BM10" s="433">
        <v>15697893</v>
      </c>
      <c r="BN10" s="433">
        <v>8675865</v>
      </c>
      <c r="BO10" s="434">
        <v>76138963</v>
      </c>
      <c r="BP10" s="436">
        <v>91590622</v>
      </c>
      <c r="BQ10" s="432">
        <v>14755267</v>
      </c>
      <c r="BR10" s="433">
        <v>20985849</v>
      </c>
      <c r="BS10" s="434">
        <v>35741116</v>
      </c>
      <c r="BT10" s="432">
        <v>0</v>
      </c>
      <c r="BU10" s="433">
        <v>94303332</v>
      </c>
      <c r="BV10" s="433">
        <v>132409931</v>
      </c>
      <c r="BW10" s="433">
        <v>113072896</v>
      </c>
      <c r="BX10" s="433">
        <v>112899886</v>
      </c>
      <c r="BY10" s="433">
        <v>88023466</v>
      </c>
      <c r="BZ10" s="434">
        <v>540709511</v>
      </c>
      <c r="CA10" s="436">
        <v>576450627</v>
      </c>
      <c r="CB10" s="432">
        <v>16462914</v>
      </c>
      <c r="CC10" s="433">
        <v>49287521</v>
      </c>
      <c r="CD10" s="434">
        <v>65750435</v>
      </c>
      <c r="CE10" s="432">
        <v>0</v>
      </c>
      <c r="CF10" s="433">
        <v>424977764</v>
      </c>
      <c r="CG10" s="433">
        <v>713400962</v>
      </c>
      <c r="CH10" s="433">
        <v>464004865</v>
      </c>
      <c r="CI10" s="433">
        <v>297438647</v>
      </c>
      <c r="CJ10" s="433">
        <v>151810394</v>
      </c>
      <c r="CK10" s="434">
        <v>2051632632</v>
      </c>
      <c r="CL10" s="436">
        <v>2117383067</v>
      </c>
      <c r="CM10" s="432">
        <v>0</v>
      </c>
      <c r="CN10" s="433">
        <v>0</v>
      </c>
      <c r="CO10" s="434">
        <v>0</v>
      </c>
      <c r="CP10" s="438">
        <v>0</v>
      </c>
      <c r="CQ10" s="433">
        <v>363247407</v>
      </c>
      <c r="CR10" s="433">
        <v>540235922</v>
      </c>
      <c r="CS10" s="433">
        <v>344838645</v>
      </c>
      <c r="CT10" s="433">
        <v>212071495</v>
      </c>
      <c r="CU10" s="433">
        <v>113806068</v>
      </c>
      <c r="CV10" s="434">
        <v>1574199537</v>
      </c>
      <c r="CW10" s="436">
        <v>1574199537</v>
      </c>
      <c r="CX10" s="432">
        <v>16462914</v>
      </c>
      <c r="CY10" s="433">
        <v>49287521</v>
      </c>
      <c r="CZ10" s="434">
        <v>65750435</v>
      </c>
      <c r="DA10" s="432">
        <v>0</v>
      </c>
      <c r="DB10" s="433">
        <v>61730357</v>
      </c>
      <c r="DC10" s="433">
        <v>173165040</v>
      </c>
      <c r="DD10" s="433">
        <v>119166220</v>
      </c>
      <c r="DE10" s="433">
        <v>85367152</v>
      </c>
      <c r="DF10" s="433">
        <v>38004326</v>
      </c>
      <c r="DG10" s="434">
        <v>477433095</v>
      </c>
      <c r="DH10" s="436">
        <v>543183530</v>
      </c>
      <c r="DI10" s="432">
        <v>518825</v>
      </c>
      <c r="DJ10" s="433">
        <v>3632076</v>
      </c>
      <c r="DK10" s="437">
        <v>4150901</v>
      </c>
      <c r="DL10" s="438">
        <v>0</v>
      </c>
      <c r="DM10" s="433">
        <v>38399657</v>
      </c>
      <c r="DN10" s="433">
        <v>115179675</v>
      </c>
      <c r="DO10" s="433">
        <v>215268874</v>
      </c>
      <c r="DP10" s="433">
        <v>171985500</v>
      </c>
      <c r="DQ10" s="433">
        <v>101990602</v>
      </c>
      <c r="DR10" s="434">
        <v>642824308</v>
      </c>
      <c r="DS10" s="436">
        <v>646975209</v>
      </c>
      <c r="DT10" s="432">
        <v>469268</v>
      </c>
      <c r="DU10" s="433">
        <v>3206124</v>
      </c>
      <c r="DV10" s="434">
        <v>3675392</v>
      </c>
      <c r="DW10" s="432">
        <v>0</v>
      </c>
      <c r="DX10" s="433">
        <v>33475972</v>
      </c>
      <c r="DY10" s="433">
        <v>95121418</v>
      </c>
      <c r="DZ10" s="433">
        <v>187066919</v>
      </c>
      <c r="EA10" s="433">
        <v>145685898</v>
      </c>
      <c r="EB10" s="433">
        <v>81700521</v>
      </c>
      <c r="EC10" s="434">
        <v>543050728</v>
      </c>
      <c r="ED10" s="436">
        <v>546726120</v>
      </c>
      <c r="EE10" s="432">
        <v>49557</v>
      </c>
      <c r="EF10" s="437">
        <v>425952</v>
      </c>
      <c r="EG10" s="434">
        <v>475509</v>
      </c>
      <c r="EH10" s="432">
        <v>0</v>
      </c>
      <c r="EI10" s="433">
        <v>4923685</v>
      </c>
      <c r="EJ10" s="433">
        <v>20058257</v>
      </c>
      <c r="EK10" s="433">
        <v>28201955</v>
      </c>
      <c r="EL10" s="433">
        <v>26299602</v>
      </c>
      <c r="EM10" s="433">
        <v>20290081</v>
      </c>
      <c r="EN10" s="437">
        <v>99773580</v>
      </c>
      <c r="EO10" s="436">
        <v>100249089</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21643468</v>
      </c>
      <c r="FM10" s="433">
        <v>64666096</v>
      </c>
      <c r="FN10" s="434">
        <v>86309564</v>
      </c>
      <c r="FO10" s="432">
        <v>0</v>
      </c>
      <c r="FP10" s="433">
        <v>58481510</v>
      </c>
      <c r="FQ10" s="433">
        <v>256469673</v>
      </c>
      <c r="FR10" s="433">
        <v>175032535</v>
      </c>
      <c r="FS10" s="433">
        <v>152912943</v>
      </c>
      <c r="FT10" s="433">
        <v>120791062</v>
      </c>
      <c r="FU10" s="434">
        <v>763687723</v>
      </c>
      <c r="FV10" s="436">
        <v>849997287</v>
      </c>
      <c r="FW10" s="440">
        <v>16455770</v>
      </c>
      <c r="FX10" s="433">
        <v>58475184</v>
      </c>
      <c r="FY10" s="437">
        <v>74930954</v>
      </c>
      <c r="FZ10" s="438">
        <v>0</v>
      </c>
      <c r="GA10" s="433">
        <v>53224772</v>
      </c>
      <c r="GB10" s="433">
        <v>251845301</v>
      </c>
      <c r="GC10" s="433">
        <v>170660572</v>
      </c>
      <c r="GD10" s="433">
        <v>150094238</v>
      </c>
      <c r="GE10" s="433">
        <v>119486178</v>
      </c>
      <c r="GF10" s="434">
        <v>745311061</v>
      </c>
      <c r="GG10" s="441">
        <v>820242015</v>
      </c>
      <c r="GH10" s="440">
        <v>550824</v>
      </c>
      <c r="GI10" s="433">
        <v>1226953</v>
      </c>
      <c r="GJ10" s="437">
        <v>1777777</v>
      </c>
      <c r="GK10" s="438">
        <v>0</v>
      </c>
      <c r="GL10" s="433">
        <v>1635368</v>
      </c>
      <c r="GM10" s="433">
        <v>2394417</v>
      </c>
      <c r="GN10" s="433">
        <v>1698325</v>
      </c>
      <c r="GO10" s="433">
        <v>1506720</v>
      </c>
      <c r="GP10" s="433">
        <v>1087014</v>
      </c>
      <c r="GQ10" s="434">
        <v>8321844</v>
      </c>
      <c r="GR10" s="436">
        <v>10099621</v>
      </c>
      <c r="GS10" s="432">
        <v>4636874</v>
      </c>
      <c r="GT10" s="433">
        <v>4963959</v>
      </c>
      <c r="GU10" s="434">
        <v>9600833</v>
      </c>
      <c r="GV10" s="432">
        <v>0</v>
      </c>
      <c r="GW10" s="433">
        <v>3621370</v>
      </c>
      <c r="GX10" s="433">
        <v>2229955</v>
      </c>
      <c r="GY10" s="433">
        <v>2673638</v>
      </c>
      <c r="GZ10" s="433">
        <v>1311985</v>
      </c>
      <c r="HA10" s="433">
        <v>217870</v>
      </c>
      <c r="HB10" s="437">
        <v>10054818</v>
      </c>
      <c r="HC10" s="436">
        <v>19655651</v>
      </c>
      <c r="HD10" s="432">
        <v>38925776</v>
      </c>
      <c r="HE10" s="433">
        <v>51123353</v>
      </c>
      <c r="HF10" s="437">
        <v>90049129</v>
      </c>
      <c r="HG10" s="438">
        <v>0</v>
      </c>
      <c r="HH10" s="433">
        <v>380206725</v>
      </c>
      <c r="HI10" s="433">
        <v>446458610</v>
      </c>
      <c r="HJ10" s="433">
        <v>405142239</v>
      </c>
      <c r="HK10" s="433">
        <v>525097646</v>
      </c>
      <c r="HL10" s="433">
        <v>317242932</v>
      </c>
      <c r="HM10" s="434">
        <v>2074148152</v>
      </c>
      <c r="HN10" s="435">
        <v>2164197281</v>
      </c>
      <c r="HO10" s="440">
        <v>25788438</v>
      </c>
      <c r="HP10" s="433">
        <v>60561289</v>
      </c>
      <c r="HQ10" s="434">
        <v>86349727</v>
      </c>
      <c r="HR10" s="432">
        <v>0</v>
      </c>
      <c r="HS10" s="433">
        <v>284869481</v>
      </c>
      <c r="HT10" s="433">
        <v>411253883</v>
      </c>
      <c r="HU10" s="433">
        <v>250831266</v>
      </c>
      <c r="HV10" s="433">
        <v>171008225</v>
      </c>
      <c r="HW10" s="433">
        <v>104808293</v>
      </c>
      <c r="HX10" s="437">
        <v>1222771148</v>
      </c>
      <c r="HY10" s="436">
        <v>1309120875</v>
      </c>
      <c r="HZ10" s="442">
        <v>3978039</v>
      </c>
      <c r="IA10" s="443">
        <v>11589155</v>
      </c>
      <c r="IB10" s="444">
        <v>15567194</v>
      </c>
      <c r="IC10" s="445">
        <v>0</v>
      </c>
      <c r="ID10" s="446">
        <v>591713840</v>
      </c>
      <c r="IE10" s="447">
        <v>900547616</v>
      </c>
      <c r="IF10" s="448">
        <v>926081312</v>
      </c>
      <c r="IG10" s="446">
        <v>680788747</v>
      </c>
      <c r="IH10" s="448">
        <v>542926561</v>
      </c>
      <c r="II10" s="449">
        <v>3642058076</v>
      </c>
      <c r="IJ10" s="450">
        <v>3657625270</v>
      </c>
      <c r="IK10" s="451">
        <v>0</v>
      </c>
      <c r="IL10" s="452">
        <v>0</v>
      </c>
      <c r="IM10" s="453">
        <v>0</v>
      </c>
      <c r="IN10" s="454"/>
      <c r="IO10" s="455">
        <v>10122385</v>
      </c>
      <c r="IP10" s="455">
        <v>20113266</v>
      </c>
      <c r="IQ10" s="455">
        <v>37874493</v>
      </c>
      <c r="IR10" s="455">
        <v>46518070</v>
      </c>
      <c r="IS10" s="455">
        <v>52529711</v>
      </c>
      <c r="IT10" s="456">
        <v>167157925</v>
      </c>
      <c r="IU10" s="457">
        <v>167157925</v>
      </c>
      <c r="IV10" s="458">
        <v>0</v>
      </c>
      <c r="IW10" s="455">
        <v>0</v>
      </c>
      <c r="IX10" s="459">
        <v>0</v>
      </c>
      <c r="IY10" s="460"/>
      <c r="IZ10" s="455">
        <v>2151498</v>
      </c>
      <c r="JA10" s="455">
        <v>8181265</v>
      </c>
      <c r="JB10" s="455">
        <v>8169813</v>
      </c>
      <c r="JC10" s="455">
        <v>10671370</v>
      </c>
      <c r="JD10" s="455">
        <v>13299500</v>
      </c>
      <c r="JE10" s="459">
        <v>42473446</v>
      </c>
      <c r="JF10" s="461">
        <v>42473446</v>
      </c>
      <c r="JG10" s="458">
        <v>0</v>
      </c>
      <c r="JH10" s="455">
        <v>0</v>
      </c>
      <c r="JI10" s="456">
        <v>0</v>
      </c>
      <c r="JJ10" s="462">
        <v>0</v>
      </c>
      <c r="JK10" s="455">
        <v>200673565</v>
      </c>
      <c r="JL10" s="455">
        <v>318846196</v>
      </c>
      <c r="JM10" s="455">
        <v>240768341</v>
      </c>
      <c r="JN10" s="455">
        <v>151456285</v>
      </c>
      <c r="JO10" s="455">
        <v>77610833</v>
      </c>
      <c r="JP10" s="459">
        <v>989355220</v>
      </c>
      <c r="JQ10" s="457">
        <v>989355220</v>
      </c>
      <c r="JR10" s="458">
        <v>122437</v>
      </c>
      <c r="JS10" s="455">
        <v>136401</v>
      </c>
      <c r="JT10" s="456">
        <v>258838</v>
      </c>
      <c r="JU10" s="462">
        <v>0</v>
      </c>
      <c r="JV10" s="455">
        <v>32049337</v>
      </c>
      <c r="JW10" s="455">
        <v>52016570</v>
      </c>
      <c r="JX10" s="455">
        <v>77172743</v>
      </c>
      <c r="JY10" s="455">
        <v>48961938</v>
      </c>
      <c r="JZ10" s="455">
        <v>39047679</v>
      </c>
      <c r="KA10" s="459">
        <v>249248267</v>
      </c>
      <c r="KB10" s="457">
        <v>249507105</v>
      </c>
      <c r="KC10" s="463">
        <v>3855602</v>
      </c>
      <c r="KD10" s="464">
        <v>8941440</v>
      </c>
      <c r="KE10" s="459">
        <v>12797042</v>
      </c>
      <c r="KF10" s="462">
        <v>0</v>
      </c>
      <c r="KG10" s="455">
        <v>69952488</v>
      </c>
      <c r="KH10" s="455">
        <v>135524145</v>
      </c>
      <c r="KI10" s="455">
        <v>151977656</v>
      </c>
      <c r="KJ10" s="455">
        <v>119247426</v>
      </c>
      <c r="KK10" s="455">
        <v>87018686</v>
      </c>
      <c r="KL10" s="459">
        <v>563720401</v>
      </c>
      <c r="KM10" s="465">
        <v>576517443</v>
      </c>
      <c r="KN10" s="451">
        <v>0</v>
      </c>
      <c r="KO10" s="452">
        <v>2511314</v>
      </c>
      <c r="KP10" s="453">
        <v>2511314</v>
      </c>
      <c r="KQ10" s="454"/>
      <c r="KR10" s="455">
        <v>269480163</v>
      </c>
      <c r="KS10" s="455">
        <v>350187964</v>
      </c>
      <c r="KT10" s="455">
        <v>383497029</v>
      </c>
      <c r="KU10" s="455">
        <v>260478248</v>
      </c>
      <c r="KV10" s="455">
        <v>202966367</v>
      </c>
      <c r="KW10" s="459">
        <v>1466609771</v>
      </c>
      <c r="KX10" s="457">
        <v>1469121085</v>
      </c>
      <c r="KY10" s="458">
        <v>0</v>
      </c>
      <c r="KZ10" s="455">
        <v>0</v>
      </c>
      <c r="LA10" s="459">
        <v>0</v>
      </c>
      <c r="LB10" s="466"/>
      <c r="LC10" s="455">
        <v>158419</v>
      </c>
      <c r="LD10" s="455">
        <v>0</v>
      </c>
      <c r="LE10" s="455">
        <v>992340</v>
      </c>
      <c r="LF10" s="455">
        <v>217465</v>
      </c>
      <c r="LG10" s="455">
        <v>1188195</v>
      </c>
      <c r="LH10" s="459">
        <v>2556419</v>
      </c>
      <c r="LI10" s="461">
        <v>2556419</v>
      </c>
      <c r="LJ10" s="458">
        <v>0</v>
      </c>
      <c r="LK10" s="455">
        <v>0</v>
      </c>
      <c r="LL10" s="459">
        <v>0</v>
      </c>
      <c r="LM10" s="466"/>
      <c r="LN10" s="455">
        <v>945615</v>
      </c>
      <c r="LO10" s="455">
        <v>2039755</v>
      </c>
      <c r="LP10" s="455">
        <v>3509217</v>
      </c>
      <c r="LQ10" s="455">
        <v>8548227</v>
      </c>
      <c r="LR10" s="455">
        <v>8025208</v>
      </c>
      <c r="LS10" s="459">
        <v>23068022</v>
      </c>
      <c r="LT10" s="457">
        <v>23068022</v>
      </c>
      <c r="LU10" s="458">
        <v>0</v>
      </c>
      <c r="LV10" s="455">
        <v>0</v>
      </c>
      <c r="LW10" s="459">
        <v>0</v>
      </c>
      <c r="LX10" s="466"/>
      <c r="LY10" s="455">
        <v>6180370</v>
      </c>
      <c r="LZ10" s="455">
        <v>13638455</v>
      </c>
      <c r="MA10" s="455">
        <v>22119680</v>
      </c>
      <c r="MB10" s="455">
        <v>34689718</v>
      </c>
      <c r="MC10" s="455">
        <v>61240382</v>
      </c>
      <c r="MD10" s="459">
        <v>137868605</v>
      </c>
      <c r="ME10" s="461">
        <v>137868605</v>
      </c>
      <c r="MF10" s="458">
        <v>0</v>
      </c>
      <c r="MG10" s="455">
        <v>0</v>
      </c>
      <c r="MH10" s="459">
        <v>0</v>
      </c>
      <c r="MI10" s="466"/>
      <c r="MJ10" s="455">
        <v>203931612</v>
      </c>
      <c r="MK10" s="455">
        <v>620818025</v>
      </c>
      <c r="ML10" s="455">
        <v>1591153869</v>
      </c>
      <c r="MM10" s="455">
        <v>2351753650</v>
      </c>
      <c r="MN10" s="455">
        <v>1718809066</v>
      </c>
      <c r="MO10" s="459">
        <v>6486466222</v>
      </c>
      <c r="MP10" s="465">
        <v>6486466222</v>
      </c>
      <c r="MQ10" s="458">
        <v>0</v>
      </c>
      <c r="MR10" s="455">
        <v>0</v>
      </c>
      <c r="MS10" s="459">
        <v>0</v>
      </c>
      <c r="MT10" s="466"/>
      <c r="MU10" s="455">
        <v>50564286</v>
      </c>
      <c r="MV10" s="455">
        <v>209004443</v>
      </c>
      <c r="MW10" s="455">
        <v>999216031</v>
      </c>
      <c r="MX10" s="455">
        <v>1561446309</v>
      </c>
      <c r="MY10" s="455">
        <v>1207344745</v>
      </c>
      <c r="MZ10" s="459">
        <v>4027575814</v>
      </c>
      <c r="NA10" s="465">
        <v>4027575814</v>
      </c>
      <c r="NB10" s="458">
        <v>0</v>
      </c>
      <c r="NC10" s="455">
        <v>0</v>
      </c>
      <c r="ND10" s="459">
        <v>0</v>
      </c>
      <c r="NE10" s="466"/>
      <c r="NF10" s="455">
        <v>152940253</v>
      </c>
      <c r="NG10" s="455">
        <v>410530487</v>
      </c>
      <c r="NH10" s="455">
        <v>587118404</v>
      </c>
      <c r="NI10" s="455">
        <v>743998091</v>
      </c>
      <c r="NJ10" s="455">
        <v>447721451</v>
      </c>
      <c r="NK10" s="459">
        <v>2342308686</v>
      </c>
      <c r="NL10" s="457">
        <v>2342308686</v>
      </c>
      <c r="NM10" s="458">
        <v>0</v>
      </c>
      <c r="NN10" s="455">
        <v>0</v>
      </c>
      <c r="NO10" s="459">
        <v>0</v>
      </c>
      <c r="NP10" s="466"/>
      <c r="NQ10" s="455">
        <v>0</v>
      </c>
      <c r="NR10" s="455">
        <v>0</v>
      </c>
      <c r="NS10" s="455">
        <v>591473</v>
      </c>
      <c r="NT10" s="455">
        <v>17009323</v>
      </c>
      <c r="NU10" s="455">
        <v>26499373</v>
      </c>
      <c r="NV10" s="459">
        <v>44100169</v>
      </c>
      <c r="NW10" s="461">
        <v>44100169</v>
      </c>
      <c r="NX10" s="458">
        <v>0</v>
      </c>
      <c r="NY10" s="455">
        <v>0</v>
      </c>
      <c r="NZ10" s="459">
        <v>0</v>
      </c>
      <c r="OA10" s="466"/>
      <c r="OB10" s="455">
        <v>427073</v>
      </c>
      <c r="OC10" s="455">
        <v>1283095</v>
      </c>
      <c r="OD10" s="455">
        <v>4227961</v>
      </c>
      <c r="OE10" s="455">
        <v>29299927</v>
      </c>
      <c r="OF10" s="455">
        <v>37243497</v>
      </c>
      <c r="OG10" s="459">
        <v>72481553</v>
      </c>
      <c r="OH10" s="461">
        <v>72481553</v>
      </c>
      <c r="OI10" s="458">
        <v>146805716</v>
      </c>
      <c r="OJ10" s="455">
        <v>356465115</v>
      </c>
      <c r="OK10" s="456">
        <v>503270831</v>
      </c>
      <c r="OL10" s="462">
        <v>0</v>
      </c>
      <c r="OM10" s="455">
        <v>2483758045</v>
      </c>
      <c r="ON10" s="455">
        <v>4454029771</v>
      </c>
      <c r="OO10" s="455">
        <v>4787167223</v>
      </c>
      <c r="OP10" s="455">
        <v>5144031923</v>
      </c>
      <c r="OQ10" s="455">
        <v>3883867616</v>
      </c>
      <c r="OR10" s="459">
        <v>20752854578</v>
      </c>
      <c r="OS10" s="465">
        <v>21256125409</v>
      </c>
    </row>
    <row r="11" spans="1:409" ht="21" customHeight="1" x14ac:dyDescent="0.2">
      <c r="B11" s="62" t="s">
        <v>6</v>
      </c>
      <c r="C11" s="110">
        <v>49904187</v>
      </c>
      <c r="D11" s="114">
        <v>90686362</v>
      </c>
      <c r="E11" s="113">
        <v>140590549</v>
      </c>
      <c r="F11" s="109">
        <v>0</v>
      </c>
      <c r="G11" s="114">
        <v>809252388</v>
      </c>
      <c r="H11" s="114">
        <v>836445358</v>
      </c>
      <c r="I11" s="114">
        <v>789631223</v>
      </c>
      <c r="J11" s="114">
        <v>774143746</v>
      </c>
      <c r="K11" s="114">
        <v>628847251</v>
      </c>
      <c r="L11" s="109">
        <v>3838319966</v>
      </c>
      <c r="M11" s="116">
        <v>3978910515</v>
      </c>
      <c r="N11" s="110">
        <v>13189331</v>
      </c>
      <c r="O11" s="114">
        <v>27916320</v>
      </c>
      <c r="P11" s="113">
        <v>41105651</v>
      </c>
      <c r="Q11" s="110">
        <v>0</v>
      </c>
      <c r="R11" s="114">
        <v>255279025</v>
      </c>
      <c r="S11" s="114">
        <v>295095395</v>
      </c>
      <c r="T11" s="114">
        <v>283427167</v>
      </c>
      <c r="U11" s="114">
        <v>308790878</v>
      </c>
      <c r="V11" s="114">
        <v>329817383</v>
      </c>
      <c r="W11" s="113">
        <v>1472409848</v>
      </c>
      <c r="X11" s="116">
        <v>1513515499</v>
      </c>
      <c r="Y11" s="110">
        <v>0</v>
      </c>
      <c r="Z11" s="114">
        <v>0</v>
      </c>
      <c r="AA11" s="113">
        <v>0</v>
      </c>
      <c r="AB11" s="110">
        <v>0</v>
      </c>
      <c r="AC11" s="114">
        <v>123047186</v>
      </c>
      <c r="AD11" s="114">
        <v>151770245</v>
      </c>
      <c r="AE11" s="114">
        <v>164570947</v>
      </c>
      <c r="AF11" s="114">
        <v>182767855</v>
      </c>
      <c r="AG11" s="114">
        <v>197241078</v>
      </c>
      <c r="AH11" s="113">
        <v>819397311</v>
      </c>
      <c r="AI11" s="116">
        <v>819397311</v>
      </c>
      <c r="AJ11" s="110">
        <v>0</v>
      </c>
      <c r="AK11" s="114">
        <v>101668</v>
      </c>
      <c r="AL11" s="113">
        <v>101668</v>
      </c>
      <c r="AM11" s="110">
        <v>0</v>
      </c>
      <c r="AN11" s="114">
        <v>932392</v>
      </c>
      <c r="AO11" s="114">
        <v>3339985</v>
      </c>
      <c r="AP11" s="114">
        <v>6545193</v>
      </c>
      <c r="AQ11" s="114">
        <v>15207431</v>
      </c>
      <c r="AR11" s="114">
        <v>32107833</v>
      </c>
      <c r="AS11" s="113">
        <v>58132834</v>
      </c>
      <c r="AT11" s="116">
        <v>58234502</v>
      </c>
      <c r="AU11" s="110">
        <v>7081049</v>
      </c>
      <c r="AV11" s="114">
        <v>19626519</v>
      </c>
      <c r="AW11" s="113">
        <v>26707568</v>
      </c>
      <c r="AX11" s="110">
        <v>0</v>
      </c>
      <c r="AY11" s="114">
        <v>79664687</v>
      </c>
      <c r="AZ11" s="114">
        <v>84364255</v>
      </c>
      <c r="BA11" s="114">
        <v>61519846</v>
      </c>
      <c r="BB11" s="114">
        <v>60677139</v>
      </c>
      <c r="BC11" s="114">
        <v>60006983</v>
      </c>
      <c r="BD11" s="113">
        <v>346232910</v>
      </c>
      <c r="BE11" s="116">
        <v>372940478</v>
      </c>
      <c r="BF11" s="110">
        <v>459494</v>
      </c>
      <c r="BG11" s="114">
        <v>1661420</v>
      </c>
      <c r="BH11" s="112">
        <v>2120914</v>
      </c>
      <c r="BI11" s="111">
        <v>0</v>
      </c>
      <c r="BJ11" s="114">
        <v>5948858</v>
      </c>
      <c r="BK11" s="114">
        <v>7409421</v>
      </c>
      <c r="BL11" s="114">
        <v>4630035</v>
      </c>
      <c r="BM11" s="114">
        <v>4363449</v>
      </c>
      <c r="BN11" s="114">
        <v>3042555</v>
      </c>
      <c r="BO11" s="113">
        <v>25394318</v>
      </c>
      <c r="BP11" s="116">
        <v>27515232</v>
      </c>
      <c r="BQ11" s="110">
        <v>5648788</v>
      </c>
      <c r="BR11" s="114">
        <v>6526713</v>
      </c>
      <c r="BS11" s="113">
        <v>12175501</v>
      </c>
      <c r="BT11" s="110">
        <v>0</v>
      </c>
      <c r="BU11" s="114">
        <v>45685902</v>
      </c>
      <c r="BV11" s="114">
        <v>48211489</v>
      </c>
      <c r="BW11" s="114">
        <v>46161146</v>
      </c>
      <c r="BX11" s="114">
        <v>45775004</v>
      </c>
      <c r="BY11" s="114">
        <v>37418934</v>
      </c>
      <c r="BZ11" s="113">
        <v>223252475</v>
      </c>
      <c r="CA11" s="116">
        <v>235427976</v>
      </c>
      <c r="CB11" s="110">
        <v>2412282</v>
      </c>
      <c r="CC11" s="114">
        <v>8967411</v>
      </c>
      <c r="CD11" s="113">
        <v>11379693</v>
      </c>
      <c r="CE11" s="110">
        <v>0</v>
      </c>
      <c r="CF11" s="114">
        <v>215537950</v>
      </c>
      <c r="CG11" s="114">
        <v>203999413</v>
      </c>
      <c r="CH11" s="114">
        <v>169138309</v>
      </c>
      <c r="CI11" s="114">
        <v>129409946</v>
      </c>
      <c r="CJ11" s="114">
        <v>65180018</v>
      </c>
      <c r="CK11" s="113">
        <v>783265636</v>
      </c>
      <c r="CL11" s="116">
        <v>794645329</v>
      </c>
      <c r="CM11" s="110">
        <v>0</v>
      </c>
      <c r="CN11" s="114">
        <v>0</v>
      </c>
      <c r="CO11" s="113">
        <v>0</v>
      </c>
      <c r="CP11" s="111">
        <v>0</v>
      </c>
      <c r="CQ11" s="114">
        <v>186622364</v>
      </c>
      <c r="CR11" s="114">
        <v>160958562</v>
      </c>
      <c r="CS11" s="114">
        <v>134432112</v>
      </c>
      <c r="CT11" s="114">
        <v>99221952</v>
      </c>
      <c r="CU11" s="114">
        <v>53186054</v>
      </c>
      <c r="CV11" s="113">
        <v>634421044</v>
      </c>
      <c r="CW11" s="116">
        <v>634421044</v>
      </c>
      <c r="CX11" s="110">
        <v>2412282</v>
      </c>
      <c r="CY11" s="114">
        <v>8967411</v>
      </c>
      <c r="CZ11" s="113">
        <v>11379693</v>
      </c>
      <c r="DA11" s="110">
        <v>0</v>
      </c>
      <c r="DB11" s="114">
        <v>28915586</v>
      </c>
      <c r="DC11" s="114">
        <v>43040851</v>
      </c>
      <c r="DD11" s="114">
        <v>34706197</v>
      </c>
      <c r="DE11" s="114">
        <v>30187994</v>
      </c>
      <c r="DF11" s="114">
        <v>11993964</v>
      </c>
      <c r="DG11" s="113">
        <v>148844592</v>
      </c>
      <c r="DH11" s="116">
        <v>160224285</v>
      </c>
      <c r="DI11" s="110">
        <v>358477</v>
      </c>
      <c r="DJ11" s="114">
        <v>786208</v>
      </c>
      <c r="DK11" s="112">
        <v>1144685</v>
      </c>
      <c r="DL11" s="111">
        <v>0</v>
      </c>
      <c r="DM11" s="114">
        <v>17029641</v>
      </c>
      <c r="DN11" s="114">
        <v>29308029</v>
      </c>
      <c r="DO11" s="114">
        <v>56840566</v>
      </c>
      <c r="DP11" s="114">
        <v>48901375</v>
      </c>
      <c r="DQ11" s="114">
        <v>32139929</v>
      </c>
      <c r="DR11" s="113">
        <v>184219540</v>
      </c>
      <c r="DS11" s="116">
        <v>185364225</v>
      </c>
      <c r="DT11" s="110">
        <v>306331</v>
      </c>
      <c r="DU11" s="114">
        <v>795208</v>
      </c>
      <c r="DV11" s="113">
        <v>1101539</v>
      </c>
      <c r="DW11" s="110">
        <v>0</v>
      </c>
      <c r="DX11" s="114">
        <v>15680886</v>
      </c>
      <c r="DY11" s="114">
        <v>26654189</v>
      </c>
      <c r="DZ11" s="114">
        <v>50564941</v>
      </c>
      <c r="EA11" s="114">
        <v>43436901</v>
      </c>
      <c r="EB11" s="114">
        <v>28517339</v>
      </c>
      <c r="EC11" s="113">
        <v>164854256</v>
      </c>
      <c r="ED11" s="116">
        <v>165955795</v>
      </c>
      <c r="EE11" s="110">
        <v>52146</v>
      </c>
      <c r="EF11" s="112">
        <v>-9000</v>
      </c>
      <c r="EG11" s="113">
        <v>43146</v>
      </c>
      <c r="EH11" s="110">
        <v>0</v>
      </c>
      <c r="EI11" s="114">
        <v>1348755</v>
      </c>
      <c r="EJ11" s="114">
        <v>2653840</v>
      </c>
      <c r="EK11" s="114">
        <v>6275625</v>
      </c>
      <c r="EL11" s="114">
        <v>5464474</v>
      </c>
      <c r="EM11" s="114">
        <v>3622590</v>
      </c>
      <c r="EN11" s="112">
        <v>19365284</v>
      </c>
      <c r="EO11" s="116">
        <v>19408430</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10632718</v>
      </c>
      <c r="FM11" s="114">
        <v>20373354</v>
      </c>
      <c r="FN11" s="113">
        <v>31006072</v>
      </c>
      <c r="FO11" s="110">
        <v>0</v>
      </c>
      <c r="FP11" s="114">
        <v>46164687</v>
      </c>
      <c r="FQ11" s="114">
        <v>81009444</v>
      </c>
      <c r="FR11" s="114">
        <v>67492317</v>
      </c>
      <c r="FS11" s="114">
        <v>65547996</v>
      </c>
      <c r="FT11" s="114">
        <v>49364109</v>
      </c>
      <c r="FU11" s="113">
        <v>309578553</v>
      </c>
      <c r="FV11" s="116">
        <v>340584625</v>
      </c>
      <c r="FW11" s="115">
        <v>7606563</v>
      </c>
      <c r="FX11" s="114">
        <v>17263203</v>
      </c>
      <c r="FY11" s="112">
        <v>24869766</v>
      </c>
      <c r="FZ11" s="111">
        <v>0</v>
      </c>
      <c r="GA11" s="114">
        <v>38898418</v>
      </c>
      <c r="GB11" s="114">
        <v>75801347</v>
      </c>
      <c r="GC11" s="114">
        <v>63886884</v>
      </c>
      <c r="GD11" s="114">
        <v>62416904</v>
      </c>
      <c r="GE11" s="114">
        <v>48095527</v>
      </c>
      <c r="GF11" s="113">
        <v>289099080</v>
      </c>
      <c r="GG11" s="318">
        <v>313968846</v>
      </c>
      <c r="GH11" s="115">
        <v>786277</v>
      </c>
      <c r="GI11" s="114">
        <v>1242328</v>
      </c>
      <c r="GJ11" s="112">
        <v>2028605</v>
      </c>
      <c r="GK11" s="111">
        <v>0</v>
      </c>
      <c r="GL11" s="114">
        <v>2654180</v>
      </c>
      <c r="GM11" s="114">
        <v>2279856</v>
      </c>
      <c r="GN11" s="114">
        <v>1736607</v>
      </c>
      <c r="GO11" s="114">
        <v>1507741</v>
      </c>
      <c r="GP11" s="114">
        <v>691744</v>
      </c>
      <c r="GQ11" s="113">
        <v>8870128</v>
      </c>
      <c r="GR11" s="116">
        <v>10898733</v>
      </c>
      <c r="GS11" s="110">
        <v>2239878</v>
      </c>
      <c r="GT11" s="114">
        <v>1867823</v>
      </c>
      <c r="GU11" s="113">
        <v>4107701</v>
      </c>
      <c r="GV11" s="110">
        <v>0</v>
      </c>
      <c r="GW11" s="114">
        <v>4612089</v>
      </c>
      <c r="GX11" s="114">
        <v>2928241</v>
      </c>
      <c r="GY11" s="114">
        <v>1868826</v>
      </c>
      <c r="GZ11" s="114">
        <v>1623351</v>
      </c>
      <c r="HA11" s="114">
        <v>576838</v>
      </c>
      <c r="HB11" s="112">
        <v>11609345</v>
      </c>
      <c r="HC11" s="116">
        <v>15717046</v>
      </c>
      <c r="HD11" s="110">
        <v>13549931</v>
      </c>
      <c r="HE11" s="114">
        <v>15797589</v>
      </c>
      <c r="HF11" s="112">
        <v>29347520</v>
      </c>
      <c r="HG11" s="111">
        <v>0</v>
      </c>
      <c r="HH11" s="114">
        <v>137242292</v>
      </c>
      <c r="HI11" s="114">
        <v>120536245</v>
      </c>
      <c r="HJ11" s="114">
        <v>131946617</v>
      </c>
      <c r="HK11" s="114">
        <v>159875585</v>
      </c>
      <c r="HL11" s="114">
        <v>112861366</v>
      </c>
      <c r="HM11" s="113">
        <v>662462105</v>
      </c>
      <c r="HN11" s="109">
        <v>691809625</v>
      </c>
      <c r="HO11" s="115">
        <v>9761448</v>
      </c>
      <c r="HP11" s="114">
        <v>16845480</v>
      </c>
      <c r="HQ11" s="113">
        <v>26606928</v>
      </c>
      <c r="HR11" s="110">
        <v>0</v>
      </c>
      <c r="HS11" s="114">
        <v>137998793</v>
      </c>
      <c r="HT11" s="114">
        <v>106496832</v>
      </c>
      <c r="HU11" s="114">
        <v>80786247</v>
      </c>
      <c r="HV11" s="114">
        <v>61617966</v>
      </c>
      <c r="HW11" s="114">
        <v>39484446</v>
      </c>
      <c r="HX11" s="112">
        <v>426384284</v>
      </c>
      <c r="HY11" s="116">
        <v>452991212</v>
      </c>
      <c r="HZ11" s="131">
        <v>1047738</v>
      </c>
      <c r="IA11" s="132">
        <v>3393414</v>
      </c>
      <c r="IB11" s="133">
        <v>4441152</v>
      </c>
      <c r="IC11" s="146">
        <v>0</v>
      </c>
      <c r="ID11" s="132">
        <v>253661675</v>
      </c>
      <c r="IE11" s="147">
        <v>308501012</v>
      </c>
      <c r="IF11" s="133">
        <v>342080599</v>
      </c>
      <c r="IG11" s="132">
        <v>282304465</v>
      </c>
      <c r="IH11" s="133">
        <v>214161829</v>
      </c>
      <c r="II11" s="148">
        <v>1400709580</v>
      </c>
      <c r="IJ11" s="139">
        <v>1405150732</v>
      </c>
      <c r="IK11" s="232">
        <v>0</v>
      </c>
      <c r="IL11" s="236">
        <v>0</v>
      </c>
      <c r="IM11" s="237">
        <v>0</v>
      </c>
      <c r="IN11" s="140"/>
      <c r="IO11" s="119">
        <v>5816147</v>
      </c>
      <c r="IP11" s="119">
        <v>9449919</v>
      </c>
      <c r="IQ11" s="119">
        <v>13819497</v>
      </c>
      <c r="IR11" s="119">
        <v>23914728</v>
      </c>
      <c r="IS11" s="119">
        <v>31180970</v>
      </c>
      <c r="IT11" s="141">
        <v>84181261</v>
      </c>
      <c r="IU11" s="320">
        <v>84181261</v>
      </c>
      <c r="IV11" s="142">
        <v>0</v>
      </c>
      <c r="IW11" s="119">
        <v>0</v>
      </c>
      <c r="IX11" s="120">
        <v>0</v>
      </c>
      <c r="IY11" s="144"/>
      <c r="IZ11" s="119">
        <v>1457854</v>
      </c>
      <c r="JA11" s="119">
        <v>2089521</v>
      </c>
      <c r="JB11" s="119">
        <v>2692089</v>
      </c>
      <c r="JC11" s="119">
        <v>2792570</v>
      </c>
      <c r="JD11" s="119">
        <v>3788204</v>
      </c>
      <c r="JE11" s="120">
        <v>12820238</v>
      </c>
      <c r="JF11" s="121">
        <v>12820238</v>
      </c>
      <c r="JG11" s="142">
        <v>0</v>
      </c>
      <c r="JH11" s="119">
        <v>0</v>
      </c>
      <c r="JI11" s="141">
        <v>0</v>
      </c>
      <c r="JJ11" s="118">
        <v>0</v>
      </c>
      <c r="JK11" s="119">
        <v>83407897</v>
      </c>
      <c r="JL11" s="119">
        <v>72966568</v>
      </c>
      <c r="JM11" s="119">
        <v>63608880</v>
      </c>
      <c r="JN11" s="119">
        <v>42374708</v>
      </c>
      <c r="JO11" s="119">
        <v>23290707</v>
      </c>
      <c r="JP11" s="120">
        <v>285648760</v>
      </c>
      <c r="JQ11" s="320">
        <v>285648760</v>
      </c>
      <c r="JR11" s="142">
        <v>6423</v>
      </c>
      <c r="JS11" s="119">
        <v>34017</v>
      </c>
      <c r="JT11" s="141">
        <v>40440</v>
      </c>
      <c r="JU11" s="118">
        <v>0</v>
      </c>
      <c r="JV11" s="119">
        <v>16137302</v>
      </c>
      <c r="JW11" s="119">
        <v>22355225</v>
      </c>
      <c r="JX11" s="119">
        <v>28950523</v>
      </c>
      <c r="JY11" s="119">
        <v>19158599</v>
      </c>
      <c r="JZ11" s="119">
        <v>14116742</v>
      </c>
      <c r="KA11" s="120">
        <v>100718391</v>
      </c>
      <c r="KB11" s="320">
        <v>100758831</v>
      </c>
      <c r="KC11" s="234">
        <v>1041315</v>
      </c>
      <c r="KD11" s="230">
        <v>2652733</v>
      </c>
      <c r="KE11" s="120">
        <v>3694048</v>
      </c>
      <c r="KF11" s="118">
        <v>0</v>
      </c>
      <c r="KG11" s="119">
        <v>28119914</v>
      </c>
      <c r="KH11" s="119">
        <v>40225070</v>
      </c>
      <c r="KI11" s="119">
        <v>47731061</v>
      </c>
      <c r="KJ11" s="119">
        <v>43596957</v>
      </c>
      <c r="KK11" s="119">
        <v>20942817</v>
      </c>
      <c r="KL11" s="120">
        <v>180615819</v>
      </c>
      <c r="KM11" s="143">
        <v>184309867</v>
      </c>
      <c r="KN11" s="232">
        <v>0</v>
      </c>
      <c r="KO11" s="236">
        <v>706664</v>
      </c>
      <c r="KP11" s="237">
        <v>706664</v>
      </c>
      <c r="KQ11" s="140"/>
      <c r="KR11" s="119">
        <v>108651804</v>
      </c>
      <c r="KS11" s="119">
        <v>138212114</v>
      </c>
      <c r="KT11" s="119">
        <v>144384645</v>
      </c>
      <c r="KU11" s="119">
        <v>96467694</v>
      </c>
      <c r="KV11" s="119">
        <v>67218528</v>
      </c>
      <c r="KW11" s="120">
        <v>554934785</v>
      </c>
      <c r="KX11" s="320">
        <v>555641449</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864174</v>
      </c>
      <c r="LO11" s="119">
        <v>1217574</v>
      </c>
      <c r="LP11" s="119">
        <v>19433639</v>
      </c>
      <c r="LQ11" s="119">
        <v>26279001</v>
      </c>
      <c r="LR11" s="119">
        <v>19905902</v>
      </c>
      <c r="LS11" s="120">
        <v>67700290</v>
      </c>
      <c r="LT11" s="320">
        <v>67700290</v>
      </c>
      <c r="LU11" s="142">
        <v>0</v>
      </c>
      <c r="LV11" s="119">
        <v>0</v>
      </c>
      <c r="LW11" s="120">
        <v>0</v>
      </c>
      <c r="LX11" s="145"/>
      <c r="LY11" s="119">
        <v>9206583</v>
      </c>
      <c r="LZ11" s="119">
        <v>21985021</v>
      </c>
      <c r="MA11" s="119">
        <v>21460265</v>
      </c>
      <c r="MB11" s="119">
        <v>27720208</v>
      </c>
      <c r="MC11" s="119">
        <v>33717959</v>
      </c>
      <c r="MD11" s="120">
        <v>114090036</v>
      </c>
      <c r="ME11" s="121">
        <v>114090036</v>
      </c>
      <c r="MF11" s="142">
        <v>0</v>
      </c>
      <c r="MG11" s="119">
        <v>0</v>
      </c>
      <c r="MH11" s="120">
        <v>0</v>
      </c>
      <c r="MI11" s="145"/>
      <c r="MJ11" s="119">
        <v>64291342</v>
      </c>
      <c r="MK11" s="119">
        <v>126834736</v>
      </c>
      <c r="ML11" s="119">
        <v>430991755</v>
      </c>
      <c r="MM11" s="119">
        <v>684593022</v>
      </c>
      <c r="MN11" s="119">
        <v>477892038</v>
      </c>
      <c r="MO11" s="120">
        <v>1784602893</v>
      </c>
      <c r="MP11" s="143">
        <v>1784602893</v>
      </c>
      <c r="MQ11" s="142">
        <v>0</v>
      </c>
      <c r="MR11" s="119">
        <v>0</v>
      </c>
      <c r="MS11" s="120">
        <v>0</v>
      </c>
      <c r="MT11" s="145"/>
      <c r="MU11" s="119">
        <v>14813824</v>
      </c>
      <c r="MV11" s="119">
        <v>36953804</v>
      </c>
      <c r="MW11" s="119">
        <v>295719112</v>
      </c>
      <c r="MX11" s="119">
        <v>455485287</v>
      </c>
      <c r="MY11" s="119">
        <v>332460102</v>
      </c>
      <c r="MZ11" s="120">
        <v>1135432129</v>
      </c>
      <c r="NA11" s="143">
        <v>1135432129</v>
      </c>
      <c r="NB11" s="142">
        <v>0</v>
      </c>
      <c r="NC11" s="119">
        <v>0</v>
      </c>
      <c r="ND11" s="120">
        <v>0</v>
      </c>
      <c r="NE11" s="145"/>
      <c r="NF11" s="119">
        <v>49286111</v>
      </c>
      <c r="NG11" s="119">
        <v>89644232</v>
      </c>
      <c r="NH11" s="119">
        <v>131700389</v>
      </c>
      <c r="NI11" s="119">
        <v>199878035</v>
      </c>
      <c r="NJ11" s="119">
        <v>99708891</v>
      </c>
      <c r="NK11" s="120">
        <v>570217658</v>
      </c>
      <c r="NL11" s="320">
        <v>570217658</v>
      </c>
      <c r="NM11" s="142">
        <v>0</v>
      </c>
      <c r="NN11" s="119">
        <v>0</v>
      </c>
      <c r="NO11" s="120">
        <v>0</v>
      </c>
      <c r="NP11" s="145"/>
      <c r="NQ11" s="119">
        <v>0</v>
      </c>
      <c r="NR11" s="119">
        <v>0</v>
      </c>
      <c r="NS11" s="119">
        <v>2521757</v>
      </c>
      <c r="NT11" s="119">
        <v>14228341</v>
      </c>
      <c r="NU11" s="119">
        <v>24109958</v>
      </c>
      <c r="NV11" s="120">
        <v>40860056</v>
      </c>
      <c r="NW11" s="121">
        <v>40860056</v>
      </c>
      <c r="NX11" s="142">
        <v>0</v>
      </c>
      <c r="NY11" s="119">
        <v>0</v>
      </c>
      <c r="NZ11" s="120">
        <v>0</v>
      </c>
      <c r="OA11" s="145"/>
      <c r="OB11" s="119">
        <v>191407</v>
      </c>
      <c r="OC11" s="119">
        <v>236700</v>
      </c>
      <c r="OD11" s="119">
        <v>1050497</v>
      </c>
      <c r="OE11" s="119">
        <v>15001359</v>
      </c>
      <c r="OF11" s="119">
        <v>21613087</v>
      </c>
      <c r="OG11" s="120">
        <v>38093050</v>
      </c>
      <c r="OH11" s="121">
        <v>38093050</v>
      </c>
      <c r="OI11" s="142">
        <v>50951925</v>
      </c>
      <c r="OJ11" s="119">
        <v>94079776</v>
      </c>
      <c r="OK11" s="141">
        <v>145031701</v>
      </c>
      <c r="OL11" s="118">
        <v>0</v>
      </c>
      <c r="OM11" s="119">
        <v>1127205405</v>
      </c>
      <c r="ON11" s="119">
        <v>1271781106</v>
      </c>
      <c r="OO11" s="119">
        <v>1562703577</v>
      </c>
      <c r="OP11" s="119">
        <v>1741041233</v>
      </c>
      <c r="OQ11" s="119">
        <v>1320901118</v>
      </c>
      <c r="OR11" s="120">
        <v>7023632439</v>
      </c>
      <c r="OS11" s="143">
        <v>7168664140</v>
      </c>
    </row>
    <row r="12" spans="1:409" ht="21" customHeight="1" x14ac:dyDescent="0.2">
      <c r="B12" s="62" t="s">
        <v>14</v>
      </c>
      <c r="C12" s="110">
        <v>26158222</v>
      </c>
      <c r="D12" s="114">
        <v>70036277</v>
      </c>
      <c r="E12" s="113">
        <v>96194499</v>
      </c>
      <c r="F12" s="109">
        <v>0</v>
      </c>
      <c r="G12" s="114">
        <v>298240530</v>
      </c>
      <c r="H12" s="114">
        <v>488763108</v>
      </c>
      <c r="I12" s="114">
        <v>465064071</v>
      </c>
      <c r="J12" s="114">
        <v>382933647</v>
      </c>
      <c r="K12" s="114">
        <v>270798763</v>
      </c>
      <c r="L12" s="112">
        <v>1905800119</v>
      </c>
      <c r="M12" s="116">
        <v>2001994618</v>
      </c>
      <c r="N12" s="110">
        <v>4775821</v>
      </c>
      <c r="O12" s="114">
        <v>16599236</v>
      </c>
      <c r="P12" s="113">
        <v>21375057</v>
      </c>
      <c r="Q12" s="110">
        <v>0</v>
      </c>
      <c r="R12" s="114">
        <v>82438756</v>
      </c>
      <c r="S12" s="114">
        <v>151589049</v>
      </c>
      <c r="T12" s="114">
        <v>150664996</v>
      </c>
      <c r="U12" s="114">
        <v>139277375</v>
      </c>
      <c r="V12" s="114">
        <v>131308743</v>
      </c>
      <c r="W12" s="113">
        <v>655278919</v>
      </c>
      <c r="X12" s="116">
        <v>676653976</v>
      </c>
      <c r="Y12" s="110">
        <v>0</v>
      </c>
      <c r="Z12" s="114">
        <v>0</v>
      </c>
      <c r="AA12" s="113">
        <v>0</v>
      </c>
      <c r="AB12" s="110">
        <v>0</v>
      </c>
      <c r="AC12" s="114">
        <v>42471270</v>
      </c>
      <c r="AD12" s="114">
        <v>80431391</v>
      </c>
      <c r="AE12" s="114">
        <v>90334454</v>
      </c>
      <c r="AF12" s="114">
        <v>82100312</v>
      </c>
      <c r="AG12" s="114">
        <v>76047848</v>
      </c>
      <c r="AH12" s="113">
        <v>371385275</v>
      </c>
      <c r="AI12" s="116">
        <v>371385275</v>
      </c>
      <c r="AJ12" s="110">
        <v>0</v>
      </c>
      <c r="AK12" s="114">
        <v>36545</v>
      </c>
      <c r="AL12" s="113">
        <v>36545</v>
      </c>
      <c r="AM12" s="110">
        <v>0</v>
      </c>
      <c r="AN12" s="114">
        <v>134137</v>
      </c>
      <c r="AO12" s="114">
        <v>1381623</v>
      </c>
      <c r="AP12" s="114">
        <v>2977883</v>
      </c>
      <c r="AQ12" s="114">
        <v>6753086</v>
      </c>
      <c r="AR12" s="114">
        <v>14399289</v>
      </c>
      <c r="AS12" s="113">
        <v>25646018</v>
      </c>
      <c r="AT12" s="116">
        <v>25682563</v>
      </c>
      <c r="AU12" s="110">
        <v>2376116</v>
      </c>
      <c r="AV12" s="114">
        <v>11711776</v>
      </c>
      <c r="AW12" s="113">
        <v>14087892</v>
      </c>
      <c r="AX12" s="110">
        <v>0</v>
      </c>
      <c r="AY12" s="114">
        <v>22690292</v>
      </c>
      <c r="AZ12" s="114">
        <v>44597442</v>
      </c>
      <c r="BA12" s="114">
        <v>31618153</v>
      </c>
      <c r="BB12" s="114">
        <v>28579463</v>
      </c>
      <c r="BC12" s="114">
        <v>25395439</v>
      </c>
      <c r="BD12" s="113">
        <v>152880789</v>
      </c>
      <c r="BE12" s="116">
        <v>166968681</v>
      </c>
      <c r="BF12" s="110">
        <v>119182</v>
      </c>
      <c r="BG12" s="114">
        <v>1242876</v>
      </c>
      <c r="BH12" s="112">
        <v>1362058</v>
      </c>
      <c r="BI12" s="111">
        <v>0</v>
      </c>
      <c r="BJ12" s="114">
        <v>781938</v>
      </c>
      <c r="BK12" s="114">
        <v>2791577</v>
      </c>
      <c r="BL12" s="114">
        <v>1844774</v>
      </c>
      <c r="BM12" s="114">
        <v>1688867</v>
      </c>
      <c r="BN12" s="114">
        <v>648030</v>
      </c>
      <c r="BO12" s="113">
        <v>7755186</v>
      </c>
      <c r="BP12" s="116">
        <v>9117244</v>
      </c>
      <c r="BQ12" s="110">
        <v>2280523</v>
      </c>
      <c r="BR12" s="114">
        <v>3608039</v>
      </c>
      <c r="BS12" s="113">
        <v>5888562</v>
      </c>
      <c r="BT12" s="110">
        <v>0</v>
      </c>
      <c r="BU12" s="114">
        <v>16361119</v>
      </c>
      <c r="BV12" s="114">
        <v>22387016</v>
      </c>
      <c r="BW12" s="114">
        <v>23889732</v>
      </c>
      <c r="BX12" s="114">
        <v>20155647</v>
      </c>
      <c r="BY12" s="114">
        <v>14818137</v>
      </c>
      <c r="BZ12" s="113">
        <v>97611651</v>
      </c>
      <c r="CA12" s="116">
        <v>103500213</v>
      </c>
      <c r="CB12" s="110">
        <v>1795988</v>
      </c>
      <c r="CC12" s="114">
        <v>6855038</v>
      </c>
      <c r="CD12" s="113">
        <v>8651026</v>
      </c>
      <c r="CE12" s="110">
        <v>0</v>
      </c>
      <c r="CF12" s="114">
        <v>85917944</v>
      </c>
      <c r="CG12" s="114">
        <v>145614786</v>
      </c>
      <c r="CH12" s="114">
        <v>124973473</v>
      </c>
      <c r="CI12" s="114">
        <v>76539157</v>
      </c>
      <c r="CJ12" s="114">
        <v>40263192</v>
      </c>
      <c r="CK12" s="113">
        <v>473308552</v>
      </c>
      <c r="CL12" s="116">
        <v>481959578</v>
      </c>
      <c r="CM12" s="110">
        <v>0</v>
      </c>
      <c r="CN12" s="114">
        <v>0</v>
      </c>
      <c r="CO12" s="113">
        <v>0</v>
      </c>
      <c r="CP12" s="111">
        <v>0</v>
      </c>
      <c r="CQ12" s="114">
        <v>79323280</v>
      </c>
      <c r="CR12" s="114">
        <v>123789135</v>
      </c>
      <c r="CS12" s="114">
        <v>107400675</v>
      </c>
      <c r="CT12" s="114">
        <v>63161775</v>
      </c>
      <c r="CU12" s="114">
        <v>34615567</v>
      </c>
      <c r="CV12" s="113">
        <v>408290432</v>
      </c>
      <c r="CW12" s="116">
        <v>408290432</v>
      </c>
      <c r="CX12" s="110">
        <v>1795988</v>
      </c>
      <c r="CY12" s="114">
        <v>6855038</v>
      </c>
      <c r="CZ12" s="113">
        <v>8651026</v>
      </c>
      <c r="DA12" s="110">
        <v>0</v>
      </c>
      <c r="DB12" s="114">
        <v>6594664</v>
      </c>
      <c r="DC12" s="114">
        <v>21825651</v>
      </c>
      <c r="DD12" s="114">
        <v>17572798</v>
      </c>
      <c r="DE12" s="114">
        <v>13377382</v>
      </c>
      <c r="DF12" s="114">
        <v>5647625</v>
      </c>
      <c r="DG12" s="113">
        <v>65018120</v>
      </c>
      <c r="DH12" s="116">
        <v>73669146</v>
      </c>
      <c r="DI12" s="110">
        <v>85057</v>
      </c>
      <c r="DJ12" s="114">
        <v>484942</v>
      </c>
      <c r="DK12" s="112">
        <v>569999</v>
      </c>
      <c r="DL12" s="111">
        <v>0</v>
      </c>
      <c r="DM12" s="114">
        <v>6570881</v>
      </c>
      <c r="DN12" s="114">
        <v>18380280</v>
      </c>
      <c r="DO12" s="114">
        <v>42859839</v>
      </c>
      <c r="DP12" s="114">
        <v>36012364</v>
      </c>
      <c r="DQ12" s="114">
        <v>20345619</v>
      </c>
      <c r="DR12" s="113">
        <v>124168983</v>
      </c>
      <c r="DS12" s="116">
        <v>124738982</v>
      </c>
      <c r="DT12" s="110">
        <v>85057</v>
      </c>
      <c r="DU12" s="114">
        <v>484942</v>
      </c>
      <c r="DV12" s="113">
        <v>569999</v>
      </c>
      <c r="DW12" s="110">
        <v>0</v>
      </c>
      <c r="DX12" s="114">
        <v>6424445</v>
      </c>
      <c r="DY12" s="114">
        <v>17639239</v>
      </c>
      <c r="DZ12" s="114">
        <v>42076279</v>
      </c>
      <c r="EA12" s="114">
        <v>35505978</v>
      </c>
      <c r="EB12" s="114">
        <v>19933987</v>
      </c>
      <c r="EC12" s="113">
        <v>121579928</v>
      </c>
      <c r="ED12" s="116">
        <v>122149927</v>
      </c>
      <c r="EE12" s="110">
        <v>0</v>
      </c>
      <c r="EF12" s="112">
        <v>0</v>
      </c>
      <c r="EG12" s="113">
        <v>0</v>
      </c>
      <c r="EH12" s="110">
        <v>0</v>
      </c>
      <c r="EI12" s="114">
        <v>146436</v>
      </c>
      <c r="EJ12" s="114">
        <v>741041</v>
      </c>
      <c r="EK12" s="114">
        <v>783560</v>
      </c>
      <c r="EL12" s="114">
        <v>506386</v>
      </c>
      <c r="EM12" s="114">
        <v>411632</v>
      </c>
      <c r="EN12" s="112">
        <v>2589055</v>
      </c>
      <c r="EO12" s="116">
        <v>2589055</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8189016</v>
      </c>
      <c r="FM12" s="114">
        <v>22916676</v>
      </c>
      <c r="FN12" s="113">
        <v>31105692</v>
      </c>
      <c r="FO12" s="110">
        <v>0</v>
      </c>
      <c r="FP12" s="114">
        <v>18726560</v>
      </c>
      <c r="FQ12" s="114">
        <v>53090424</v>
      </c>
      <c r="FR12" s="114">
        <v>41127501</v>
      </c>
      <c r="FS12" s="114">
        <v>33746177</v>
      </c>
      <c r="FT12" s="114">
        <v>23276147</v>
      </c>
      <c r="FU12" s="113">
        <v>169966809</v>
      </c>
      <c r="FV12" s="116">
        <v>201072501</v>
      </c>
      <c r="FW12" s="115">
        <v>4672621</v>
      </c>
      <c r="FX12" s="114">
        <v>17234217</v>
      </c>
      <c r="FY12" s="112">
        <v>21906838</v>
      </c>
      <c r="FZ12" s="111">
        <v>0</v>
      </c>
      <c r="GA12" s="114">
        <v>13985755</v>
      </c>
      <c r="GB12" s="114">
        <v>49774883</v>
      </c>
      <c r="GC12" s="114">
        <v>38098753</v>
      </c>
      <c r="GD12" s="114">
        <v>31371566</v>
      </c>
      <c r="GE12" s="114">
        <v>22240670</v>
      </c>
      <c r="GF12" s="113">
        <v>155471627</v>
      </c>
      <c r="GG12" s="318">
        <v>177378465</v>
      </c>
      <c r="GH12" s="115">
        <v>376746</v>
      </c>
      <c r="GI12" s="114">
        <v>1214761</v>
      </c>
      <c r="GJ12" s="112">
        <v>1591507</v>
      </c>
      <c r="GK12" s="111">
        <v>0</v>
      </c>
      <c r="GL12" s="114">
        <v>937897</v>
      </c>
      <c r="GM12" s="114">
        <v>1107453</v>
      </c>
      <c r="GN12" s="114">
        <v>1004232</v>
      </c>
      <c r="GO12" s="114">
        <v>1310144</v>
      </c>
      <c r="GP12" s="114">
        <v>342666</v>
      </c>
      <c r="GQ12" s="113">
        <v>4702392</v>
      </c>
      <c r="GR12" s="116">
        <v>6293899</v>
      </c>
      <c r="GS12" s="110">
        <v>3139649</v>
      </c>
      <c r="GT12" s="114">
        <v>4467698</v>
      </c>
      <c r="GU12" s="113">
        <v>7607347</v>
      </c>
      <c r="GV12" s="110">
        <v>0</v>
      </c>
      <c r="GW12" s="114">
        <v>3802908</v>
      </c>
      <c r="GX12" s="114">
        <v>2208088</v>
      </c>
      <c r="GY12" s="114">
        <v>2024516</v>
      </c>
      <c r="GZ12" s="114">
        <v>1064467</v>
      </c>
      <c r="HA12" s="114">
        <v>692811</v>
      </c>
      <c r="HB12" s="112">
        <v>9792790</v>
      </c>
      <c r="HC12" s="116">
        <v>17400137</v>
      </c>
      <c r="HD12" s="110">
        <v>6434527</v>
      </c>
      <c r="HE12" s="114">
        <v>10154156</v>
      </c>
      <c r="HF12" s="112">
        <v>16588683</v>
      </c>
      <c r="HG12" s="111">
        <v>0</v>
      </c>
      <c r="HH12" s="114">
        <v>51153000</v>
      </c>
      <c r="HI12" s="114">
        <v>47877107</v>
      </c>
      <c r="HJ12" s="114">
        <v>54660371</v>
      </c>
      <c r="HK12" s="114">
        <v>66236853</v>
      </c>
      <c r="HL12" s="114">
        <v>37819763</v>
      </c>
      <c r="HM12" s="113">
        <v>257747094</v>
      </c>
      <c r="HN12" s="109">
        <v>274335777</v>
      </c>
      <c r="HO12" s="115">
        <v>4877813</v>
      </c>
      <c r="HP12" s="114">
        <v>13026229</v>
      </c>
      <c r="HQ12" s="113">
        <v>17904042</v>
      </c>
      <c r="HR12" s="110">
        <v>0</v>
      </c>
      <c r="HS12" s="114">
        <v>53433389</v>
      </c>
      <c r="HT12" s="114">
        <v>72211462</v>
      </c>
      <c r="HU12" s="114">
        <v>50777891</v>
      </c>
      <c r="HV12" s="114">
        <v>31121721</v>
      </c>
      <c r="HW12" s="114">
        <v>17785299</v>
      </c>
      <c r="HX12" s="112">
        <v>225329762</v>
      </c>
      <c r="HY12" s="116">
        <v>243233804</v>
      </c>
      <c r="HZ12" s="131">
        <v>1011340</v>
      </c>
      <c r="IA12" s="132">
        <v>3275061</v>
      </c>
      <c r="IB12" s="133">
        <v>4286401</v>
      </c>
      <c r="IC12" s="134">
        <v>0</v>
      </c>
      <c r="ID12" s="135">
        <v>111401570</v>
      </c>
      <c r="IE12" s="136">
        <v>166269262</v>
      </c>
      <c r="IF12" s="137">
        <v>185092782</v>
      </c>
      <c r="IG12" s="135">
        <v>125783889</v>
      </c>
      <c r="IH12" s="137">
        <v>81872101</v>
      </c>
      <c r="II12" s="138">
        <v>670419604</v>
      </c>
      <c r="IJ12" s="139">
        <v>674706005</v>
      </c>
      <c r="IK12" s="232">
        <v>0</v>
      </c>
      <c r="IL12" s="236">
        <v>0</v>
      </c>
      <c r="IM12" s="237">
        <v>0</v>
      </c>
      <c r="IN12" s="140"/>
      <c r="IO12" s="119">
        <v>1768980</v>
      </c>
      <c r="IP12" s="119">
        <v>2718777</v>
      </c>
      <c r="IQ12" s="119">
        <v>5184705</v>
      </c>
      <c r="IR12" s="119">
        <v>5063176</v>
      </c>
      <c r="IS12" s="119">
        <v>5749324</v>
      </c>
      <c r="IT12" s="141">
        <v>20484962</v>
      </c>
      <c r="IU12" s="320">
        <v>20484962</v>
      </c>
      <c r="IV12" s="142">
        <v>0</v>
      </c>
      <c r="IW12" s="119">
        <v>0</v>
      </c>
      <c r="IX12" s="120">
        <v>0</v>
      </c>
      <c r="IY12" s="144"/>
      <c r="IZ12" s="119">
        <v>11609</v>
      </c>
      <c r="JA12" s="119">
        <v>0</v>
      </c>
      <c r="JB12" s="119">
        <v>22008</v>
      </c>
      <c r="JC12" s="119">
        <v>44680</v>
      </c>
      <c r="JD12" s="119">
        <v>142972</v>
      </c>
      <c r="JE12" s="120">
        <v>221269</v>
      </c>
      <c r="JF12" s="121">
        <v>221269</v>
      </c>
      <c r="JG12" s="142">
        <v>0</v>
      </c>
      <c r="JH12" s="119">
        <v>0</v>
      </c>
      <c r="JI12" s="141">
        <v>0</v>
      </c>
      <c r="JJ12" s="118">
        <v>0</v>
      </c>
      <c r="JK12" s="119">
        <v>40031988</v>
      </c>
      <c r="JL12" s="119">
        <v>59309807</v>
      </c>
      <c r="JM12" s="119">
        <v>45396285</v>
      </c>
      <c r="JN12" s="119">
        <v>26424820</v>
      </c>
      <c r="JO12" s="119">
        <v>18134069</v>
      </c>
      <c r="JP12" s="120">
        <v>189296969</v>
      </c>
      <c r="JQ12" s="320">
        <v>189296969</v>
      </c>
      <c r="JR12" s="142">
        <v>69076</v>
      </c>
      <c r="JS12" s="119">
        <v>0</v>
      </c>
      <c r="JT12" s="141">
        <v>69076</v>
      </c>
      <c r="JU12" s="118">
        <v>0</v>
      </c>
      <c r="JV12" s="119">
        <v>1569340</v>
      </c>
      <c r="JW12" s="119">
        <v>2192718</v>
      </c>
      <c r="JX12" s="119">
        <v>4925149</v>
      </c>
      <c r="JY12" s="119">
        <v>2676393</v>
      </c>
      <c r="JZ12" s="119">
        <v>3709751</v>
      </c>
      <c r="KA12" s="120">
        <v>15073351</v>
      </c>
      <c r="KB12" s="320">
        <v>15142427</v>
      </c>
      <c r="KC12" s="234">
        <v>942264</v>
      </c>
      <c r="KD12" s="230">
        <v>2596122</v>
      </c>
      <c r="KE12" s="120">
        <v>3538386</v>
      </c>
      <c r="KF12" s="118">
        <v>0</v>
      </c>
      <c r="KG12" s="119">
        <v>15549238</v>
      </c>
      <c r="KH12" s="119">
        <v>26041525</v>
      </c>
      <c r="KI12" s="119">
        <v>31920178</v>
      </c>
      <c r="KJ12" s="119">
        <v>23304957</v>
      </c>
      <c r="KK12" s="119">
        <v>7778761</v>
      </c>
      <c r="KL12" s="120">
        <v>104594659</v>
      </c>
      <c r="KM12" s="143">
        <v>108133045</v>
      </c>
      <c r="KN12" s="232">
        <v>0</v>
      </c>
      <c r="KO12" s="236">
        <v>678939</v>
      </c>
      <c r="KP12" s="237">
        <v>678939</v>
      </c>
      <c r="KQ12" s="140"/>
      <c r="KR12" s="119">
        <v>50661718</v>
      </c>
      <c r="KS12" s="119">
        <v>71484272</v>
      </c>
      <c r="KT12" s="119">
        <v>88579006</v>
      </c>
      <c r="KU12" s="119">
        <v>53696369</v>
      </c>
      <c r="KV12" s="119">
        <v>37020981</v>
      </c>
      <c r="KW12" s="120">
        <v>301442346</v>
      </c>
      <c r="KX12" s="320">
        <v>302121285</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375863</v>
      </c>
      <c r="LP12" s="119">
        <v>3434323</v>
      </c>
      <c r="LQ12" s="119">
        <v>7349561</v>
      </c>
      <c r="LR12" s="119">
        <v>2698246</v>
      </c>
      <c r="LS12" s="120">
        <v>13857993</v>
      </c>
      <c r="LT12" s="320">
        <v>13857993</v>
      </c>
      <c r="LU12" s="142">
        <v>0</v>
      </c>
      <c r="LV12" s="119">
        <v>0</v>
      </c>
      <c r="LW12" s="120">
        <v>0</v>
      </c>
      <c r="LX12" s="145"/>
      <c r="LY12" s="119">
        <v>1808697</v>
      </c>
      <c r="LZ12" s="119">
        <v>4146300</v>
      </c>
      <c r="MA12" s="119">
        <v>5631128</v>
      </c>
      <c r="MB12" s="119">
        <v>7223933</v>
      </c>
      <c r="MC12" s="119">
        <v>6637997</v>
      </c>
      <c r="MD12" s="120">
        <v>25448055</v>
      </c>
      <c r="ME12" s="121">
        <v>25448055</v>
      </c>
      <c r="MF12" s="142">
        <v>0</v>
      </c>
      <c r="MG12" s="119">
        <v>0</v>
      </c>
      <c r="MH12" s="120">
        <v>0</v>
      </c>
      <c r="MI12" s="145"/>
      <c r="MJ12" s="119">
        <v>20799225</v>
      </c>
      <c r="MK12" s="119">
        <v>61777053</v>
      </c>
      <c r="ML12" s="119">
        <v>284125701</v>
      </c>
      <c r="MM12" s="119">
        <v>475395927</v>
      </c>
      <c r="MN12" s="119">
        <v>312558819</v>
      </c>
      <c r="MO12" s="120">
        <v>1154656725</v>
      </c>
      <c r="MP12" s="143">
        <v>1154656725</v>
      </c>
      <c r="MQ12" s="142">
        <v>0</v>
      </c>
      <c r="MR12" s="119">
        <v>0</v>
      </c>
      <c r="MS12" s="120">
        <v>0</v>
      </c>
      <c r="MT12" s="145"/>
      <c r="MU12" s="119">
        <v>2055345</v>
      </c>
      <c r="MV12" s="119">
        <v>10551999</v>
      </c>
      <c r="MW12" s="119">
        <v>201216301</v>
      </c>
      <c r="MX12" s="119">
        <v>328396559</v>
      </c>
      <c r="MY12" s="119">
        <v>221758637</v>
      </c>
      <c r="MZ12" s="120">
        <v>763978841</v>
      </c>
      <c r="NA12" s="143">
        <v>763978841</v>
      </c>
      <c r="NB12" s="142">
        <v>0</v>
      </c>
      <c r="NC12" s="119">
        <v>0</v>
      </c>
      <c r="ND12" s="120">
        <v>0</v>
      </c>
      <c r="NE12" s="145"/>
      <c r="NF12" s="119">
        <v>18743880</v>
      </c>
      <c r="NG12" s="119">
        <v>51225054</v>
      </c>
      <c r="NH12" s="119">
        <v>80675881</v>
      </c>
      <c r="NI12" s="119">
        <v>113895524</v>
      </c>
      <c r="NJ12" s="119">
        <v>55720766</v>
      </c>
      <c r="NK12" s="120">
        <v>320261105</v>
      </c>
      <c r="NL12" s="320">
        <v>320261105</v>
      </c>
      <c r="NM12" s="142">
        <v>0</v>
      </c>
      <c r="NN12" s="119">
        <v>0</v>
      </c>
      <c r="NO12" s="120">
        <v>0</v>
      </c>
      <c r="NP12" s="145"/>
      <c r="NQ12" s="119">
        <v>0</v>
      </c>
      <c r="NR12" s="119">
        <v>0</v>
      </c>
      <c r="NS12" s="119">
        <v>0</v>
      </c>
      <c r="NT12" s="119">
        <v>7241853</v>
      </c>
      <c r="NU12" s="119">
        <v>5973973</v>
      </c>
      <c r="NV12" s="120">
        <v>13215826</v>
      </c>
      <c r="NW12" s="121">
        <v>13215826</v>
      </c>
      <c r="NX12" s="142">
        <v>0</v>
      </c>
      <c r="NY12" s="119">
        <v>0</v>
      </c>
      <c r="NZ12" s="120">
        <v>0</v>
      </c>
      <c r="OA12" s="145"/>
      <c r="OB12" s="119">
        <v>0</v>
      </c>
      <c r="OC12" s="119">
        <v>0</v>
      </c>
      <c r="OD12" s="119">
        <v>2233519</v>
      </c>
      <c r="OE12" s="119">
        <v>25861991</v>
      </c>
      <c r="OF12" s="119">
        <v>29105443</v>
      </c>
      <c r="OG12" s="120">
        <v>57200953</v>
      </c>
      <c r="OH12" s="121">
        <v>57200953</v>
      </c>
      <c r="OI12" s="142">
        <v>27169562</v>
      </c>
      <c r="OJ12" s="119">
        <v>73311338</v>
      </c>
      <c r="OK12" s="141">
        <v>100480900</v>
      </c>
      <c r="OL12" s="118">
        <v>0</v>
      </c>
      <c r="OM12" s="119">
        <v>430441325</v>
      </c>
      <c r="ON12" s="119">
        <v>716809423</v>
      </c>
      <c r="OO12" s="119">
        <v>934282554</v>
      </c>
      <c r="OP12" s="119">
        <v>984113463</v>
      </c>
      <c r="OQ12" s="119">
        <v>665229683</v>
      </c>
      <c r="OR12" s="120">
        <v>3730876448</v>
      </c>
      <c r="OS12" s="143">
        <v>3831357348</v>
      </c>
    </row>
    <row r="13" spans="1:409" ht="21" customHeight="1" x14ac:dyDescent="0.2">
      <c r="B13" s="62" t="s">
        <v>7</v>
      </c>
      <c r="C13" s="110">
        <v>14168645</v>
      </c>
      <c r="D13" s="114">
        <v>17904638</v>
      </c>
      <c r="E13" s="113">
        <v>32073283</v>
      </c>
      <c r="F13" s="109">
        <v>0</v>
      </c>
      <c r="G13" s="114">
        <v>339233089</v>
      </c>
      <c r="H13" s="114">
        <v>310439318</v>
      </c>
      <c r="I13" s="114">
        <v>260419399</v>
      </c>
      <c r="J13" s="114">
        <v>273902893</v>
      </c>
      <c r="K13" s="114">
        <v>184540345</v>
      </c>
      <c r="L13" s="109">
        <v>1368535044</v>
      </c>
      <c r="M13" s="116">
        <v>1400608327</v>
      </c>
      <c r="N13" s="110">
        <v>2089883</v>
      </c>
      <c r="O13" s="114">
        <v>1761584</v>
      </c>
      <c r="P13" s="113">
        <v>3851467</v>
      </c>
      <c r="Q13" s="110">
        <v>0</v>
      </c>
      <c r="R13" s="114">
        <v>80316234</v>
      </c>
      <c r="S13" s="114">
        <v>87856212</v>
      </c>
      <c r="T13" s="114">
        <v>87918715</v>
      </c>
      <c r="U13" s="114">
        <v>116624053</v>
      </c>
      <c r="V13" s="114">
        <v>105400912</v>
      </c>
      <c r="W13" s="113">
        <v>478116126</v>
      </c>
      <c r="X13" s="116">
        <v>481967593</v>
      </c>
      <c r="Y13" s="110">
        <v>0</v>
      </c>
      <c r="Z13" s="114">
        <v>0</v>
      </c>
      <c r="AA13" s="113">
        <v>0</v>
      </c>
      <c r="AB13" s="110">
        <v>0</v>
      </c>
      <c r="AC13" s="114">
        <v>44239711</v>
      </c>
      <c r="AD13" s="114">
        <v>48973278</v>
      </c>
      <c r="AE13" s="114">
        <v>55948897</v>
      </c>
      <c r="AF13" s="114">
        <v>75592829</v>
      </c>
      <c r="AG13" s="114">
        <v>69986050</v>
      </c>
      <c r="AH13" s="113">
        <v>294740765</v>
      </c>
      <c r="AI13" s="116">
        <v>294740765</v>
      </c>
      <c r="AJ13" s="110">
        <v>0</v>
      </c>
      <c r="AK13" s="114">
        <v>0</v>
      </c>
      <c r="AL13" s="113">
        <v>0</v>
      </c>
      <c r="AM13" s="110">
        <v>0</v>
      </c>
      <c r="AN13" s="114">
        <v>733585</v>
      </c>
      <c r="AO13" s="114">
        <v>2443550</v>
      </c>
      <c r="AP13" s="114">
        <v>3687179</v>
      </c>
      <c r="AQ13" s="114">
        <v>7554199</v>
      </c>
      <c r="AR13" s="114">
        <v>10675892</v>
      </c>
      <c r="AS13" s="113">
        <v>25094405</v>
      </c>
      <c r="AT13" s="116">
        <v>25094405</v>
      </c>
      <c r="AU13" s="110">
        <v>396551</v>
      </c>
      <c r="AV13" s="114">
        <v>521406</v>
      </c>
      <c r="AW13" s="113">
        <v>917957</v>
      </c>
      <c r="AX13" s="110">
        <v>0</v>
      </c>
      <c r="AY13" s="114">
        <v>18914427</v>
      </c>
      <c r="AZ13" s="114">
        <v>21276845</v>
      </c>
      <c r="BA13" s="114">
        <v>14329405</v>
      </c>
      <c r="BB13" s="114">
        <v>18607303</v>
      </c>
      <c r="BC13" s="114">
        <v>15354798</v>
      </c>
      <c r="BD13" s="113">
        <v>88482778</v>
      </c>
      <c r="BE13" s="116">
        <v>89400735</v>
      </c>
      <c r="BF13" s="110">
        <v>76626</v>
      </c>
      <c r="BG13" s="114">
        <v>208457</v>
      </c>
      <c r="BH13" s="112">
        <v>285083</v>
      </c>
      <c r="BI13" s="111">
        <v>0</v>
      </c>
      <c r="BJ13" s="114">
        <v>1883401</v>
      </c>
      <c r="BK13" s="114">
        <v>2333233</v>
      </c>
      <c r="BL13" s="114">
        <v>2206216</v>
      </c>
      <c r="BM13" s="114">
        <v>1695138</v>
      </c>
      <c r="BN13" s="114">
        <v>986534</v>
      </c>
      <c r="BO13" s="113">
        <v>9104522</v>
      </c>
      <c r="BP13" s="116">
        <v>9389605</v>
      </c>
      <c r="BQ13" s="110">
        <v>1616706</v>
      </c>
      <c r="BR13" s="114">
        <v>1031721</v>
      </c>
      <c r="BS13" s="113">
        <v>2648427</v>
      </c>
      <c r="BT13" s="110">
        <v>0</v>
      </c>
      <c r="BU13" s="114">
        <v>14545110</v>
      </c>
      <c r="BV13" s="114">
        <v>12829306</v>
      </c>
      <c r="BW13" s="114">
        <v>11747018</v>
      </c>
      <c r="BX13" s="114">
        <v>13174584</v>
      </c>
      <c r="BY13" s="114">
        <v>8397638</v>
      </c>
      <c r="BZ13" s="113">
        <v>60693656</v>
      </c>
      <c r="CA13" s="116">
        <v>63342083</v>
      </c>
      <c r="CB13" s="110">
        <v>803852</v>
      </c>
      <c r="CC13" s="114">
        <v>2463920</v>
      </c>
      <c r="CD13" s="113">
        <v>3267772</v>
      </c>
      <c r="CE13" s="110">
        <v>0</v>
      </c>
      <c r="CF13" s="114">
        <v>91126835</v>
      </c>
      <c r="CG13" s="114">
        <v>77142573</v>
      </c>
      <c r="CH13" s="114">
        <v>51568882</v>
      </c>
      <c r="CI13" s="114">
        <v>34772499</v>
      </c>
      <c r="CJ13" s="114">
        <v>14771277</v>
      </c>
      <c r="CK13" s="113">
        <v>269382066</v>
      </c>
      <c r="CL13" s="116">
        <v>272649838</v>
      </c>
      <c r="CM13" s="110">
        <v>0</v>
      </c>
      <c r="CN13" s="114">
        <v>0</v>
      </c>
      <c r="CO13" s="113">
        <v>0</v>
      </c>
      <c r="CP13" s="111">
        <v>0</v>
      </c>
      <c r="CQ13" s="114">
        <v>78363253</v>
      </c>
      <c r="CR13" s="114">
        <v>63412440</v>
      </c>
      <c r="CS13" s="114">
        <v>41661032</v>
      </c>
      <c r="CT13" s="114">
        <v>28259560</v>
      </c>
      <c r="CU13" s="114">
        <v>12835326</v>
      </c>
      <c r="CV13" s="113">
        <v>224531611</v>
      </c>
      <c r="CW13" s="116">
        <v>224531611</v>
      </c>
      <c r="CX13" s="110">
        <v>803852</v>
      </c>
      <c r="CY13" s="114">
        <v>2463920</v>
      </c>
      <c r="CZ13" s="113">
        <v>3267772</v>
      </c>
      <c r="DA13" s="110">
        <v>0</v>
      </c>
      <c r="DB13" s="114">
        <v>12763582</v>
      </c>
      <c r="DC13" s="114">
        <v>13730133</v>
      </c>
      <c r="DD13" s="114">
        <v>9907850</v>
      </c>
      <c r="DE13" s="114">
        <v>6512939</v>
      </c>
      <c r="DF13" s="114">
        <v>1935951</v>
      </c>
      <c r="DG13" s="113">
        <v>44850455</v>
      </c>
      <c r="DH13" s="116">
        <v>48118227</v>
      </c>
      <c r="DI13" s="110">
        <v>33070</v>
      </c>
      <c r="DJ13" s="114">
        <v>116436</v>
      </c>
      <c r="DK13" s="112">
        <v>149506</v>
      </c>
      <c r="DL13" s="111">
        <v>0</v>
      </c>
      <c r="DM13" s="114">
        <v>11929503</v>
      </c>
      <c r="DN13" s="114">
        <v>19924717</v>
      </c>
      <c r="DO13" s="114">
        <v>25518462</v>
      </c>
      <c r="DP13" s="114">
        <v>22279286</v>
      </c>
      <c r="DQ13" s="114">
        <v>7692269</v>
      </c>
      <c r="DR13" s="113">
        <v>87344237</v>
      </c>
      <c r="DS13" s="116">
        <v>87493743</v>
      </c>
      <c r="DT13" s="110">
        <v>33070</v>
      </c>
      <c r="DU13" s="114">
        <v>116436</v>
      </c>
      <c r="DV13" s="113">
        <v>149506</v>
      </c>
      <c r="DW13" s="110">
        <v>0</v>
      </c>
      <c r="DX13" s="114">
        <v>11303235</v>
      </c>
      <c r="DY13" s="114">
        <v>18969711</v>
      </c>
      <c r="DZ13" s="114">
        <v>23390569</v>
      </c>
      <c r="EA13" s="114">
        <v>20514493</v>
      </c>
      <c r="EB13" s="114">
        <v>7524210</v>
      </c>
      <c r="EC13" s="113">
        <v>81702218</v>
      </c>
      <c r="ED13" s="116">
        <v>81851724</v>
      </c>
      <c r="EE13" s="110">
        <v>0</v>
      </c>
      <c r="EF13" s="112">
        <v>0</v>
      </c>
      <c r="EG13" s="113">
        <v>0</v>
      </c>
      <c r="EH13" s="110">
        <v>0</v>
      </c>
      <c r="EI13" s="114">
        <v>626268</v>
      </c>
      <c r="EJ13" s="114">
        <v>955006</v>
      </c>
      <c r="EK13" s="114">
        <v>2127893</v>
      </c>
      <c r="EL13" s="114">
        <v>1764793</v>
      </c>
      <c r="EM13" s="114">
        <v>168059</v>
      </c>
      <c r="EN13" s="112">
        <v>5642019</v>
      </c>
      <c r="EO13" s="116">
        <v>5642019</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4037854</v>
      </c>
      <c r="FM13" s="114">
        <v>5831104</v>
      </c>
      <c r="FN13" s="113">
        <v>9868958</v>
      </c>
      <c r="FO13" s="110">
        <v>0</v>
      </c>
      <c r="FP13" s="114">
        <v>16427988</v>
      </c>
      <c r="FQ13" s="114">
        <v>32946524</v>
      </c>
      <c r="FR13" s="114">
        <v>21380334</v>
      </c>
      <c r="FS13" s="114">
        <v>20188873</v>
      </c>
      <c r="FT13" s="114">
        <v>12780710</v>
      </c>
      <c r="FU13" s="113">
        <v>103724429</v>
      </c>
      <c r="FV13" s="116">
        <v>113593387</v>
      </c>
      <c r="FW13" s="115">
        <v>1420841</v>
      </c>
      <c r="FX13" s="114">
        <v>3235939</v>
      </c>
      <c r="FY13" s="112">
        <v>4656780</v>
      </c>
      <c r="FZ13" s="111">
        <v>0</v>
      </c>
      <c r="GA13" s="114">
        <v>11567599</v>
      </c>
      <c r="GB13" s="114">
        <v>28943013</v>
      </c>
      <c r="GC13" s="114">
        <v>20031423</v>
      </c>
      <c r="GD13" s="114">
        <v>18769503</v>
      </c>
      <c r="GE13" s="114">
        <v>12105523</v>
      </c>
      <c r="GF13" s="113">
        <v>91417061</v>
      </c>
      <c r="GG13" s="318">
        <v>96073841</v>
      </c>
      <c r="GH13" s="115">
        <v>404624</v>
      </c>
      <c r="GI13" s="114">
        <v>628401</v>
      </c>
      <c r="GJ13" s="112">
        <v>1033025</v>
      </c>
      <c r="GK13" s="111">
        <v>0</v>
      </c>
      <c r="GL13" s="114">
        <v>1187142</v>
      </c>
      <c r="GM13" s="114">
        <v>993939</v>
      </c>
      <c r="GN13" s="114">
        <v>762577</v>
      </c>
      <c r="GO13" s="114">
        <v>402692</v>
      </c>
      <c r="GP13" s="114">
        <v>327322</v>
      </c>
      <c r="GQ13" s="113">
        <v>3673672</v>
      </c>
      <c r="GR13" s="116">
        <v>4706697</v>
      </c>
      <c r="GS13" s="110">
        <v>2212389</v>
      </c>
      <c r="GT13" s="114">
        <v>1966764</v>
      </c>
      <c r="GU13" s="113">
        <v>4179153</v>
      </c>
      <c r="GV13" s="110">
        <v>0</v>
      </c>
      <c r="GW13" s="114">
        <v>3673247</v>
      </c>
      <c r="GX13" s="114">
        <v>3009572</v>
      </c>
      <c r="GY13" s="114">
        <v>586334</v>
      </c>
      <c r="GZ13" s="114">
        <v>1016678</v>
      </c>
      <c r="HA13" s="114">
        <v>347865</v>
      </c>
      <c r="HB13" s="112">
        <v>8633696</v>
      </c>
      <c r="HC13" s="116">
        <v>12812849</v>
      </c>
      <c r="HD13" s="110">
        <v>5182694</v>
      </c>
      <c r="HE13" s="114">
        <v>4142363</v>
      </c>
      <c r="HF13" s="112">
        <v>9325057</v>
      </c>
      <c r="HG13" s="111">
        <v>0</v>
      </c>
      <c r="HH13" s="114">
        <v>73272850</v>
      </c>
      <c r="HI13" s="114">
        <v>46731092</v>
      </c>
      <c r="HJ13" s="114">
        <v>44636389</v>
      </c>
      <c r="HK13" s="114">
        <v>58410637</v>
      </c>
      <c r="HL13" s="114">
        <v>32442738</v>
      </c>
      <c r="HM13" s="113">
        <v>255493706</v>
      </c>
      <c r="HN13" s="109">
        <v>264818763</v>
      </c>
      <c r="HO13" s="115">
        <v>2021292</v>
      </c>
      <c r="HP13" s="114">
        <v>3589231</v>
      </c>
      <c r="HQ13" s="113">
        <v>5610523</v>
      </c>
      <c r="HR13" s="110">
        <v>0</v>
      </c>
      <c r="HS13" s="114">
        <v>66159679</v>
      </c>
      <c r="HT13" s="114">
        <v>45838200</v>
      </c>
      <c r="HU13" s="114">
        <v>29396617</v>
      </c>
      <c r="HV13" s="114">
        <v>21627545</v>
      </c>
      <c r="HW13" s="114">
        <v>11452439</v>
      </c>
      <c r="HX13" s="112">
        <v>174474480</v>
      </c>
      <c r="HY13" s="116">
        <v>180085003</v>
      </c>
      <c r="HZ13" s="131">
        <v>187588</v>
      </c>
      <c r="IA13" s="132">
        <v>785228</v>
      </c>
      <c r="IB13" s="133">
        <v>972816</v>
      </c>
      <c r="IC13" s="146">
        <v>0</v>
      </c>
      <c r="ID13" s="132">
        <v>89389612</v>
      </c>
      <c r="IE13" s="147">
        <v>90183401</v>
      </c>
      <c r="IF13" s="133">
        <v>96014334</v>
      </c>
      <c r="IG13" s="132">
        <v>61958311</v>
      </c>
      <c r="IH13" s="133">
        <v>37972701</v>
      </c>
      <c r="II13" s="148">
        <v>375518359</v>
      </c>
      <c r="IJ13" s="139">
        <v>376491175</v>
      </c>
      <c r="IK13" s="232">
        <v>0</v>
      </c>
      <c r="IL13" s="236">
        <v>0</v>
      </c>
      <c r="IM13" s="237">
        <v>0</v>
      </c>
      <c r="IN13" s="140"/>
      <c r="IO13" s="119">
        <v>348283</v>
      </c>
      <c r="IP13" s="119">
        <v>770456</v>
      </c>
      <c r="IQ13" s="119">
        <v>1246445</v>
      </c>
      <c r="IR13" s="119">
        <v>1773403</v>
      </c>
      <c r="IS13" s="119">
        <v>1546754</v>
      </c>
      <c r="IT13" s="141">
        <v>5685341</v>
      </c>
      <c r="IU13" s="320">
        <v>5685341</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46308172</v>
      </c>
      <c r="JL13" s="119">
        <v>35292611</v>
      </c>
      <c r="JM13" s="119">
        <v>25326438</v>
      </c>
      <c r="JN13" s="119">
        <v>11380550</v>
      </c>
      <c r="JO13" s="119">
        <v>4490950</v>
      </c>
      <c r="JP13" s="120">
        <v>122798721</v>
      </c>
      <c r="JQ13" s="320">
        <v>122798721</v>
      </c>
      <c r="JR13" s="142">
        <v>0</v>
      </c>
      <c r="JS13" s="119">
        <v>0</v>
      </c>
      <c r="JT13" s="141">
        <v>0</v>
      </c>
      <c r="JU13" s="118">
        <v>0</v>
      </c>
      <c r="JV13" s="119">
        <v>6822667</v>
      </c>
      <c r="JW13" s="119">
        <v>10084383</v>
      </c>
      <c r="JX13" s="119">
        <v>13493606</v>
      </c>
      <c r="JY13" s="119">
        <v>6183813</v>
      </c>
      <c r="JZ13" s="119">
        <v>2769911</v>
      </c>
      <c r="KA13" s="120">
        <v>39354380</v>
      </c>
      <c r="KB13" s="320">
        <v>39354380</v>
      </c>
      <c r="KC13" s="234">
        <v>187588</v>
      </c>
      <c r="KD13" s="230">
        <v>785228</v>
      </c>
      <c r="KE13" s="120">
        <v>972816</v>
      </c>
      <c r="KF13" s="118">
        <v>0</v>
      </c>
      <c r="KG13" s="119">
        <v>5843488</v>
      </c>
      <c r="KH13" s="119">
        <v>5285225</v>
      </c>
      <c r="KI13" s="119">
        <v>9667027</v>
      </c>
      <c r="KJ13" s="119">
        <v>4677968</v>
      </c>
      <c r="KK13" s="119">
        <v>1402864</v>
      </c>
      <c r="KL13" s="120">
        <v>26876572</v>
      </c>
      <c r="KM13" s="143">
        <v>27849388</v>
      </c>
      <c r="KN13" s="232">
        <v>0</v>
      </c>
      <c r="KO13" s="236">
        <v>0</v>
      </c>
      <c r="KP13" s="237">
        <v>0</v>
      </c>
      <c r="KQ13" s="140"/>
      <c r="KR13" s="119">
        <v>28420802</v>
      </c>
      <c r="KS13" s="119">
        <v>35413118</v>
      </c>
      <c r="KT13" s="119">
        <v>42228981</v>
      </c>
      <c r="KU13" s="119">
        <v>34412984</v>
      </c>
      <c r="KV13" s="119">
        <v>18821017</v>
      </c>
      <c r="KW13" s="120">
        <v>159296902</v>
      </c>
      <c r="KX13" s="320">
        <v>159296902</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1646200</v>
      </c>
      <c r="LZ13" s="119">
        <v>3337608</v>
      </c>
      <c r="MA13" s="119">
        <v>4051837</v>
      </c>
      <c r="MB13" s="119">
        <v>3529593</v>
      </c>
      <c r="MC13" s="119">
        <v>8941205</v>
      </c>
      <c r="MD13" s="120">
        <v>21506443</v>
      </c>
      <c r="ME13" s="121">
        <v>21506443</v>
      </c>
      <c r="MF13" s="142">
        <v>0</v>
      </c>
      <c r="MG13" s="119">
        <v>0</v>
      </c>
      <c r="MH13" s="120">
        <v>0</v>
      </c>
      <c r="MI13" s="145"/>
      <c r="MJ13" s="119">
        <v>39936603</v>
      </c>
      <c r="MK13" s="119">
        <v>63124285</v>
      </c>
      <c r="ML13" s="119">
        <v>198938119</v>
      </c>
      <c r="MM13" s="119">
        <v>320860667</v>
      </c>
      <c r="MN13" s="119">
        <v>185408680</v>
      </c>
      <c r="MO13" s="120">
        <v>808268354</v>
      </c>
      <c r="MP13" s="143">
        <v>808268354</v>
      </c>
      <c r="MQ13" s="142">
        <v>0</v>
      </c>
      <c r="MR13" s="119">
        <v>0</v>
      </c>
      <c r="MS13" s="120">
        <v>0</v>
      </c>
      <c r="MT13" s="145"/>
      <c r="MU13" s="119">
        <v>4226871</v>
      </c>
      <c r="MV13" s="119">
        <v>9119882</v>
      </c>
      <c r="MW13" s="119">
        <v>127220836</v>
      </c>
      <c r="MX13" s="119">
        <v>233313876</v>
      </c>
      <c r="MY13" s="119">
        <v>154390105</v>
      </c>
      <c r="MZ13" s="120">
        <v>528271570</v>
      </c>
      <c r="NA13" s="143">
        <v>528271570</v>
      </c>
      <c r="NB13" s="142">
        <v>0</v>
      </c>
      <c r="NC13" s="119">
        <v>0</v>
      </c>
      <c r="ND13" s="120">
        <v>0</v>
      </c>
      <c r="NE13" s="145"/>
      <c r="NF13" s="119">
        <v>35709732</v>
      </c>
      <c r="NG13" s="119">
        <v>54004403</v>
      </c>
      <c r="NH13" s="119">
        <v>71071727</v>
      </c>
      <c r="NI13" s="119">
        <v>86040606</v>
      </c>
      <c r="NJ13" s="119">
        <v>29307630</v>
      </c>
      <c r="NK13" s="120">
        <v>276134098</v>
      </c>
      <c r="NL13" s="320">
        <v>276134098</v>
      </c>
      <c r="NM13" s="142">
        <v>0</v>
      </c>
      <c r="NN13" s="119">
        <v>0</v>
      </c>
      <c r="NO13" s="120">
        <v>0</v>
      </c>
      <c r="NP13" s="145"/>
      <c r="NQ13" s="119">
        <v>0</v>
      </c>
      <c r="NR13" s="119">
        <v>0</v>
      </c>
      <c r="NS13" s="119">
        <v>0</v>
      </c>
      <c r="NT13" s="119">
        <v>794421</v>
      </c>
      <c r="NU13" s="119">
        <v>1008225</v>
      </c>
      <c r="NV13" s="120">
        <v>1802646</v>
      </c>
      <c r="NW13" s="121">
        <v>1802646</v>
      </c>
      <c r="NX13" s="142">
        <v>0</v>
      </c>
      <c r="NY13" s="119">
        <v>0</v>
      </c>
      <c r="NZ13" s="120">
        <v>0</v>
      </c>
      <c r="OA13" s="145"/>
      <c r="OB13" s="119">
        <v>0</v>
      </c>
      <c r="OC13" s="119">
        <v>0</v>
      </c>
      <c r="OD13" s="119">
        <v>645556</v>
      </c>
      <c r="OE13" s="119">
        <v>711764</v>
      </c>
      <c r="OF13" s="119">
        <v>702720</v>
      </c>
      <c r="OG13" s="120">
        <v>2060040</v>
      </c>
      <c r="OH13" s="121">
        <v>2060040</v>
      </c>
      <c r="OI13" s="142">
        <v>14356233</v>
      </c>
      <c r="OJ13" s="119">
        <v>18689866</v>
      </c>
      <c r="OK13" s="141">
        <v>33046099</v>
      </c>
      <c r="OL13" s="118">
        <v>0</v>
      </c>
      <c r="OM13" s="119">
        <v>468559304</v>
      </c>
      <c r="ON13" s="119">
        <v>463747004</v>
      </c>
      <c r="OO13" s="119">
        <v>555371852</v>
      </c>
      <c r="OP13" s="119">
        <v>656721871</v>
      </c>
      <c r="OQ13" s="119">
        <v>407921726</v>
      </c>
      <c r="OR13" s="120">
        <v>2552321757</v>
      </c>
      <c r="OS13" s="143">
        <v>2585367856</v>
      </c>
    </row>
    <row r="14" spans="1:409" ht="21" customHeight="1" x14ac:dyDescent="0.2">
      <c r="B14" s="62" t="s">
        <v>8</v>
      </c>
      <c r="C14" s="110">
        <v>12342752</v>
      </c>
      <c r="D14" s="114">
        <v>15385855</v>
      </c>
      <c r="E14" s="113">
        <v>27728607</v>
      </c>
      <c r="F14" s="109">
        <v>0</v>
      </c>
      <c r="G14" s="114">
        <v>135385772</v>
      </c>
      <c r="H14" s="114">
        <v>201129676</v>
      </c>
      <c r="I14" s="114">
        <v>176709771</v>
      </c>
      <c r="J14" s="114">
        <v>156413071</v>
      </c>
      <c r="K14" s="114">
        <v>114111122</v>
      </c>
      <c r="L14" s="109">
        <v>783749412</v>
      </c>
      <c r="M14" s="116">
        <v>811478019</v>
      </c>
      <c r="N14" s="110">
        <v>1905778</v>
      </c>
      <c r="O14" s="114">
        <v>2818811</v>
      </c>
      <c r="P14" s="113">
        <v>4724589</v>
      </c>
      <c r="Q14" s="110">
        <v>0</v>
      </c>
      <c r="R14" s="114">
        <v>35890651</v>
      </c>
      <c r="S14" s="114">
        <v>63107103</v>
      </c>
      <c r="T14" s="114">
        <v>58893102</v>
      </c>
      <c r="U14" s="114">
        <v>63382300</v>
      </c>
      <c r="V14" s="114">
        <v>60921969</v>
      </c>
      <c r="W14" s="113">
        <v>282195125</v>
      </c>
      <c r="X14" s="116">
        <v>286919714</v>
      </c>
      <c r="Y14" s="110">
        <v>0</v>
      </c>
      <c r="Z14" s="114">
        <v>0</v>
      </c>
      <c r="AA14" s="113">
        <v>0</v>
      </c>
      <c r="AB14" s="110">
        <v>0</v>
      </c>
      <c r="AC14" s="114">
        <v>18500768</v>
      </c>
      <c r="AD14" s="114">
        <v>37174945</v>
      </c>
      <c r="AE14" s="114">
        <v>37730495</v>
      </c>
      <c r="AF14" s="114">
        <v>41524431</v>
      </c>
      <c r="AG14" s="114">
        <v>37986055</v>
      </c>
      <c r="AH14" s="113">
        <v>172916694</v>
      </c>
      <c r="AI14" s="116">
        <v>172916694</v>
      </c>
      <c r="AJ14" s="110">
        <v>0</v>
      </c>
      <c r="AK14" s="114">
        <v>0</v>
      </c>
      <c r="AL14" s="113">
        <v>0</v>
      </c>
      <c r="AM14" s="110">
        <v>0</v>
      </c>
      <c r="AN14" s="114">
        <v>309456</v>
      </c>
      <c r="AO14" s="114">
        <v>999550</v>
      </c>
      <c r="AP14" s="114">
        <v>1471161</v>
      </c>
      <c r="AQ14" s="114">
        <v>3094052</v>
      </c>
      <c r="AR14" s="114">
        <v>6613047</v>
      </c>
      <c r="AS14" s="113">
        <v>12487266</v>
      </c>
      <c r="AT14" s="116">
        <v>12487266</v>
      </c>
      <c r="AU14" s="110">
        <v>982889</v>
      </c>
      <c r="AV14" s="114">
        <v>1854441</v>
      </c>
      <c r="AW14" s="113">
        <v>2837330</v>
      </c>
      <c r="AX14" s="110">
        <v>0</v>
      </c>
      <c r="AY14" s="114">
        <v>9236380</v>
      </c>
      <c r="AZ14" s="114">
        <v>15044079</v>
      </c>
      <c r="BA14" s="114">
        <v>10430691</v>
      </c>
      <c r="BB14" s="114">
        <v>10281834</v>
      </c>
      <c r="BC14" s="114">
        <v>10431248</v>
      </c>
      <c r="BD14" s="113">
        <v>55424232</v>
      </c>
      <c r="BE14" s="116">
        <v>58261562</v>
      </c>
      <c r="BF14" s="110">
        <v>179569</v>
      </c>
      <c r="BG14" s="114">
        <v>442965</v>
      </c>
      <c r="BH14" s="112">
        <v>622534</v>
      </c>
      <c r="BI14" s="111">
        <v>0</v>
      </c>
      <c r="BJ14" s="114">
        <v>2002983</v>
      </c>
      <c r="BK14" s="114">
        <v>2641920</v>
      </c>
      <c r="BL14" s="114">
        <v>1995643</v>
      </c>
      <c r="BM14" s="114">
        <v>1644760</v>
      </c>
      <c r="BN14" s="114">
        <v>945365</v>
      </c>
      <c r="BO14" s="113">
        <v>9230671</v>
      </c>
      <c r="BP14" s="116">
        <v>9853205</v>
      </c>
      <c r="BQ14" s="110">
        <v>743320</v>
      </c>
      <c r="BR14" s="114">
        <v>521405</v>
      </c>
      <c r="BS14" s="113">
        <v>1264725</v>
      </c>
      <c r="BT14" s="110">
        <v>0</v>
      </c>
      <c r="BU14" s="114">
        <v>5841064</v>
      </c>
      <c r="BV14" s="114">
        <v>7246609</v>
      </c>
      <c r="BW14" s="114">
        <v>7265112</v>
      </c>
      <c r="BX14" s="114">
        <v>6837223</v>
      </c>
      <c r="BY14" s="114">
        <v>4946254</v>
      </c>
      <c r="BZ14" s="113">
        <v>32136262</v>
      </c>
      <c r="CA14" s="116">
        <v>33400987</v>
      </c>
      <c r="CB14" s="110">
        <v>1251100</v>
      </c>
      <c r="CC14" s="114">
        <v>2449376</v>
      </c>
      <c r="CD14" s="113">
        <v>3700476</v>
      </c>
      <c r="CE14" s="110">
        <v>0</v>
      </c>
      <c r="CF14" s="114">
        <v>37586452</v>
      </c>
      <c r="CG14" s="114">
        <v>54602232</v>
      </c>
      <c r="CH14" s="114">
        <v>40199188</v>
      </c>
      <c r="CI14" s="114">
        <v>26484807</v>
      </c>
      <c r="CJ14" s="114">
        <v>15069594</v>
      </c>
      <c r="CK14" s="113">
        <v>173942273</v>
      </c>
      <c r="CL14" s="116">
        <v>177642749</v>
      </c>
      <c r="CM14" s="110">
        <v>0</v>
      </c>
      <c r="CN14" s="114">
        <v>0</v>
      </c>
      <c r="CO14" s="113">
        <v>0</v>
      </c>
      <c r="CP14" s="111">
        <v>0</v>
      </c>
      <c r="CQ14" s="114">
        <v>32051034</v>
      </c>
      <c r="CR14" s="114">
        <v>44453044</v>
      </c>
      <c r="CS14" s="114">
        <v>32866214</v>
      </c>
      <c r="CT14" s="114">
        <v>21267516</v>
      </c>
      <c r="CU14" s="114">
        <v>13394105</v>
      </c>
      <c r="CV14" s="113">
        <v>144031913</v>
      </c>
      <c r="CW14" s="116">
        <v>144031913</v>
      </c>
      <c r="CX14" s="110">
        <v>1251100</v>
      </c>
      <c r="CY14" s="114">
        <v>2449376</v>
      </c>
      <c r="CZ14" s="113">
        <v>3700476</v>
      </c>
      <c r="DA14" s="110">
        <v>0</v>
      </c>
      <c r="DB14" s="114">
        <v>5535418</v>
      </c>
      <c r="DC14" s="114">
        <v>10149188</v>
      </c>
      <c r="DD14" s="114">
        <v>7332974</v>
      </c>
      <c r="DE14" s="114">
        <v>5217291</v>
      </c>
      <c r="DF14" s="114">
        <v>1675489</v>
      </c>
      <c r="DG14" s="113">
        <v>29910360</v>
      </c>
      <c r="DH14" s="116">
        <v>33610836</v>
      </c>
      <c r="DI14" s="110">
        <v>74948</v>
      </c>
      <c r="DJ14" s="114">
        <v>203970</v>
      </c>
      <c r="DK14" s="112">
        <v>278918</v>
      </c>
      <c r="DL14" s="111">
        <v>0</v>
      </c>
      <c r="DM14" s="114">
        <v>4178384</v>
      </c>
      <c r="DN14" s="114">
        <v>10203724</v>
      </c>
      <c r="DO14" s="114">
        <v>22845356</v>
      </c>
      <c r="DP14" s="114">
        <v>14407835</v>
      </c>
      <c r="DQ14" s="114">
        <v>5820552</v>
      </c>
      <c r="DR14" s="113">
        <v>57455851</v>
      </c>
      <c r="DS14" s="116">
        <v>57734769</v>
      </c>
      <c r="DT14" s="110">
        <v>74948</v>
      </c>
      <c r="DU14" s="114">
        <v>203970</v>
      </c>
      <c r="DV14" s="113">
        <v>278918</v>
      </c>
      <c r="DW14" s="110">
        <v>0</v>
      </c>
      <c r="DX14" s="114">
        <v>4124188</v>
      </c>
      <c r="DY14" s="114">
        <v>9868721</v>
      </c>
      <c r="DZ14" s="114">
        <v>22613082</v>
      </c>
      <c r="EA14" s="114">
        <v>14012227</v>
      </c>
      <c r="EB14" s="114">
        <v>5820552</v>
      </c>
      <c r="EC14" s="113">
        <v>56438770</v>
      </c>
      <c r="ED14" s="116">
        <v>56717688</v>
      </c>
      <c r="EE14" s="110">
        <v>0</v>
      </c>
      <c r="EF14" s="112">
        <v>0</v>
      </c>
      <c r="EG14" s="113">
        <v>0</v>
      </c>
      <c r="EH14" s="110">
        <v>0</v>
      </c>
      <c r="EI14" s="114">
        <v>54196</v>
      </c>
      <c r="EJ14" s="114">
        <v>335003</v>
      </c>
      <c r="EK14" s="114">
        <v>232274</v>
      </c>
      <c r="EL14" s="114">
        <v>395608</v>
      </c>
      <c r="EM14" s="114">
        <v>0</v>
      </c>
      <c r="EN14" s="112">
        <v>1017081</v>
      </c>
      <c r="EO14" s="116">
        <v>1017081</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4417557</v>
      </c>
      <c r="FM14" s="114">
        <v>5561466</v>
      </c>
      <c r="FN14" s="113">
        <v>9979023</v>
      </c>
      <c r="FO14" s="110">
        <v>0</v>
      </c>
      <c r="FP14" s="114">
        <v>11056447</v>
      </c>
      <c r="FQ14" s="114">
        <v>24204220</v>
      </c>
      <c r="FR14" s="114">
        <v>15439650</v>
      </c>
      <c r="FS14" s="114">
        <v>13545073</v>
      </c>
      <c r="FT14" s="114">
        <v>8762409</v>
      </c>
      <c r="FU14" s="113">
        <v>73007799</v>
      </c>
      <c r="FV14" s="116">
        <v>82986822</v>
      </c>
      <c r="FW14" s="115">
        <v>2113443</v>
      </c>
      <c r="FX14" s="114">
        <v>3761898</v>
      </c>
      <c r="FY14" s="112">
        <v>5875341</v>
      </c>
      <c r="FZ14" s="111">
        <v>0</v>
      </c>
      <c r="GA14" s="114">
        <v>6939081</v>
      </c>
      <c r="GB14" s="114">
        <v>20278711</v>
      </c>
      <c r="GC14" s="114">
        <v>13976281</v>
      </c>
      <c r="GD14" s="114">
        <v>11936843</v>
      </c>
      <c r="GE14" s="114">
        <v>8602593</v>
      </c>
      <c r="GF14" s="113">
        <v>61733509</v>
      </c>
      <c r="GG14" s="318">
        <v>67608850</v>
      </c>
      <c r="GH14" s="115">
        <v>526148</v>
      </c>
      <c r="GI14" s="114">
        <v>327978</v>
      </c>
      <c r="GJ14" s="112">
        <v>854126</v>
      </c>
      <c r="GK14" s="111">
        <v>0</v>
      </c>
      <c r="GL14" s="114">
        <v>1012790</v>
      </c>
      <c r="GM14" s="114">
        <v>1150690</v>
      </c>
      <c r="GN14" s="114">
        <v>684423</v>
      </c>
      <c r="GO14" s="114">
        <v>667228</v>
      </c>
      <c r="GP14" s="114">
        <v>129786</v>
      </c>
      <c r="GQ14" s="113">
        <v>3644917</v>
      </c>
      <c r="GR14" s="116">
        <v>4499043</v>
      </c>
      <c r="GS14" s="110">
        <v>1777966</v>
      </c>
      <c r="GT14" s="114">
        <v>1471590</v>
      </c>
      <c r="GU14" s="113">
        <v>3249556</v>
      </c>
      <c r="GV14" s="110">
        <v>0</v>
      </c>
      <c r="GW14" s="114">
        <v>3104576</v>
      </c>
      <c r="GX14" s="114">
        <v>2774819</v>
      </c>
      <c r="GY14" s="114">
        <v>778946</v>
      </c>
      <c r="GZ14" s="114">
        <v>941002</v>
      </c>
      <c r="HA14" s="114">
        <v>30030</v>
      </c>
      <c r="HB14" s="112">
        <v>7629373</v>
      </c>
      <c r="HC14" s="116">
        <v>10878929</v>
      </c>
      <c r="HD14" s="110">
        <v>2239950</v>
      </c>
      <c r="HE14" s="114">
        <v>1323867</v>
      </c>
      <c r="HF14" s="112">
        <v>3563817</v>
      </c>
      <c r="HG14" s="111">
        <v>0</v>
      </c>
      <c r="HH14" s="114">
        <v>19955956</v>
      </c>
      <c r="HI14" s="114">
        <v>20174915</v>
      </c>
      <c r="HJ14" s="114">
        <v>19977168</v>
      </c>
      <c r="HK14" s="114">
        <v>26362491</v>
      </c>
      <c r="HL14" s="114">
        <v>16315153</v>
      </c>
      <c r="HM14" s="113">
        <v>102785683</v>
      </c>
      <c r="HN14" s="109">
        <v>106349500</v>
      </c>
      <c r="HO14" s="115">
        <v>2453419</v>
      </c>
      <c r="HP14" s="114">
        <v>3028365</v>
      </c>
      <c r="HQ14" s="113">
        <v>5481784</v>
      </c>
      <c r="HR14" s="110">
        <v>0</v>
      </c>
      <c r="HS14" s="114">
        <v>26717882</v>
      </c>
      <c r="HT14" s="114">
        <v>28837482</v>
      </c>
      <c r="HU14" s="114">
        <v>19355307</v>
      </c>
      <c r="HV14" s="114">
        <v>12230565</v>
      </c>
      <c r="HW14" s="114">
        <v>7221445</v>
      </c>
      <c r="HX14" s="112">
        <v>94362681</v>
      </c>
      <c r="HY14" s="116">
        <v>99844465</v>
      </c>
      <c r="HZ14" s="131">
        <v>526660</v>
      </c>
      <c r="IA14" s="132">
        <v>1105105</v>
      </c>
      <c r="IB14" s="133">
        <v>1631765</v>
      </c>
      <c r="IC14" s="134">
        <v>0</v>
      </c>
      <c r="ID14" s="135">
        <v>55026550</v>
      </c>
      <c r="IE14" s="136">
        <v>67392275</v>
      </c>
      <c r="IF14" s="137">
        <v>65427157</v>
      </c>
      <c r="IG14" s="135">
        <v>47308009</v>
      </c>
      <c r="IH14" s="137">
        <v>22393873</v>
      </c>
      <c r="II14" s="138">
        <v>257547864</v>
      </c>
      <c r="IJ14" s="139">
        <v>259179629</v>
      </c>
      <c r="IK14" s="232">
        <v>0</v>
      </c>
      <c r="IL14" s="236">
        <v>0</v>
      </c>
      <c r="IM14" s="237">
        <v>0</v>
      </c>
      <c r="IN14" s="140"/>
      <c r="IO14" s="119">
        <v>443678</v>
      </c>
      <c r="IP14" s="119">
        <v>957648</v>
      </c>
      <c r="IQ14" s="119">
        <v>224676</v>
      </c>
      <c r="IR14" s="119">
        <v>1502870</v>
      </c>
      <c r="IS14" s="119">
        <v>493112</v>
      </c>
      <c r="IT14" s="141">
        <v>3621984</v>
      </c>
      <c r="IU14" s="320">
        <v>3621984</v>
      </c>
      <c r="IV14" s="142">
        <v>0</v>
      </c>
      <c r="IW14" s="119">
        <v>0</v>
      </c>
      <c r="IX14" s="120">
        <v>0</v>
      </c>
      <c r="IY14" s="144"/>
      <c r="IZ14" s="119">
        <v>52924</v>
      </c>
      <c r="JA14" s="119">
        <v>19269</v>
      </c>
      <c r="JB14" s="119">
        <v>19269</v>
      </c>
      <c r="JC14" s="119">
        <v>0</v>
      </c>
      <c r="JD14" s="119">
        <v>110731</v>
      </c>
      <c r="JE14" s="120">
        <v>202193</v>
      </c>
      <c r="JF14" s="121">
        <v>202193</v>
      </c>
      <c r="JG14" s="142">
        <v>0</v>
      </c>
      <c r="JH14" s="119">
        <v>0</v>
      </c>
      <c r="JI14" s="141">
        <v>0</v>
      </c>
      <c r="JJ14" s="118">
        <v>0</v>
      </c>
      <c r="JK14" s="119">
        <v>28005670</v>
      </c>
      <c r="JL14" s="119">
        <v>32675092</v>
      </c>
      <c r="JM14" s="119">
        <v>22256346</v>
      </c>
      <c r="JN14" s="119">
        <v>11428331</v>
      </c>
      <c r="JO14" s="119">
        <v>4509477</v>
      </c>
      <c r="JP14" s="120">
        <v>98874916</v>
      </c>
      <c r="JQ14" s="320">
        <v>98874916</v>
      </c>
      <c r="JR14" s="142">
        <v>0</v>
      </c>
      <c r="JS14" s="119">
        <v>0</v>
      </c>
      <c r="JT14" s="141">
        <v>0</v>
      </c>
      <c r="JU14" s="118">
        <v>0</v>
      </c>
      <c r="JV14" s="119">
        <v>575039</v>
      </c>
      <c r="JW14" s="119">
        <v>673245</v>
      </c>
      <c r="JX14" s="119">
        <v>1189734</v>
      </c>
      <c r="JY14" s="119">
        <v>784644</v>
      </c>
      <c r="JZ14" s="119">
        <v>1144609</v>
      </c>
      <c r="KA14" s="120">
        <v>4367271</v>
      </c>
      <c r="KB14" s="320">
        <v>4367271</v>
      </c>
      <c r="KC14" s="234">
        <v>526660</v>
      </c>
      <c r="KD14" s="230">
        <v>1105105</v>
      </c>
      <c r="KE14" s="120">
        <v>1631765</v>
      </c>
      <c r="KF14" s="118">
        <v>0</v>
      </c>
      <c r="KG14" s="119">
        <v>8584283</v>
      </c>
      <c r="KH14" s="119">
        <v>11165937</v>
      </c>
      <c r="KI14" s="119">
        <v>13783640</v>
      </c>
      <c r="KJ14" s="119">
        <v>8209437</v>
      </c>
      <c r="KK14" s="119">
        <v>2816202</v>
      </c>
      <c r="KL14" s="120">
        <v>44559499</v>
      </c>
      <c r="KM14" s="143">
        <v>46191264</v>
      </c>
      <c r="KN14" s="232">
        <v>0</v>
      </c>
      <c r="KO14" s="236">
        <v>0</v>
      </c>
      <c r="KP14" s="237">
        <v>0</v>
      </c>
      <c r="KQ14" s="140"/>
      <c r="KR14" s="119">
        <v>15259083</v>
      </c>
      <c r="KS14" s="119">
        <v>17315794</v>
      </c>
      <c r="KT14" s="119">
        <v>19063733</v>
      </c>
      <c r="KU14" s="119">
        <v>14471102</v>
      </c>
      <c r="KV14" s="119">
        <v>9587391</v>
      </c>
      <c r="KW14" s="120">
        <v>75697103</v>
      </c>
      <c r="KX14" s="320">
        <v>75697103</v>
      </c>
      <c r="KY14" s="142">
        <v>0</v>
      </c>
      <c r="KZ14" s="119">
        <v>0</v>
      </c>
      <c r="LA14" s="120">
        <v>0</v>
      </c>
      <c r="LB14" s="145"/>
      <c r="LC14" s="119">
        <v>430934</v>
      </c>
      <c r="LD14" s="119">
        <v>1607174</v>
      </c>
      <c r="LE14" s="119">
        <v>2211183</v>
      </c>
      <c r="LF14" s="119">
        <v>2388266</v>
      </c>
      <c r="LG14" s="119">
        <v>1108251</v>
      </c>
      <c r="LH14" s="120">
        <v>7745808</v>
      </c>
      <c r="LI14" s="121">
        <v>7745808</v>
      </c>
      <c r="LJ14" s="142">
        <v>0</v>
      </c>
      <c r="LK14" s="119">
        <v>0</v>
      </c>
      <c r="LL14" s="120">
        <v>0</v>
      </c>
      <c r="LM14" s="145"/>
      <c r="LN14" s="119">
        <v>0</v>
      </c>
      <c r="LO14" s="119">
        <v>211264</v>
      </c>
      <c r="LP14" s="119">
        <v>2987382</v>
      </c>
      <c r="LQ14" s="119">
        <v>4626361</v>
      </c>
      <c r="LR14" s="119">
        <v>2340668</v>
      </c>
      <c r="LS14" s="120">
        <v>10165675</v>
      </c>
      <c r="LT14" s="320">
        <v>10165675</v>
      </c>
      <c r="LU14" s="142">
        <v>0</v>
      </c>
      <c r="LV14" s="119">
        <v>0</v>
      </c>
      <c r="LW14" s="120">
        <v>0</v>
      </c>
      <c r="LX14" s="145"/>
      <c r="LY14" s="119">
        <v>1674939</v>
      </c>
      <c r="LZ14" s="119">
        <v>2766852</v>
      </c>
      <c r="MA14" s="119">
        <v>3691194</v>
      </c>
      <c r="MB14" s="119">
        <v>3896998</v>
      </c>
      <c r="MC14" s="119">
        <v>283432</v>
      </c>
      <c r="MD14" s="120">
        <v>12313415</v>
      </c>
      <c r="ME14" s="121">
        <v>12313415</v>
      </c>
      <c r="MF14" s="142">
        <v>0</v>
      </c>
      <c r="MG14" s="119">
        <v>0</v>
      </c>
      <c r="MH14" s="120">
        <v>0</v>
      </c>
      <c r="MI14" s="145"/>
      <c r="MJ14" s="119">
        <v>14521514</v>
      </c>
      <c r="MK14" s="119">
        <v>38111333</v>
      </c>
      <c r="ML14" s="119">
        <v>128448805</v>
      </c>
      <c r="MM14" s="119">
        <v>148490316</v>
      </c>
      <c r="MN14" s="119">
        <v>93908269</v>
      </c>
      <c r="MO14" s="120">
        <v>423480237</v>
      </c>
      <c r="MP14" s="143">
        <v>423480237</v>
      </c>
      <c r="MQ14" s="142">
        <v>0</v>
      </c>
      <c r="MR14" s="119">
        <v>0</v>
      </c>
      <c r="MS14" s="120">
        <v>0</v>
      </c>
      <c r="MT14" s="145"/>
      <c r="MU14" s="119">
        <v>3675376</v>
      </c>
      <c r="MV14" s="119">
        <v>12133289</v>
      </c>
      <c r="MW14" s="119">
        <v>84706126</v>
      </c>
      <c r="MX14" s="119">
        <v>109082614</v>
      </c>
      <c r="MY14" s="119">
        <v>65162374</v>
      </c>
      <c r="MZ14" s="120">
        <v>274759779</v>
      </c>
      <c r="NA14" s="143">
        <v>274759779</v>
      </c>
      <c r="NB14" s="142">
        <v>0</v>
      </c>
      <c r="NC14" s="119">
        <v>0</v>
      </c>
      <c r="ND14" s="120">
        <v>0</v>
      </c>
      <c r="NE14" s="145"/>
      <c r="NF14" s="119">
        <v>10642486</v>
      </c>
      <c r="NG14" s="119">
        <v>25767542</v>
      </c>
      <c r="NH14" s="119">
        <v>42697142</v>
      </c>
      <c r="NI14" s="119">
        <v>37115932</v>
      </c>
      <c r="NJ14" s="119">
        <v>25003601</v>
      </c>
      <c r="NK14" s="120">
        <v>141226703</v>
      </c>
      <c r="NL14" s="320">
        <v>141226703</v>
      </c>
      <c r="NM14" s="142">
        <v>0</v>
      </c>
      <c r="NN14" s="119">
        <v>0</v>
      </c>
      <c r="NO14" s="120">
        <v>0</v>
      </c>
      <c r="NP14" s="145"/>
      <c r="NQ14" s="119">
        <v>0</v>
      </c>
      <c r="NR14" s="119">
        <v>0</v>
      </c>
      <c r="NS14" s="119">
        <v>0</v>
      </c>
      <c r="NT14" s="119">
        <v>333337</v>
      </c>
      <c r="NU14" s="119">
        <v>0</v>
      </c>
      <c r="NV14" s="120">
        <v>333337</v>
      </c>
      <c r="NW14" s="121">
        <v>333337</v>
      </c>
      <c r="NX14" s="142">
        <v>0</v>
      </c>
      <c r="NY14" s="119">
        <v>0</v>
      </c>
      <c r="NZ14" s="120">
        <v>0</v>
      </c>
      <c r="OA14" s="145"/>
      <c r="OB14" s="119">
        <v>203652</v>
      </c>
      <c r="OC14" s="119">
        <v>210502</v>
      </c>
      <c r="OD14" s="119">
        <v>1045537</v>
      </c>
      <c r="OE14" s="119">
        <v>1958433</v>
      </c>
      <c r="OF14" s="119">
        <v>3742294</v>
      </c>
      <c r="OG14" s="120">
        <v>7160418</v>
      </c>
      <c r="OH14" s="121">
        <v>7160418</v>
      </c>
      <c r="OI14" s="142">
        <v>12869412</v>
      </c>
      <c r="OJ14" s="119">
        <v>16490960</v>
      </c>
      <c r="OK14" s="141">
        <v>29360372</v>
      </c>
      <c r="OL14" s="118">
        <v>0</v>
      </c>
      <c r="OM14" s="119">
        <v>204933836</v>
      </c>
      <c r="ON14" s="119">
        <v>306633284</v>
      </c>
      <c r="OO14" s="119">
        <v>370585733</v>
      </c>
      <c r="OP14" s="119">
        <v>352211396</v>
      </c>
      <c r="OQ14" s="119">
        <v>230413264</v>
      </c>
      <c r="OR14" s="120">
        <v>1464777513</v>
      </c>
      <c r="OS14" s="143">
        <v>1494137885</v>
      </c>
    </row>
    <row r="15" spans="1:409" ht="21" customHeight="1" x14ac:dyDescent="0.2">
      <c r="B15" s="62" t="s">
        <v>9</v>
      </c>
      <c r="C15" s="110">
        <v>12309842</v>
      </c>
      <c r="D15" s="114">
        <v>14396177</v>
      </c>
      <c r="E15" s="113">
        <v>26706019</v>
      </c>
      <c r="F15" s="111">
        <v>0</v>
      </c>
      <c r="G15" s="114">
        <v>142283085</v>
      </c>
      <c r="H15" s="114">
        <v>147557501</v>
      </c>
      <c r="I15" s="114">
        <v>141139784</v>
      </c>
      <c r="J15" s="114">
        <v>153480660</v>
      </c>
      <c r="K15" s="114">
        <v>126742093</v>
      </c>
      <c r="L15" s="109">
        <v>711203123</v>
      </c>
      <c r="M15" s="116">
        <v>737909142</v>
      </c>
      <c r="N15" s="110">
        <v>1793761</v>
      </c>
      <c r="O15" s="114">
        <v>2747774</v>
      </c>
      <c r="P15" s="113">
        <v>4541535</v>
      </c>
      <c r="Q15" s="110">
        <v>0</v>
      </c>
      <c r="R15" s="114">
        <v>40916489</v>
      </c>
      <c r="S15" s="114">
        <v>47167248</v>
      </c>
      <c r="T15" s="114">
        <v>48868851</v>
      </c>
      <c r="U15" s="114">
        <v>64324983</v>
      </c>
      <c r="V15" s="114">
        <v>67534281</v>
      </c>
      <c r="W15" s="113">
        <v>268811852</v>
      </c>
      <c r="X15" s="116">
        <v>273353387</v>
      </c>
      <c r="Y15" s="110">
        <v>0</v>
      </c>
      <c r="Z15" s="114">
        <v>0</v>
      </c>
      <c r="AA15" s="113">
        <v>0</v>
      </c>
      <c r="AB15" s="110">
        <v>0</v>
      </c>
      <c r="AC15" s="114">
        <v>19517840</v>
      </c>
      <c r="AD15" s="114">
        <v>24940615</v>
      </c>
      <c r="AE15" s="114">
        <v>29012999</v>
      </c>
      <c r="AF15" s="114">
        <v>39943866</v>
      </c>
      <c r="AG15" s="114">
        <v>44148026</v>
      </c>
      <c r="AH15" s="113">
        <v>157563346</v>
      </c>
      <c r="AI15" s="116">
        <v>157563346</v>
      </c>
      <c r="AJ15" s="110">
        <v>0</v>
      </c>
      <c r="AK15" s="114">
        <v>0</v>
      </c>
      <c r="AL15" s="113">
        <v>0</v>
      </c>
      <c r="AM15" s="110">
        <v>0</v>
      </c>
      <c r="AN15" s="114">
        <v>222214</v>
      </c>
      <c r="AO15" s="114">
        <v>311159</v>
      </c>
      <c r="AP15" s="114">
        <v>1217511</v>
      </c>
      <c r="AQ15" s="114">
        <v>3115513</v>
      </c>
      <c r="AR15" s="114">
        <v>5930711</v>
      </c>
      <c r="AS15" s="113">
        <v>10797108</v>
      </c>
      <c r="AT15" s="116">
        <v>10797108</v>
      </c>
      <c r="AU15" s="110">
        <v>837568</v>
      </c>
      <c r="AV15" s="114">
        <v>1785964</v>
      </c>
      <c r="AW15" s="113">
        <v>2623532</v>
      </c>
      <c r="AX15" s="110">
        <v>0</v>
      </c>
      <c r="AY15" s="114">
        <v>12804158</v>
      </c>
      <c r="AZ15" s="114">
        <v>12767861</v>
      </c>
      <c r="BA15" s="114">
        <v>9978256</v>
      </c>
      <c r="BB15" s="114">
        <v>12025461</v>
      </c>
      <c r="BC15" s="114">
        <v>10203310</v>
      </c>
      <c r="BD15" s="113">
        <v>57779046</v>
      </c>
      <c r="BE15" s="116">
        <v>60402578</v>
      </c>
      <c r="BF15" s="110">
        <v>66433</v>
      </c>
      <c r="BG15" s="114">
        <v>369659</v>
      </c>
      <c r="BH15" s="112">
        <v>436092</v>
      </c>
      <c r="BI15" s="111">
        <v>0</v>
      </c>
      <c r="BJ15" s="114">
        <v>1709951</v>
      </c>
      <c r="BK15" s="114">
        <v>1977878</v>
      </c>
      <c r="BL15" s="114">
        <v>1687071</v>
      </c>
      <c r="BM15" s="114">
        <v>1226745</v>
      </c>
      <c r="BN15" s="114">
        <v>1195360</v>
      </c>
      <c r="BO15" s="113">
        <v>7797005</v>
      </c>
      <c r="BP15" s="116">
        <v>8233097</v>
      </c>
      <c r="BQ15" s="110">
        <v>889760</v>
      </c>
      <c r="BR15" s="114">
        <v>592151</v>
      </c>
      <c r="BS15" s="113">
        <v>1481911</v>
      </c>
      <c r="BT15" s="110">
        <v>0</v>
      </c>
      <c r="BU15" s="114">
        <v>6662326</v>
      </c>
      <c r="BV15" s="114">
        <v>7169735</v>
      </c>
      <c r="BW15" s="114">
        <v>6973014</v>
      </c>
      <c r="BX15" s="114">
        <v>8013398</v>
      </c>
      <c r="BY15" s="114">
        <v>6056874</v>
      </c>
      <c r="BZ15" s="113">
        <v>34875347</v>
      </c>
      <c r="CA15" s="116">
        <v>36357258</v>
      </c>
      <c r="CB15" s="110">
        <v>897102</v>
      </c>
      <c r="CC15" s="114">
        <v>2876928</v>
      </c>
      <c r="CD15" s="113">
        <v>3774030</v>
      </c>
      <c r="CE15" s="110">
        <v>0</v>
      </c>
      <c r="CF15" s="114">
        <v>32481804</v>
      </c>
      <c r="CG15" s="114">
        <v>31866253</v>
      </c>
      <c r="CH15" s="114">
        <v>25829947</v>
      </c>
      <c r="CI15" s="114">
        <v>17567365</v>
      </c>
      <c r="CJ15" s="114">
        <v>6047471</v>
      </c>
      <c r="CK15" s="113">
        <v>113792840</v>
      </c>
      <c r="CL15" s="116">
        <v>117566870</v>
      </c>
      <c r="CM15" s="110">
        <v>0</v>
      </c>
      <c r="CN15" s="114">
        <v>47068</v>
      </c>
      <c r="CO15" s="113">
        <v>47068</v>
      </c>
      <c r="CP15" s="111">
        <v>0</v>
      </c>
      <c r="CQ15" s="114">
        <v>27281547</v>
      </c>
      <c r="CR15" s="114">
        <v>24553859</v>
      </c>
      <c r="CS15" s="114">
        <v>20083064</v>
      </c>
      <c r="CT15" s="114">
        <v>13349094</v>
      </c>
      <c r="CU15" s="114">
        <v>4258610</v>
      </c>
      <c r="CV15" s="113">
        <v>89526174</v>
      </c>
      <c r="CW15" s="116">
        <v>89573242</v>
      </c>
      <c r="CX15" s="110">
        <v>897102</v>
      </c>
      <c r="CY15" s="114">
        <v>2829860</v>
      </c>
      <c r="CZ15" s="113">
        <v>3726962</v>
      </c>
      <c r="DA15" s="110">
        <v>0</v>
      </c>
      <c r="DB15" s="114">
        <v>5200257</v>
      </c>
      <c r="DC15" s="114">
        <v>7312394</v>
      </c>
      <c r="DD15" s="114">
        <v>5746883</v>
      </c>
      <c r="DE15" s="114">
        <v>4218271</v>
      </c>
      <c r="DF15" s="114">
        <v>1788861</v>
      </c>
      <c r="DG15" s="113">
        <v>24266666</v>
      </c>
      <c r="DH15" s="116">
        <v>27993628</v>
      </c>
      <c r="DI15" s="110">
        <v>49904</v>
      </c>
      <c r="DJ15" s="114">
        <v>158298</v>
      </c>
      <c r="DK15" s="112">
        <v>208202</v>
      </c>
      <c r="DL15" s="111">
        <v>0</v>
      </c>
      <c r="DM15" s="114">
        <v>4558031</v>
      </c>
      <c r="DN15" s="114">
        <v>8789090</v>
      </c>
      <c r="DO15" s="114">
        <v>15783330</v>
      </c>
      <c r="DP15" s="114">
        <v>12482768</v>
      </c>
      <c r="DQ15" s="114">
        <v>7911277</v>
      </c>
      <c r="DR15" s="113">
        <v>49524496</v>
      </c>
      <c r="DS15" s="116">
        <v>49732698</v>
      </c>
      <c r="DT15" s="110">
        <v>49904</v>
      </c>
      <c r="DU15" s="114">
        <v>158298</v>
      </c>
      <c r="DV15" s="113">
        <v>208202</v>
      </c>
      <c r="DW15" s="110">
        <v>0</v>
      </c>
      <c r="DX15" s="114">
        <v>4222558</v>
      </c>
      <c r="DY15" s="114">
        <v>8006883</v>
      </c>
      <c r="DZ15" s="114">
        <v>13779847</v>
      </c>
      <c r="EA15" s="114">
        <v>11355135</v>
      </c>
      <c r="EB15" s="114">
        <v>6429068</v>
      </c>
      <c r="EC15" s="113">
        <v>43793491</v>
      </c>
      <c r="ED15" s="116">
        <v>44001693</v>
      </c>
      <c r="EE15" s="110">
        <v>0</v>
      </c>
      <c r="EF15" s="112">
        <v>0</v>
      </c>
      <c r="EG15" s="113">
        <v>0</v>
      </c>
      <c r="EH15" s="110">
        <v>0</v>
      </c>
      <c r="EI15" s="114">
        <v>335473</v>
      </c>
      <c r="EJ15" s="114">
        <v>782207</v>
      </c>
      <c r="EK15" s="114">
        <v>2003483</v>
      </c>
      <c r="EL15" s="114">
        <v>1127633</v>
      </c>
      <c r="EM15" s="114">
        <v>1482209</v>
      </c>
      <c r="EN15" s="112">
        <v>5731005</v>
      </c>
      <c r="EO15" s="116">
        <v>5731005</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4898820</v>
      </c>
      <c r="FM15" s="114">
        <v>3912559</v>
      </c>
      <c r="FN15" s="113">
        <v>8811379</v>
      </c>
      <c r="FO15" s="110">
        <v>0</v>
      </c>
      <c r="FP15" s="114">
        <v>10717427</v>
      </c>
      <c r="FQ15" s="114">
        <v>13870359</v>
      </c>
      <c r="FR15" s="114">
        <v>11106244</v>
      </c>
      <c r="FS15" s="114">
        <v>11110997</v>
      </c>
      <c r="FT15" s="114">
        <v>8740766</v>
      </c>
      <c r="FU15" s="113">
        <v>55545793</v>
      </c>
      <c r="FV15" s="116">
        <v>64357172</v>
      </c>
      <c r="FW15" s="115">
        <v>1892124</v>
      </c>
      <c r="FX15" s="114">
        <v>2786959</v>
      </c>
      <c r="FY15" s="112">
        <v>4679083</v>
      </c>
      <c r="FZ15" s="111">
        <v>0</v>
      </c>
      <c r="GA15" s="114">
        <v>7765488</v>
      </c>
      <c r="GB15" s="114">
        <v>12562093</v>
      </c>
      <c r="GC15" s="114">
        <v>10420271</v>
      </c>
      <c r="GD15" s="114">
        <v>10569444</v>
      </c>
      <c r="GE15" s="114">
        <v>8361346</v>
      </c>
      <c r="GF15" s="113">
        <v>49678642</v>
      </c>
      <c r="GG15" s="318">
        <v>54357725</v>
      </c>
      <c r="GH15" s="115">
        <v>154260</v>
      </c>
      <c r="GI15" s="114">
        <v>140140</v>
      </c>
      <c r="GJ15" s="112">
        <v>294400</v>
      </c>
      <c r="GK15" s="111">
        <v>0</v>
      </c>
      <c r="GL15" s="114">
        <v>701821</v>
      </c>
      <c r="GM15" s="114">
        <v>568698</v>
      </c>
      <c r="GN15" s="114">
        <v>274583</v>
      </c>
      <c r="GO15" s="114">
        <v>50139</v>
      </c>
      <c r="GP15" s="114">
        <v>195120</v>
      </c>
      <c r="GQ15" s="113">
        <v>1790361</v>
      </c>
      <c r="GR15" s="116">
        <v>2084761</v>
      </c>
      <c r="GS15" s="110">
        <v>2852436</v>
      </c>
      <c r="GT15" s="114">
        <v>985460</v>
      </c>
      <c r="GU15" s="113">
        <v>3837896</v>
      </c>
      <c r="GV15" s="110">
        <v>0</v>
      </c>
      <c r="GW15" s="114">
        <v>2250118</v>
      </c>
      <c r="GX15" s="114">
        <v>739568</v>
      </c>
      <c r="GY15" s="114">
        <v>411390</v>
      </c>
      <c r="GZ15" s="114">
        <v>491414</v>
      </c>
      <c r="HA15" s="114">
        <v>184300</v>
      </c>
      <c r="HB15" s="112">
        <v>4076790</v>
      </c>
      <c r="HC15" s="116">
        <v>7914686</v>
      </c>
      <c r="HD15" s="110">
        <v>2605578</v>
      </c>
      <c r="HE15" s="114">
        <v>1941064</v>
      </c>
      <c r="HF15" s="112">
        <v>4546642</v>
      </c>
      <c r="HG15" s="111">
        <v>0</v>
      </c>
      <c r="HH15" s="114">
        <v>27486253</v>
      </c>
      <c r="HI15" s="114">
        <v>26271446</v>
      </c>
      <c r="HJ15" s="114">
        <v>25648096</v>
      </c>
      <c r="HK15" s="114">
        <v>37060325</v>
      </c>
      <c r="HL15" s="114">
        <v>29663092</v>
      </c>
      <c r="HM15" s="113">
        <v>146129212</v>
      </c>
      <c r="HN15" s="109">
        <v>150675854</v>
      </c>
      <c r="HO15" s="115">
        <v>2064677</v>
      </c>
      <c r="HP15" s="114">
        <v>2759554</v>
      </c>
      <c r="HQ15" s="113">
        <v>4824231</v>
      </c>
      <c r="HR15" s="110">
        <v>0</v>
      </c>
      <c r="HS15" s="114">
        <v>26123081</v>
      </c>
      <c r="HT15" s="114">
        <v>19593105</v>
      </c>
      <c r="HU15" s="114">
        <v>13903316</v>
      </c>
      <c r="HV15" s="114">
        <v>10934222</v>
      </c>
      <c r="HW15" s="114">
        <v>6845206</v>
      </c>
      <c r="HX15" s="112">
        <v>77398930</v>
      </c>
      <c r="HY15" s="116">
        <v>82223161</v>
      </c>
      <c r="HZ15" s="128">
        <v>459973</v>
      </c>
      <c r="IA15" s="149">
        <v>915304</v>
      </c>
      <c r="IB15" s="129">
        <v>1375277</v>
      </c>
      <c r="IC15" s="146">
        <v>0</v>
      </c>
      <c r="ID15" s="132">
        <v>33533036</v>
      </c>
      <c r="IE15" s="147">
        <v>38887060</v>
      </c>
      <c r="IF15" s="133">
        <v>48947914</v>
      </c>
      <c r="IG15" s="132">
        <v>36183606</v>
      </c>
      <c r="IH15" s="133">
        <v>22530356</v>
      </c>
      <c r="II15" s="148">
        <v>180081972</v>
      </c>
      <c r="IJ15" s="130">
        <v>181457249</v>
      </c>
      <c r="IK15" s="232">
        <v>0</v>
      </c>
      <c r="IL15" s="236">
        <v>0</v>
      </c>
      <c r="IM15" s="237">
        <v>0</v>
      </c>
      <c r="IN15" s="140"/>
      <c r="IO15" s="119">
        <v>150373</v>
      </c>
      <c r="IP15" s="119">
        <v>765576</v>
      </c>
      <c r="IQ15" s="119">
        <v>813511</v>
      </c>
      <c r="IR15" s="119">
        <v>2528089</v>
      </c>
      <c r="IS15" s="119">
        <v>2640216</v>
      </c>
      <c r="IT15" s="141">
        <v>6897765</v>
      </c>
      <c r="IU15" s="320">
        <v>6897765</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8158650</v>
      </c>
      <c r="JL15" s="119">
        <v>14521460</v>
      </c>
      <c r="JM15" s="119">
        <v>15124018</v>
      </c>
      <c r="JN15" s="119">
        <v>8541286</v>
      </c>
      <c r="JO15" s="119">
        <v>3288595</v>
      </c>
      <c r="JP15" s="120">
        <v>59634009</v>
      </c>
      <c r="JQ15" s="320">
        <v>59634009</v>
      </c>
      <c r="JR15" s="142">
        <v>0</v>
      </c>
      <c r="JS15" s="119">
        <v>0</v>
      </c>
      <c r="JT15" s="141">
        <v>0</v>
      </c>
      <c r="JU15" s="118">
        <v>0</v>
      </c>
      <c r="JV15" s="119">
        <v>332067</v>
      </c>
      <c r="JW15" s="119">
        <v>453220</v>
      </c>
      <c r="JX15" s="119">
        <v>882283</v>
      </c>
      <c r="JY15" s="119">
        <v>340352</v>
      </c>
      <c r="JZ15" s="119">
        <v>594928</v>
      </c>
      <c r="KA15" s="120">
        <v>2602850</v>
      </c>
      <c r="KB15" s="320">
        <v>2602850</v>
      </c>
      <c r="KC15" s="234">
        <v>459973</v>
      </c>
      <c r="KD15" s="230">
        <v>439013</v>
      </c>
      <c r="KE15" s="120">
        <v>898986</v>
      </c>
      <c r="KF15" s="118">
        <v>0</v>
      </c>
      <c r="KG15" s="119">
        <v>4286290</v>
      </c>
      <c r="KH15" s="119">
        <v>6973018</v>
      </c>
      <c r="KI15" s="119">
        <v>5095927</v>
      </c>
      <c r="KJ15" s="119">
        <v>5929269</v>
      </c>
      <c r="KK15" s="119">
        <v>1890096</v>
      </c>
      <c r="KL15" s="120">
        <v>24174600</v>
      </c>
      <c r="KM15" s="143">
        <v>25073586</v>
      </c>
      <c r="KN15" s="232">
        <v>0</v>
      </c>
      <c r="KO15" s="236">
        <v>476291</v>
      </c>
      <c r="KP15" s="237">
        <v>476291</v>
      </c>
      <c r="KQ15" s="140"/>
      <c r="KR15" s="119">
        <v>8721286</v>
      </c>
      <c r="KS15" s="119">
        <v>13956546</v>
      </c>
      <c r="KT15" s="119">
        <v>22989788</v>
      </c>
      <c r="KU15" s="119">
        <v>13347199</v>
      </c>
      <c r="KV15" s="119">
        <v>8396293</v>
      </c>
      <c r="KW15" s="120">
        <v>67411112</v>
      </c>
      <c r="KX15" s="320">
        <v>67887403</v>
      </c>
      <c r="KY15" s="142">
        <v>0</v>
      </c>
      <c r="KZ15" s="119">
        <v>0</v>
      </c>
      <c r="LA15" s="120">
        <v>0</v>
      </c>
      <c r="LB15" s="145"/>
      <c r="LC15" s="119">
        <v>793287</v>
      </c>
      <c r="LD15" s="119">
        <v>806130</v>
      </c>
      <c r="LE15" s="119">
        <v>835377</v>
      </c>
      <c r="LF15" s="119">
        <v>1081321</v>
      </c>
      <c r="LG15" s="119">
        <v>1229730</v>
      </c>
      <c r="LH15" s="120">
        <v>4745845</v>
      </c>
      <c r="LI15" s="121">
        <v>4745845</v>
      </c>
      <c r="LJ15" s="142">
        <v>0</v>
      </c>
      <c r="LK15" s="119">
        <v>0</v>
      </c>
      <c r="LL15" s="120">
        <v>0</v>
      </c>
      <c r="LM15" s="145"/>
      <c r="LN15" s="119">
        <v>0</v>
      </c>
      <c r="LO15" s="119">
        <v>0</v>
      </c>
      <c r="LP15" s="119">
        <v>0</v>
      </c>
      <c r="LQ15" s="119">
        <v>297945</v>
      </c>
      <c r="LR15" s="119">
        <v>0</v>
      </c>
      <c r="LS15" s="120">
        <v>297945</v>
      </c>
      <c r="LT15" s="320">
        <v>297945</v>
      </c>
      <c r="LU15" s="142">
        <v>0</v>
      </c>
      <c r="LV15" s="119">
        <v>0</v>
      </c>
      <c r="LW15" s="120">
        <v>0</v>
      </c>
      <c r="LX15" s="145"/>
      <c r="LY15" s="119">
        <v>1091083</v>
      </c>
      <c r="LZ15" s="119">
        <v>1411110</v>
      </c>
      <c r="MA15" s="119">
        <v>3207010</v>
      </c>
      <c r="MB15" s="119">
        <v>4118145</v>
      </c>
      <c r="MC15" s="119">
        <v>4490498</v>
      </c>
      <c r="MD15" s="120">
        <v>14317846</v>
      </c>
      <c r="ME15" s="121">
        <v>14317846</v>
      </c>
      <c r="MF15" s="142">
        <v>0</v>
      </c>
      <c r="MG15" s="119">
        <v>0</v>
      </c>
      <c r="MH15" s="120">
        <v>0</v>
      </c>
      <c r="MI15" s="145"/>
      <c r="MJ15" s="119">
        <v>6515955</v>
      </c>
      <c r="MK15" s="119">
        <v>18876099</v>
      </c>
      <c r="ML15" s="119">
        <v>74483721</v>
      </c>
      <c r="MM15" s="119">
        <v>121826194</v>
      </c>
      <c r="MN15" s="119">
        <v>86047212</v>
      </c>
      <c r="MO15" s="120">
        <v>307749181</v>
      </c>
      <c r="MP15" s="143">
        <v>307749181</v>
      </c>
      <c r="MQ15" s="142">
        <v>0</v>
      </c>
      <c r="MR15" s="119">
        <v>0</v>
      </c>
      <c r="MS15" s="120">
        <v>0</v>
      </c>
      <c r="MT15" s="145"/>
      <c r="MU15" s="119">
        <v>1203981</v>
      </c>
      <c r="MV15" s="119">
        <v>663956</v>
      </c>
      <c r="MW15" s="119">
        <v>45479139</v>
      </c>
      <c r="MX15" s="119">
        <v>86961104</v>
      </c>
      <c r="MY15" s="119">
        <v>64990760</v>
      </c>
      <c r="MZ15" s="120">
        <v>199298940</v>
      </c>
      <c r="NA15" s="143">
        <v>199298940</v>
      </c>
      <c r="NB15" s="142">
        <v>0</v>
      </c>
      <c r="NC15" s="119">
        <v>0</v>
      </c>
      <c r="ND15" s="120">
        <v>0</v>
      </c>
      <c r="NE15" s="145"/>
      <c r="NF15" s="119">
        <v>5311974</v>
      </c>
      <c r="NG15" s="119">
        <v>18212143</v>
      </c>
      <c r="NH15" s="119">
        <v>28679005</v>
      </c>
      <c r="NI15" s="119">
        <v>34222517</v>
      </c>
      <c r="NJ15" s="119">
        <v>18745449</v>
      </c>
      <c r="NK15" s="120">
        <v>105171088</v>
      </c>
      <c r="NL15" s="320">
        <v>105171088</v>
      </c>
      <c r="NM15" s="142">
        <v>0</v>
      </c>
      <c r="NN15" s="119">
        <v>0</v>
      </c>
      <c r="NO15" s="120">
        <v>0</v>
      </c>
      <c r="NP15" s="145"/>
      <c r="NQ15" s="119">
        <v>0</v>
      </c>
      <c r="NR15" s="119">
        <v>0</v>
      </c>
      <c r="NS15" s="119">
        <v>0</v>
      </c>
      <c r="NT15" s="119">
        <v>326993</v>
      </c>
      <c r="NU15" s="119">
        <v>0</v>
      </c>
      <c r="NV15" s="120">
        <v>326993</v>
      </c>
      <c r="NW15" s="121">
        <v>326993</v>
      </c>
      <c r="NX15" s="142">
        <v>0</v>
      </c>
      <c r="NY15" s="119">
        <v>0</v>
      </c>
      <c r="NZ15" s="120">
        <v>0</v>
      </c>
      <c r="OA15" s="145"/>
      <c r="OB15" s="119">
        <v>0</v>
      </c>
      <c r="OC15" s="119">
        <v>0</v>
      </c>
      <c r="OD15" s="119">
        <v>325577</v>
      </c>
      <c r="OE15" s="119">
        <v>315580</v>
      </c>
      <c r="OF15" s="119">
        <v>2311003</v>
      </c>
      <c r="OG15" s="120">
        <v>2952160</v>
      </c>
      <c r="OH15" s="121">
        <v>2952160</v>
      </c>
      <c r="OI15" s="142">
        <v>12769815</v>
      </c>
      <c r="OJ15" s="119">
        <v>15311481</v>
      </c>
      <c r="OK15" s="141">
        <v>28081296</v>
      </c>
      <c r="OL15" s="118">
        <v>0</v>
      </c>
      <c r="OM15" s="119">
        <v>182332076</v>
      </c>
      <c r="ON15" s="119">
        <v>205320660</v>
      </c>
      <c r="OO15" s="119">
        <v>264571419</v>
      </c>
      <c r="OP15" s="119">
        <v>311490460</v>
      </c>
      <c r="OQ15" s="119">
        <v>235319661</v>
      </c>
      <c r="OR15" s="120">
        <v>1199034276</v>
      </c>
      <c r="OS15" s="143">
        <v>1227115572</v>
      </c>
    </row>
    <row r="16" spans="1:409" ht="21" customHeight="1" x14ac:dyDescent="0.2">
      <c r="B16" s="62" t="s">
        <v>10</v>
      </c>
      <c r="C16" s="110">
        <v>23949633</v>
      </c>
      <c r="D16" s="114">
        <v>42662958</v>
      </c>
      <c r="E16" s="113">
        <v>66612591</v>
      </c>
      <c r="F16" s="172">
        <v>0</v>
      </c>
      <c r="G16" s="114">
        <v>308322925</v>
      </c>
      <c r="H16" s="114">
        <v>258716322</v>
      </c>
      <c r="I16" s="114">
        <v>235266687</v>
      </c>
      <c r="J16" s="114">
        <v>236770064</v>
      </c>
      <c r="K16" s="114">
        <v>186381789</v>
      </c>
      <c r="L16" s="109">
        <v>1225457787</v>
      </c>
      <c r="M16" s="116">
        <v>1292070378</v>
      </c>
      <c r="N16" s="110">
        <v>5962427</v>
      </c>
      <c r="O16" s="114">
        <v>12444571</v>
      </c>
      <c r="P16" s="113">
        <v>18406998</v>
      </c>
      <c r="Q16" s="110">
        <v>0</v>
      </c>
      <c r="R16" s="114">
        <v>96388941</v>
      </c>
      <c r="S16" s="114">
        <v>86748074</v>
      </c>
      <c r="T16" s="114">
        <v>84116430</v>
      </c>
      <c r="U16" s="114">
        <v>102243296</v>
      </c>
      <c r="V16" s="114">
        <v>102625162</v>
      </c>
      <c r="W16" s="113">
        <v>472121903</v>
      </c>
      <c r="X16" s="116">
        <v>490528901</v>
      </c>
      <c r="Y16" s="110">
        <v>0</v>
      </c>
      <c r="Z16" s="114">
        <v>0</v>
      </c>
      <c r="AA16" s="113">
        <v>0</v>
      </c>
      <c r="AB16" s="110">
        <v>0</v>
      </c>
      <c r="AC16" s="114">
        <v>48401986</v>
      </c>
      <c r="AD16" s="114">
        <v>44954452</v>
      </c>
      <c r="AE16" s="114">
        <v>53220133</v>
      </c>
      <c r="AF16" s="114">
        <v>67101306</v>
      </c>
      <c r="AG16" s="114">
        <v>63177173</v>
      </c>
      <c r="AH16" s="113">
        <v>276855050</v>
      </c>
      <c r="AI16" s="116">
        <v>276855050</v>
      </c>
      <c r="AJ16" s="110">
        <v>0</v>
      </c>
      <c r="AK16" s="114">
        <v>38155</v>
      </c>
      <c r="AL16" s="113">
        <v>38155</v>
      </c>
      <c r="AM16" s="110">
        <v>0</v>
      </c>
      <c r="AN16" s="114">
        <v>668464</v>
      </c>
      <c r="AO16" s="114">
        <v>1269342</v>
      </c>
      <c r="AP16" s="114">
        <v>1892930</v>
      </c>
      <c r="AQ16" s="114">
        <v>5329066</v>
      </c>
      <c r="AR16" s="114">
        <v>10158097</v>
      </c>
      <c r="AS16" s="113">
        <v>19317899</v>
      </c>
      <c r="AT16" s="116">
        <v>19356054</v>
      </c>
      <c r="AU16" s="110">
        <v>3383955</v>
      </c>
      <c r="AV16" s="114">
        <v>8439756</v>
      </c>
      <c r="AW16" s="113">
        <v>11823711</v>
      </c>
      <c r="AX16" s="110">
        <v>0</v>
      </c>
      <c r="AY16" s="114">
        <v>27819918</v>
      </c>
      <c r="AZ16" s="114">
        <v>22892665</v>
      </c>
      <c r="BA16" s="114">
        <v>14013240</v>
      </c>
      <c r="BB16" s="114">
        <v>14716034</v>
      </c>
      <c r="BC16" s="114">
        <v>16423186</v>
      </c>
      <c r="BD16" s="113">
        <v>95865043</v>
      </c>
      <c r="BE16" s="116">
        <v>107688754</v>
      </c>
      <c r="BF16" s="110">
        <v>540915</v>
      </c>
      <c r="BG16" s="114">
        <v>1195090</v>
      </c>
      <c r="BH16" s="112">
        <v>1736005</v>
      </c>
      <c r="BI16" s="111">
        <v>0</v>
      </c>
      <c r="BJ16" s="114">
        <v>3571158</v>
      </c>
      <c r="BK16" s="114">
        <v>3198532</v>
      </c>
      <c r="BL16" s="114">
        <v>1869981</v>
      </c>
      <c r="BM16" s="114">
        <v>1305372</v>
      </c>
      <c r="BN16" s="114">
        <v>1498706</v>
      </c>
      <c r="BO16" s="113">
        <v>11443749</v>
      </c>
      <c r="BP16" s="116">
        <v>13179754</v>
      </c>
      <c r="BQ16" s="110">
        <v>2037557</v>
      </c>
      <c r="BR16" s="114">
        <v>2771570</v>
      </c>
      <c r="BS16" s="113">
        <v>4809127</v>
      </c>
      <c r="BT16" s="110">
        <v>0</v>
      </c>
      <c r="BU16" s="114">
        <v>15927415</v>
      </c>
      <c r="BV16" s="114">
        <v>14433083</v>
      </c>
      <c r="BW16" s="114">
        <v>13120146</v>
      </c>
      <c r="BX16" s="114">
        <v>13791518</v>
      </c>
      <c r="BY16" s="114">
        <v>11368000</v>
      </c>
      <c r="BZ16" s="113">
        <v>68640162</v>
      </c>
      <c r="CA16" s="116">
        <v>73449289</v>
      </c>
      <c r="CB16" s="110">
        <v>1402363</v>
      </c>
      <c r="CC16" s="114">
        <v>3845690</v>
      </c>
      <c r="CD16" s="113">
        <v>5248053</v>
      </c>
      <c r="CE16" s="110">
        <v>0</v>
      </c>
      <c r="CF16" s="114">
        <v>89006092</v>
      </c>
      <c r="CG16" s="114">
        <v>68721640</v>
      </c>
      <c r="CH16" s="114">
        <v>49806897</v>
      </c>
      <c r="CI16" s="114">
        <v>36252901</v>
      </c>
      <c r="CJ16" s="114">
        <v>15117849</v>
      </c>
      <c r="CK16" s="113">
        <v>258905379</v>
      </c>
      <c r="CL16" s="116">
        <v>264153432</v>
      </c>
      <c r="CM16" s="110">
        <v>0</v>
      </c>
      <c r="CN16" s="114">
        <v>0</v>
      </c>
      <c r="CO16" s="113">
        <v>0</v>
      </c>
      <c r="CP16" s="111">
        <v>0</v>
      </c>
      <c r="CQ16" s="114">
        <v>76257760</v>
      </c>
      <c r="CR16" s="114">
        <v>57022665</v>
      </c>
      <c r="CS16" s="114">
        <v>43102671</v>
      </c>
      <c r="CT16" s="114">
        <v>30990677</v>
      </c>
      <c r="CU16" s="114">
        <v>13548029</v>
      </c>
      <c r="CV16" s="113">
        <v>220921802</v>
      </c>
      <c r="CW16" s="116">
        <v>220921802</v>
      </c>
      <c r="CX16" s="110">
        <v>1402363</v>
      </c>
      <c r="CY16" s="114">
        <v>3845690</v>
      </c>
      <c r="CZ16" s="113">
        <v>5248053</v>
      </c>
      <c r="DA16" s="110">
        <v>0</v>
      </c>
      <c r="DB16" s="114">
        <v>12748332</v>
      </c>
      <c r="DC16" s="114">
        <v>11698975</v>
      </c>
      <c r="DD16" s="114">
        <v>6704226</v>
      </c>
      <c r="DE16" s="114">
        <v>5262224</v>
      </c>
      <c r="DF16" s="114">
        <v>1569820</v>
      </c>
      <c r="DG16" s="113">
        <v>37983577</v>
      </c>
      <c r="DH16" s="116">
        <v>43231630</v>
      </c>
      <c r="DI16" s="110">
        <v>72567</v>
      </c>
      <c r="DJ16" s="114">
        <v>970891</v>
      </c>
      <c r="DK16" s="112">
        <v>1043458</v>
      </c>
      <c r="DL16" s="111">
        <v>0</v>
      </c>
      <c r="DM16" s="114">
        <v>9135668</v>
      </c>
      <c r="DN16" s="114">
        <v>12445905</v>
      </c>
      <c r="DO16" s="114">
        <v>20263373</v>
      </c>
      <c r="DP16" s="114">
        <v>20717879</v>
      </c>
      <c r="DQ16" s="114">
        <v>10075908</v>
      </c>
      <c r="DR16" s="113">
        <v>72638733</v>
      </c>
      <c r="DS16" s="116">
        <v>73682191</v>
      </c>
      <c r="DT16" s="110">
        <v>72567</v>
      </c>
      <c r="DU16" s="114">
        <v>897299</v>
      </c>
      <c r="DV16" s="113">
        <v>969866</v>
      </c>
      <c r="DW16" s="110">
        <v>0</v>
      </c>
      <c r="DX16" s="114">
        <v>8549429</v>
      </c>
      <c r="DY16" s="114">
        <v>11356711</v>
      </c>
      <c r="DZ16" s="114">
        <v>19621708</v>
      </c>
      <c r="EA16" s="114">
        <v>19475980</v>
      </c>
      <c r="EB16" s="114">
        <v>9512940</v>
      </c>
      <c r="EC16" s="113">
        <v>68516768</v>
      </c>
      <c r="ED16" s="116">
        <v>69486634</v>
      </c>
      <c r="EE16" s="110">
        <v>0</v>
      </c>
      <c r="EF16" s="112">
        <v>73592</v>
      </c>
      <c r="EG16" s="113">
        <v>73592</v>
      </c>
      <c r="EH16" s="110">
        <v>0</v>
      </c>
      <c r="EI16" s="114">
        <v>586239</v>
      </c>
      <c r="EJ16" s="114">
        <v>1089194</v>
      </c>
      <c r="EK16" s="114">
        <v>641665</v>
      </c>
      <c r="EL16" s="114">
        <v>1241899</v>
      </c>
      <c r="EM16" s="114">
        <v>562968</v>
      </c>
      <c r="EN16" s="112">
        <v>4121965</v>
      </c>
      <c r="EO16" s="116">
        <v>4195557</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7123137</v>
      </c>
      <c r="FM16" s="114">
        <v>12091416</v>
      </c>
      <c r="FN16" s="113">
        <v>19214553</v>
      </c>
      <c r="FO16" s="110">
        <v>0</v>
      </c>
      <c r="FP16" s="114">
        <v>19204199</v>
      </c>
      <c r="FQ16" s="114">
        <v>24286334</v>
      </c>
      <c r="FR16" s="114">
        <v>18781341</v>
      </c>
      <c r="FS16" s="114">
        <v>17931755</v>
      </c>
      <c r="FT16" s="114">
        <v>13940844</v>
      </c>
      <c r="FU16" s="113">
        <v>94144473</v>
      </c>
      <c r="FV16" s="116">
        <v>113359026</v>
      </c>
      <c r="FW16" s="115">
        <v>4395252</v>
      </c>
      <c r="FX16" s="114">
        <v>8115450</v>
      </c>
      <c r="FY16" s="112">
        <v>12510702</v>
      </c>
      <c r="FZ16" s="111">
        <v>0</v>
      </c>
      <c r="GA16" s="114">
        <v>15845199</v>
      </c>
      <c r="GB16" s="114">
        <v>22436923</v>
      </c>
      <c r="GC16" s="114">
        <v>17945100</v>
      </c>
      <c r="GD16" s="114">
        <v>16916577</v>
      </c>
      <c r="GE16" s="114">
        <v>13674188</v>
      </c>
      <c r="GF16" s="113">
        <v>86817987</v>
      </c>
      <c r="GG16" s="318">
        <v>99328689</v>
      </c>
      <c r="GH16" s="115">
        <v>388176</v>
      </c>
      <c r="GI16" s="114">
        <v>717063</v>
      </c>
      <c r="GJ16" s="112">
        <v>1105239</v>
      </c>
      <c r="GK16" s="111">
        <v>0</v>
      </c>
      <c r="GL16" s="114">
        <v>847253</v>
      </c>
      <c r="GM16" s="114">
        <v>829993</v>
      </c>
      <c r="GN16" s="114">
        <v>488376</v>
      </c>
      <c r="GO16" s="114">
        <v>175828</v>
      </c>
      <c r="GP16" s="114">
        <v>150556</v>
      </c>
      <c r="GQ16" s="113">
        <v>2492006</v>
      </c>
      <c r="GR16" s="116">
        <v>3597245</v>
      </c>
      <c r="GS16" s="110">
        <v>2339709</v>
      </c>
      <c r="GT16" s="114">
        <v>3258903</v>
      </c>
      <c r="GU16" s="113">
        <v>5598612</v>
      </c>
      <c r="GV16" s="110">
        <v>0</v>
      </c>
      <c r="GW16" s="114">
        <v>2511747</v>
      </c>
      <c r="GX16" s="114">
        <v>1019418</v>
      </c>
      <c r="GY16" s="114">
        <v>347865</v>
      </c>
      <c r="GZ16" s="114">
        <v>839350</v>
      </c>
      <c r="HA16" s="114">
        <v>116100</v>
      </c>
      <c r="HB16" s="112">
        <v>4834480</v>
      </c>
      <c r="HC16" s="116">
        <v>10433092</v>
      </c>
      <c r="HD16" s="110">
        <v>3810706</v>
      </c>
      <c r="HE16" s="114">
        <v>6100696</v>
      </c>
      <c r="HF16" s="112">
        <v>9911402</v>
      </c>
      <c r="HG16" s="111">
        <v>0</v>
      </c>
      <c r="HH16" s="114">
        <v>43441694</v>
      </c>
      <c r="HI16" s="114">
        <v>37734680</v>
      </c>
      <c r="HJ16" s="114">
        <v>40683027</v>
      </c>
      <c r="HK16" s="114">
        <v>43642609</v>
      </c>
      <c r="HL16" s="114">
        <v>33965649</v>
      </c>
      <c r="HM16" s="113">
        <v>199467659</v>
      </c>
      <c r="HN16" s="109">
        <v>209379061</v>
      </c>
      <c r="HO16" s="115">
        <v>5578433</v>
      </c>
      <c r="HP16" s="114">
        <v>7209694</v>
      </c>
      <c r="HQ16" s="113">
        <v>12788127</v>
      </c>
      <c r="HR16" s="110">
        <v>0</v>
      </c>
      <c r="HS16" s="114">
        <v>51146331</v>
      </c>
      <c r="HT16" s="114">
        <v>28779689</v>
      </c>
      <c r="HU16" s="114">
        <v>21615619</v>
      </c>
      <c r="HV16" s="114">
        <v>15981624</v>
      </c>
      <c r="HW16" s="114">
        <v>10656377</v>
      </c>
      <c r="HX16" s="112">
        <v>128179640</v>
      </c>
      <c r="HY16" s="116">
        <v>140967767</v>
      </c>
      <c r="HZ16" s="150">
        <v>500881</v>
      </c>
      <c r="IA16" s="135">
        <v>2182705</v>
      </c>
      <c r="IB16" s="150">
        <v>2683586</v>
      </c>
      <c r="IC16" s="134">
        <v>0</v>
      </c>
      <c r="ID16" s="135">
        <v>73250527</v>
      </c>
      <c r="IE16" s="136">
        <v>77008361</v>
      </c>
      <c r="IF16" s="137">
        <v>82654594</v>
      </c>
      <c r="IG16" s="135">
        <v>74567931</v>
      </c>
      <c r="IH16" s="137">
        <v>64622636</v>
      </c>
      <c r="II16" s="138">
        <v>372104049</v>
      </c>
      <c r="IJ16" s="150">
        <v>374787635</v>
      </c>
      <c r="IK16" s="232">
        <v>0</v>
      </c>
      <c r="IL16" s="236">
        <v>0</v>
      </c>
      <c r="IM16" s="237">
        <v>0</v>
      </c>
      <c r="IN16" s="140"/>
      <c r="IO16" s="119">
        <v>1716872</v>
      </c>
      <c r="IP16" s="119">
        <v>2329073</v>
      </c>
      <c r="IQ16" s="119">
        <v>2963378</v>
      </c>
      <c r="IR16" s="119">
        <v>4066207</v>
      </c>
      <c r="IS16" s="119">
        <v>4858498</v>
      </c>
      <c r="IT16" s="141">
        <v>15934028</v>
      </c>
      <c r="IU16" s="320">
        <v>15934028</v>
      </c>
      <c r="IV16" s="142">
        <v>0</v>
      </c>
      <c r="IW16" s="119">
        <v>0</v>
      </c>
      <c r="IX16" s="120">
        <v>0</v>
      </c>
      <c r="IY16" s="144"/>
      <c r="IZ16" s="119">
        <v>171255</v>
      </c>
      <c r="JA16" s="119">
        <v>155741</v>
      </c>
      <c r="JB16" s="119">
        <v>97513</v>
      </c>
      <c r="JC16" s="119">
        <v>202455</v>
      </c>
      <c r="JD16" s="119">
        <v>340447</v>
      </c>
      <c r="JE16" s="120">
        <v>967411</v>
      </c>
      <c r="JF16" s="121">
        <v>967411</v>
      </c>
      <c r="JG16" s="142">
        <v>0</v>
      </c>
      <c r="JH16" s="119">
        <v>0</v>
      </c>
      <c r="JI16" s="141">
        <v>0</v>
      </c>
      <c r="JJ16" s="118">
        <v>0</v>
      </c>
      <c r="JK16" s="119">
        <v>23524969</v>
      </c>
      <c r="JL16" s="119">
        <v>14222655</v>
      </c>
      <c r="JM16" s="119">
        <v>9706422</v>
      </c>
      <c r="JN16" s="119">
        <v>6932747</v>
      </c>
      <c r="JO16" s="119">
        <v>4040597</v>
      </c>
      <c r="JP16" s="120">
        <v>58427390</v>
      </c>
      <c r="JQ16" s="320">
        <v>58427390</v>
      </c>
      <c r="JR16" s="142">
        <v>0</v>
      </c>
      <c r="JS16" s="119">
        <v>46251</v>
      </c>
      <c r="JT16" s="141">
        <v>46251</v>
      </c>
      <c r="JU16" s="118">
        <v>0</v>
      </c>
      <c r="JV16" s="119">
        <v>1082552</v>
      </c>
      <c r="JW16" s="119">
        <v>1277881</v>
      </c>
      <c r="JX16" s="119">
        <v>2514008</v>
      </c>
      <c r="JY16" s="119">
        <v>1688088</v>
      </c>
      <c r="JZ16" s="119">
        <v>1864723</v>
      </c>
      <c r="KA16" s="120">
        <v>8427252</v>
      </c>
      <c r="KB16" s="320">
        <v>8473503</v>
      </c>
      <c r="KC16" s="234">
        <v>500881</v>
      </c>
      <c r="KD16" s="230">
        <v>1676271</v>
      </c>
      <c r="KE16" s="120">
        <v>2177152</v>
      </c>
      <c r="KF16" s="118">
        <v>0</v>
      </c>
      <c r="KG16" s="119">
        <v>12612888</v>
      </c>
      <c r="KH16" s="119">
        <v>14693647</v>
      </c>
      <c r="KI16" s="119">
        <v>19364063</v>
      </c>
      <c r="KJ16" s="119">
        <v>14328825</v>
      </c>
      <c r="KK16" s="119">
        <v>10452958</v>
      </c>
      <c r="KL16" s="120">
        <v>71452381</v>
      </c>
      <c r="KM16" s="143">
        <v>73629533</v>
      </c>
      <c r="KN16" s="232">
        <v>0</v>
      </c>
      <c r="KO16" s="236">
        <v>460183</v>
      </c>
      <c r="KP16" s="237">
        <v>460183</v>
      </c>
      <c r="KQ16" s="140"/>
      <c r="KR16" s="119">
        <v>25037633</v>
      </c>
      <c r="KS16" s="119">
        <v>32251207</v>
      </c>
      <c r="KT16" s="119">
        <v>28723323</v>
      </c>
      <c r="KU16" s="119">
        <v>22591806</v>
      </c>
      <c r="KV16" s="119">
        <v>22134638</v>
      </c>
      <c r="KW16" s="120">
        <v>130738607</v>
      </c>
      <c r="KX16" s="320">
        <v>131198790</v>
      </c>
      <c r="KY16" s="142">
        <v>0</v>
      </c>
      <c r="KZ16" s="119">
        <v>0</v>
      </c>
      <c r="LA16" s="120">
        <v>0</v>
      </c>
      <c r="LB16" s="145"/>
      <c r="LC16" s="119">
        <v>4278020</v>
      </c>
      <c r="LD16" s="119">
        <v>5055092</v>
      </c>
      <c r="LE16" s="119">
        <v>6528393</v>
      </c>
      <c r="LF16" s="119">
        <v>6428884</v>
      </c>
      <c r="LG16" s="119">
        <v>7102131</v>
      </c>
      <c r="LH16" s="120">
        <v>29392520</v>
      </c>
      <c r="LI16" s="121">
        <v>29392520</v>
      </c>
      <c r="LJ16" s="142">
        <v>0</v>
      </c>
      <c r="LK16" s="119">
        <v>0</v>
      </c>
      <c r="LL16" s="120">
        <v>0</v>
      </c>
      <c r="LM16" s="145"/>
      <c r="LN16" s="119">
        <v>0</v>
      </c>
      <c r="LO16" s="119">
        <v>192409</v>
      </c>
      <c r="LP16" s="119">
        <v>767724</v>
      </c>
      <c r="LQ16" s="119">
        <v>6070865</v>
      </c>
      <c r="LR16" s="119">
        <v>4172651</v>
      </c>
      <c r="LS16" s="120">
        <v>11203649</v>
      </c>
      <c r="LT16" s="320">
        <v>11203649</v>
      </c>
      <c r="LU16" s="142">
        <v>0</v>
      </c>
      <c r="LV16" s="119">
        <v>0</v>
      </c>
      <c r="LW16" s="120">
        <v>0</v>
      </c>
      <c r="LX16" s="145"/>
      <c r="LY16" s="119">
        <v>4826338</v>
      </c>
      <c r="LZ16" s="119">
        <v>6830656</v>
      </c>
      <c r="MA16" s="119">
        <v>11989770</v>
      </c>
      <c r="MB16" s="119">
        <v>12258054</v>
      </c>
      <c r="MC16" s="119">
        <v>9655993</v>
      </c>
      <c r="MD16" s="120">
        <v>45560811</v>
      </c>
      <c r="ME16" s="121">
        <v>45560811</v>
      </c>
      <c r="MF16" s="142">
        <v>0</v>
      </c>
      <c r="MG16" s="119">
        <v>0</v>
      </c>
      <c r="MH16" s="120">
        <v>0</v>
      </c>
      <c r="MI16" s="145"/>
      <c r="MJ16" s="119">
        <v>25746972</v>
      </c>
      <c r="MK16" s="119">
        <v>39158905</v>
      </c>
      <c r="ML16" s="119">
        <v>128854993</v>
      </c>
      <c r="MM16" s="119">
        <v>191962323</v>
      </c>
      <c r="MN16" s="119">
        <v>176849503</v>
      </c>
      <c r="MO16" s="120">
        <v>562572696</v>
      </c>
      <c r="MP16" s="143">
        <v>562572696</v>
      </c>
      <c r="MQ16" s="142">
        <v>0</v>
      </c>
      <c r="MR16" s="119">
        <v>0</v>
      </c>
      <c r="MS16" s="120">
        <v>0</v>
      </c>
      <c r="MT16" s="145"/>
      <c r="MU16" s="119">
        <v>3745503</v>
      </c>
      <c r="MV16" s="119">
        <v>8870936</v>
      </c>
      <c r="MW16" s="119">
        <v>83436599</v>
      </c>
      <c r="MX16" s="119">
        <v>135931265</v>
      </c>
      <c r="MY16" s="119">
        <v>131423822</v>
      </c>
      <c r="MZ16" s="120">
        <v>363408125</v>
      </c>
      <c r="NA16" s="143">
        <v>363408125</v>
      </c>
      <c r="NB16" s="142">
        <v>0</v>
      </c>
      <c r="NC16" s="119">
        <v>0</v>
      </c>
      <c r="ND16" s="120">
        <v>0</v>
      </c>
      <c r="NE16" s="145"/>
      <c r="NF16" s="119">
        <v>21811095</v>
      </c>
      <c r="NG16" s="119">
        <v>30287969</v>
      </c>
      <c r="NH16" s="119">
        <v>45418394</v>
      </c>
      <c r="NI16" s="119">
        <v>54766921</v>
      </c>
      <c r="NJ16" s="119">
        <v>33547878</v>
      </c>
      <c r="NK16" s="120">
        <v>185832257</v>
      </c>
      <c r="NL16" s="320">
        <v>185832257</v>
      </c>
      <c r="NM16" s="142">
        <v>0</v>
      </c>
      <c r="NN16" s="119">
        <v>0</v>
      </c>
      <c r="NO16" s="120">
        <v>0</v>
      </c>
      <c r="NP16" s="145"/>
      <c r="NQ16" s="119">
        <v>0</v>
      </c>
      <c r="NR16" s="119">
        <v>0</v>
      </c>
      <c r="NS16" s="119">
        <v>0</v>
      </c>
      <c r="NT16" s="119">
        <v>230209</v>
      </c>
      <c r="NU16" s="119">
        <v>328745</v>
      </c>
      <c r="NV16" s="120">
        <v>558954</v>
      </c>
      <c r="NW16" s="121">
        <v>558954</v>
      </c>
      <c r="NX16" s="142">
        <v>0</v>
      </c>
      <c r="NY16" s="119">
        <v>0</v>
      </c>
      <c r="NZ16" s="120">
        <v>0</v>
      </c>
      <c r="OA16" s="145"/>
      <c r="OB16" s="119">
        <v>190374</v>
      </c>
      <c r="OC16" s="119">
        <v>0</v>
      </c>
      <c r="OD16" s="119">
        <v>0</v>
      </c>
      <c r="OE16" s="119">
        <v>1033928</v>
      </c>
      <c r="OF16" s="119">
        <v>11549058</v>
      </c>
      <c r="OG16" s="120">
        <v>12773360</v>
      </c>
      <c r="OH16" s="121">
        <v>12773360</v>
      </c>
      <c r="OI16" s="142">
        <v>24450514</v>
      </c>
      <c r="OJ16" s="119">
        <v>44845663</v>
      </c>
      <c r="OK16" s="141">
        <v>69296177</v>
      </c>
      <c r="OL16" s="118">
        <v>0</v>
      </c>
      <c r="OM16" s="119">
        <v>407320424</v>
      </c>
      <c r="ON16" s="119">
        <v>374883588</v>
      </c>
      <c r="OO16" s="119">
        <v>446776274</v>
      </c>
      <c r="OP16" s="119">
        <v>503300318</v>
      </c>
      <c r="OQ16" s="119">
        <v>427853928</v>
      </c>
      <c r="OR16" s="120">
        <v>2160134532</v>
      </c>
      <c r="OS16" s="143">
        <v>2229430709</v>
      </c>
    </row>
    <row r="17" spans="2:409" ht="21" customHeight="1" x14ac:dyDescent="0.2">
      <c r="B17" s="62" t="s">
        <v>11</v>
      </c>
      <c r="C17" s="110">
        <v>10712853</v>
      </c>
      <c r="D17" s="114">
        <v>14286192</v>
      </c>
      <c r="E17" s="171">
        <v>24999045</v>
      </c>
      <c r="F17" s="111">
        <v>0</v>
      </c>
      <c r="G17" s="114">
        <v>149129771</v>
      </c>
      <c r="H17" s="114">
        <v>136762308</v>
      </c>
      <c r="I17" s="114">
        <v>125718894</v>
      </c>
      <c r="J17" s="114">
        <v>128610260</v>
      </c>
      <c r="K17" s="114">
        <v>83711592</v>
      </c>
      <c r="L17" s="109">
        <v>623932825</v>
      </c>
      <c r="M17" s="116">
        <v>648931870</v>
      </c>
      <c r="N17" s="110">
        <v>1364387</v>
      </c>
      <c r="O17" s="114">
        <v>2378311</v>
      </c>
      <c r="P17" s="113">
        <v>3742698</v>
      </c>
      <c r="Q17" s="110">
        <v>0</v>
      </c>
      <c r="R17" s="114">
        <v>33695499</v>
      </c>
      <c r="S17" s="114">
        <v>38854299</v>
      </c>
      <c r="T17" s="114">
        <v>37504183</v>
      </c>
      <c r="U17" s="114">
        <v>44377974</v>
      </c>
      <c r="V17" s="114">
        <v>40671449</v>
      </c>
      <c r="W17" s="113">
        <v>195103404</v>
      </c>
      <c r="X17" s="116">
        <v>198846102</v>
      </c>
      <c r="Y17" s="110">
        <v>0</v>
      </c>
      <c r="Z17" s="114">
        <v>0</v>
      </c>
      <c r="AA17" s="113">
        <v>0</v>
      </c>
      <c r="AB17" s="110">
        <v>0</v>
      </c>
      <c r="AC17" s="114">
        <v>16039880</v>
      </c>
      <c r="AD17" s="114">
        <v>22301281</v>
      </c>
      <c r="AE17" s="114">
        <v>22275190</v>
      </c>
      <c r="AF17" s="114">
        <v>28072047</v>
      </c>
      <c r="AG17" s="114">
        <v>25402278</v>
      </c>
      <c r="AH17" s="113">
        <v>114090676</v>
      </c>
      <c r="AI17" s="116">
        <v>114090676</v>
      </c>
      <c r="AJ17" s="110">
        <v>0</v>
      </c>
      <c r="AK17" s="114">
        <v>35572</v>
      </c>
      <c r="AL17" s="113">
        <v>35572</v>
      </c>
      <c r="AM17" s="110">
        <v>0</v>
      </c>
      <c r="AN17" s="114">
        <v>171735</v>
      </c>
      <c r="AO17" s="114">
        <v>736359</v>
      </c>
      <c r="AP17" s="114">
        <v>1465277</v>
      </c>
      <c r="AQ17" s="114">
        <v>2962900</v>
      </c>
      <c r="AR17" s="114">
        <v>4107698</v>
      </c>
      <c r="AS17" s="113">
        <v>9443969</v>
      </c>
      <c r="AT17" s="116">
        <v>9479541</v>
      </c>
      <c r="AU17" s="110">
        <v>827290</v>
      </c>
      <c r="AV17" s="114">
        <v>1662429</v>
      </c>
      <c r="AW17" s="113">
        <v>2489719</v>
      </c>
      <c r="AX17" s="110">
        <v>0</v>
      </c>
      <c r="AY17" s="114">
        <v>11078068</v>
      </c>
      <c r="AZ17" s="114">
        <v>9476040</v>
      </c>
      <c r="BA17" s="114">
        <v>7393941</v>
      </c>
      <c r="BB17" s="114">
        <v>7069301</v>
      </c>
      <c r="BC17" s="114">
        <v>7571382</v>
      </c>
      <c r="BD17" s="113">
        <v>42588732</v>
      </c>
      <c r="BE17" s="116">
        <v>45078451</v>
      </c>
      <c r="BF17" s="110">
        <v>55743</v>
      </c>
      <c r="BG17" s="114">
        <v>195841</v>
      </c>
      <c r="BH17" s="112">
        <v>251584</v>
      </c>
      <c r="BI17" s="111">
        <v>0</v>
      </c>
      <c r="BJ17" s="114">
        <v>1003446</v>
      </c>
      <c r="BK17" s="114">
        <v>1007978</v>
      </c>
      <c r="BL17" s="114">
        <v>1001015</v>
      </c>
      <c r="BM17" s="114">
        <v>924885</v>
      </c>
      <c r="BN17" s="114">
        <v>200657</v>
      </c>
      <c r="BO17" s="113">
        <v>4137981</v>
      </c>
      <c r="BP17" s="116">
        <v>4389565</v>
      </c>
      <c r="BQ17" s="110">
        <v>481354</v>
      </c>
      <c r="BR17" s="114">
        <v>484469</v>
      </c>
      <c r="BS17" s="113">
        <v>965823</v>
      </c>
      <c r="BT17" s="110">
        <v>0</v>
      </c>
      <c r="BU17" s="114">
        <v>5402370</v>
      </c>
      <c r="BV17" s="114">
        <v>5332641</v>
      </c>
      <c r="BW17" s="114">
        <v>5368760</v>
      </c>
      <c r="BX17" s="114">
        <v>5348841</v>
      </c>
      <c r="BY17" s="114">
        <v>3389434</v>
      </c>
      <c r="BZ17" s="113">
        <v>24842046</v>
      </c>
      <c r="CA17" s="116">
        <v>25807869</v>
      </c>
      <c r="CB17" s="110">
        <v>2118580</v>
      </c>
      <c r="CC17" s="114">
        <v>3047022</v>
      </c>
      <c r="CD17" s="113">
        <v>5165602</v>
      </c>
      <c r="CE17" s="110">
        <v>0</v>
      </c>
      <c r="CF17" s="114">
        <v>46229453</v>
      </c>
      <c r="CG17" s="114">
        <v>38767987</v>
      </c>
      <c r="CH17" s="114">
        <v>29644892</v>
      </c>
      <c r="CI17" s="114">
        <v>23851004</v>
      </c>
      <c r="CJ17" s="114">
        <v>11304965</v>
      </c>
      <c r="CK17" s="113">
        <v>149798301</v>
      </c>
      <c r="CL17" s="116">
        <v>154963903</v>
      </c>
      <c r="CM17" s="110">
        <v>0</v>
      </c>
      <c r="CN17" s="114">
        <v>0</v>
      </c>
      <c r="CO17" s="113">
        <v>0</v>
      </c>
      <c r="CP17" s="111">
        <v>0</v>
      </c>
      <c r="CQ17" s="114">
        <v>37314175</v>
      </c>
      <c r="CR17" s="114">
        <v>30787464</v>
      </c>
      <c r="CS17" s="114">
        <v>23230675</v>
      </c>
      <c r="CT17" s="114">
        <v>19280336</v>
      </c>
      <c r="CU17" s="114">
        <v>9499324</v>
      </c>
      <c r="CV17" s="113">
        <v>120111974</v>
      </c>
      <c r="CW17" s="116">
        <v>120111974</v>
      </c>
      <c r="CX17" s="110">
        <v>2118580</v>
      </c>
      <c r="CY17" s="114">
        <v>3047022</v>
      </c>
      <c r="CZ17" s="113">
        <v>5165602</v>
      </c>
      <c r="DA17" s="110">
        <v>0</v>
      </c>
      <c r="DB17" s="114">
        <v>8915278</v>
      </c>
      <c r="DC17" s="114">
        <v>7980523</v>
      </c>
      <c r="DD17" s="114">
        <v>6414217</v>
      </c>
      <c r="DE17" s="114">
        <v>4570668</v>
      </c>
      <c r="DF17" s="114">
        <v>1805641</v>
      </c>
      <c r="DG17" s="113">
        <v>29686327</v>
      </c>
      <c r="DH17" s="116">
        <v>34851929</v>
      </c>
      <c r="DI17" s="110">
        <v>159559</v>
      </c>
      <c r="DJ17" s="114">
        <v>215199</v>
      </c>
      <c r="DK17" s="112">
        <v>374758</v>
      </c>
      <c r="DL17" s="111">
        <v>0</v>
      </c>
      <c r="DM17" s="114">
        <v>4746523</v>
      </c>
      <c r="DN17" s="114">
        <v>7642798</v>
      </c>
      <c r="DO17" s="114">
        <v>9991460</v>
      </c>
      <c r="DP17" s="114">
        <v>8788562</v>
      </c>
      <c r="DQ17" s="114">
        <v>5447626</v>
      </c>
      <c r="DR17" s="113">
        <v>36616969</v>
      </c>
      <c r="DS17" s="116">
        <v>36991727</v>
      </c>
      <c r="DT17" s="110">
        <v>159559</v>
      </c>
      <c r="DU17" s="114">
        <v>215199</v>
      </c>
      <c r="DV17" s="113">
        <v>374758</v>
      </c>
      <c r="DW17" s="110">
        <v>0</v>
      </c>
      <c r="DX17" s="114">
        <v>4589190</v>
      </c>
      <c r="DY17" s="114">
        <v>7053041</v>
      </c>
      <c r="DZ17" s="114">
        <v>9356830</v>
      </c>
      <c r="EA17" s="114">
        <v>8149606</v>
      </c>
      <c r="EB17" s="114">
        <v>4417849</v>
      </c>
      <c r="EC17" s="113">
        <v>33566516</v>
      </c>
      <c r="ED17" s="116">
        <v>33941274</v>
      </c>
      <c r="EE17" s="110">
        <v>0</v>
      </c>
      <c r="EF17" s="112">
        <v>0</v>
      </c>
      <c r="EG17" s="113">
        <v>0</v>
      </c>
      <c r="EH17" s="110">
        <v>0</v>
      </c>
      <c r="EI17" s="114">
        <v>157333</v>
      </c>
      <c r="EJ17" s="114">
        <v>589757</v>
      </c>
      <c r="EK17" s="114">
        <v>634630</v>
      </c>
      <c r="EL17" s="114">
        <v>638956</v>
      </c>
      <c r="EM17" s="114">
        <v>1029777</v>
      </c>
      <c r="EN17" s="112">
        <v>3050453</v>
      </c>
      <c r="EO17" s="116">
        <v>3050453</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3097285</v>
      </c>
      <c r="FM17" s="114">
        <v>3330733</v>
      </c>
      <c r="FN17" s="113">
        <v>6428018</v>
      </c>
      <c r="FO17" s="110">
        <v>0</v>
      </c>
      <c r="FP17" s="114">
        <v>7822766</v>
      </c>
      <c r="FQ17" s="114">
        <v>12577963</v>
      </c>
      <c r="FR17" s="114">
        <v>10118092</v>
      </c>
      <c r="FS17" s="114">
        <v>10061954</v>
      </c>
      <c r="FT17" s="114">
        <v>6601434</v>
      </c>
      <c r="FU17" s="113">
        <v>47182209</v>
      </c>
      <c r="FV17" s="116">
        <v>53610227</v>
      </c>
      <c r="FW17" s="115">
        <v>1787484</v>
      </c>
      <c r="FX17" s="114">
        <v>2745598</v>
      </c>
      <c r="FY17" s="112">
        <v>4533082</v>
      </c>
      <c r="FZ17" s="111">
        <v>0</v>
      </c>
      <c r="GA17" s="114">
        <v>6386289</v>
      </c>
      <c r="GB17" s="114">
        <v>11221161</v>
      </c>
      <c r="GC17" s="114">
        <v>9031698</v>
      </c>
      <c r="GD17" s="114">
        <v>9337998</v>
      </c>
      <c r="GE17" s="114">
        <v>6081723</v>
      </c>
      <c r="GF17" s="113">
        <v>42058869</v>
      </c>
      <c r="GG17" s="318">
        <v>46591951</v>
      </c>
      <c r="GH17" s="115">
        <v>230126</v>
      </c>
      <c r="GI17" s="114">
        <v>81144</v>
      </c>
      <c r="GJ17" s="112">
        <v>311270</v>
      </c>
      <c r="GK17" s="111">
        <v>0</v>
      </c>
      <c r="GL17" s="114">
        <v>294854</v>
      </c>
      <c r="GM17" s="114">
        <v>504551</v>
      </c>
      <c r="GN17" s="114">
        <v>582394</v>
      </c>
      <c r="GO17" s="114">
        <v>271656</v>
      </c>
      <c r="GP17" s="114">
        <v>175911</v>
      </c>
      <c r="GQ17" s="113">
        <v>1829366</v>
      </c>
      <c r="GR17" s="116">
        <v>2140636</v>
      </c>
      <c r="GS17" s="110">
        <v>1079675</v>
      </c>
      <c r="GT17" s="114">
        <v>503991</v>
      </c>
      <c r="GU17" s="113">
        <v>1583666</v>
      </c>
      <c r="GV17" s="110">
        <v>0</v>
      </c>
      <c r="GW17" s="114">
        <v>1141623</v>
      </c>
      <c r="GX17" s="114">
        <v>852251</v>
      </c>
      <c r="GY17" s="114">
        <v>504000</v>
      </c>
      <c r="GZ17" s="114">
        <v>452300</v>
      </c>
      <c r="HA17" s="114">
        <v>343800</v>
      </c>
      <c r="HB17" s="112">
        <v>3293974</v>
      </c>
      <c r="HC17" s="116">
        <v>4877640</v>
      </c>
      <c r="HD17" s="110">
        <v>1642399</v>
      </c>
      <c r="HE17" s="114">
        <v>2708037</v>
      </c>
      <c r="HF17" s="112">
        <v>4350436</v>
      </c>
      <c r="HG17" s="111">
        <v>0</v>
      </c>
      <c r="HH17" s="114">
        <v>30040059</v>
      </c>
      <c r="HI17" s="114">
        <v>22408079</v>
      </c>
      <c r="HJ17" s="114">
        <v>25381129</v>
      </c>
      <c r="HK17" s="114">
        <v>31578030</v>
      </c>
      <c r="HL17" s="114">
        <v>14461522</v>
      </c>
      <c r="HM17" s="113">
        <v>123868819</v>
      </c>
      <c r="HN17" s="109">
        <v>128219255</v>
      </c>
      <c r="HO17" s="115">
        <v>2330643</v>
      </c>
      <c r="HP17" s="114">
        <v>2606890</v>
      </c>
      <c r="HQ17" s="113">
        <v>4937533</v>
      </c>
      <c r="HR17" s="110">
        <v>0</v>
      </c>
      <c r="HS17" s="114">
        <v>26595471</v>
      </c>
      <c r="HT17" s="114">
        <v>16511182</v>
      </c>
      <c r="HU17" s="114">
        <v>13079138</v>
      </c>
      <c r="HV17" s="114">
        <v>9952736</v>
      </c>
      <c r="HW17" s="114">
        <v>5224596</v>
      </c>
      <c r="HX17" s="112">
        <v>71363123</v>
      </c>
      <c r="HY17" s="116">
        <v>76300656</v>
      </c>
      <c r="HZ17" s="131">
        <v>0</v>
      </c>
      <c r="IA17" s="132">
        <v>1466655</v>
      </c>
      <c r="IB17" s="133">
        <v>1466655</v>
      </c>
      <c r="IC17" s="146">
        <v>0</v>
      </c>
      <c r="ID17" s="132">
        <v>47500809</v>
      </c>
      <c r="IE17" s="147">
        <v>44850120</v>
      </c>
      <c r="IF17" s="133">
        <v>49796533</v>
      </c>
      <c r="IG17" s="132">
        <v>34901779</v>
      </c>
      <c r="IH17" s="133">
        <v>15250792</v>
      </c>
      <c r="II17" s="148">
        <v>192300033</v>
      </c>
      <c r="IJ17" s="139">
        <v>193766688</v>
      </c>
      <c r="IK17" s="232">
        <v>0</v>
      </c>
      <c r="IL17" s="236">
        <v>0</v>
      </c>
      <c r="IM17" s="237">
        <v>0</v>
      </c>
      <c r="IN17" s="140"/>
      <c r="IO17" s="119">
        <v>944268</v>
      </c>
      <c r="IP17" s="119">
        <v>1183357</v>
      </c>
      <c r="IQ17" s="119">
        <v>957951</v>
      </c>
      <c r="IR17" s="119">
        <v>1279084</v>
      </c>
      <c r="IS17" s="119">
        <v>1300104</v>
      </c>
      <c r="IT17" s="141">
        <v>5664764</v>
      </c>
      <c r="IU17" s="320">
        <v>5664764</v>
      </c>
      <c r="IV17" s="142">
        <v>0</v>
      </c>
      <c r="IW17" s="119">
        <v>0</v>
      </c>
      <c r="IX17" s="120">
        <v>0</v>
      </c>
      <c r="IY17" s="144"/>
      <c r="IZ17" s="119">
        <v>169014</v>
      </c>
      <c r="JA17" s="119">
        <v>229380</v>
      </c>
      <c r="JB17" s="119">
        <v>189410</v>
      </c>
      <c r="JC17" s="119">
        <v>257981</v>
      </c>
      <c r="JD17" s="119">
        <v>74291</v>
      </c>
      <c r="JE17" s="120">
        <v>920076</v>
      </c>
      <c r="JF17" s="121">
        <v>920076</v>
      </c>
      <c r="JG17" s="142">
        <v>0</v>
      </c>
      <c r="JH17" s="119">
        <v>0</v>
      </c>
      <c r="JI17" s="141">
        <v>0</v>
      </c>
      <c r="JJ17" s="118">
        <v>0</v>
      </c>
      <c r="JK17" s="119">
        <v>26889145</v>
      </c>
      <c r="JL17" s="119">
        <v>17399440</v>
      </c>
      <c r="JM17" s="119">
        <v>14329875</v>
      </c>
      <c r="JN17" s="119">
        <v>9577898</v>
      </c>
      <c r="JO17" s="119">
        <v>3796884</v>
      </c>
      <c r="JP17" s="120">
        <v>71993242</v>
      </c>
      <c r="JQ17" s="320">
        <v>71993242</v>
      </c>
      <c r="JR17" s="142">
        <v>0</v>
      </c>
      <c r="JS17" s="119">
        <v>29139</v>
      </c>
      <c r="JT17" s="141">
        <v>29139</v>
      </c>
      <c r="JU17" s="118">
        <v>0</v>
      </c>
      <c r="JV17" s="119">
        <v>954345</v>
      </c>
      <c r="JW17" s="119">
        <v>1262739</v>
      </c>
      <c r="JX17" s="119">
        <v>2106305</v>
      </c>
      <c r="JY17" s="119">
        <v>337536</v>
      </c>
      <c r="JZ17" s="119">
        <v>209496</v>
      </c>
      <c r="KA17" s="120">
        <v>4870421</v>
      </c>
      <c r="KB17" s="320">
        <v>4899560</v>
      </c>
      <c r="KC17" s="234">
        <v>0</v>
      </c>
      <c r="KD17" s="230">
        <v>516861</v>
      </c>
      <c r="KE17" s="120">
        <v>516861</v>
      </c>
      <c r="KF17" s="118">
        <v>0</v>
      </c>
      <c r="KG17" s="119">
        <v>5346931</v>
      </c>
      <c r="KH17" s="119">
        <v>7186590</v>
      </c>
      <c r="KI17" s="119">
        <v>10261496</v>
      </c>
      <c r="KJ17" s="119">
        <v>6516833</v>
      </c>
      <c r="KK17" s="119">
        <v>2591206</v>
      </c>
      <c r="KL17" s="120">
        <v>31903056</v>
      </c>
      <c r="KM17" s="143">
        <v>32419917</v>
      </c>
      <c r="KN17" s="232">
        <v>0</v>
      </c>
      <c r="KO17" s="236">
        <v>920655</v>
      </c>
      <c r="KP17" s="237">
        <v>920655</v>
      </c>
      <c r="KQ17" s="140"/>
      <c r="KR17" s="119">
        <v>12379361</v>
      </c>
      <c r="KS17" s="119">
        <v>16813635</v>
      </c>
      <c r="KT17" s="119">
        <v>20430127</v>
      </c>
      <c r="KU17" s="119">
        <v>14353773</v>
      </c>
      <c r="KV17" s="119">
        <v>6177356</v>
      </c>
      <c r="KW17" s="120">
        <v>70154252</v>
      </c>
      <c r="KX17" s="320">
        <v>71074907</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223308</v>
      </c>
      <c r="LP17" s="119">
        <v>0</v>
      </c>
      <c r="LQ17" s="119">
        <v>0</v>
      </c>
      <c r="LR17" s="119">
        <v>0</v>
      </c>
      <c r="LS17" s="120">
        <v>223308</v>
      </c>
      <c r="LT17" s="320">
        <v>223308</v>
      </c>
      <c r="LU17" s="142">
        <v>0</v>
      </c>
      <c r="LV17" s="119">
        <v>0</v>
      </c>
      <c r="LW17" s="120">
        <v>0</v>
      </c>
      <c r="LX17" s="145"/>
      <c r="LY17" s="119">
        <v>817745</v>
      </c>
      <c r="LZ17" s="119">
        <v>551671</v>
      </c>
      <c r="MA17" s="119">
        <v>1521369</v>
      </c>
      <c r="MB17" s="119">
        <v>2578674</v>
      </c>
      <c r="MC17" s="119">
        <v>1101455</v>
      </c>
      <c r="MD17" s="120">
        <v>6570914</v>
      </c>
      <c r="ME17" s="121">
        <v>6570914</v>
      </c>
      <c r="MF17" s="142">
        <v>0</v>
      </c>
      <c r="MG17" s="119">
        <v>0</v>
      </c>
      <c r="MH17" s="120">
        <v>0</v>
      </c>
      <c r="MI17" s="145"/>
      <c r="MJ17" s="119">
        <v>14748980</v>
      </c>
      <c r="MK17" s="119">
        <v>22047917</v>
      </c>
      <c r="ML17" s="119">
        <v>82655373</v>
      </c>
      <c r="MM17" s="119">
        <v>137731928</v>
      </c>
      <c r="MN17" s="119">
        <v>82489804</v>
      </c>
      <c r="MO17" s="120">
        <v>339674002</v>
      </c>
      <c r="MP17" s="143">
        <v>339674002</v>
      </c>
      <c r="MQ17" s="142">
        <v>0</v>
      </c>
      <c r="MR17" s="119">
        <v>0</v>
      </c>
      <c r="MS17" s="120">
        <v>0</v>
      </c>
      <c r="MT17" s="145"/>
      <c r="MU17" s="119">
        <v>385007</v>
      </c>
      <c r="MV17" s="119">
        <v>1237659</v>
      </c>
      <c r="MW17" s="119">
        <v>44350633</v>
      </c>
      <c r="MX17" s="119">
        <v>89284640</v>
      </c>
      <c r="MY17" s="119">
        <v>50719709</v>
      </c>
      <c r="MZ17" s="120">
        <v>185977648</v>
      </c>
      <c r="NA17" s="143">
        <v>185977648</v>
      </c>
      <c r="NB17" s="142">
        <v>0</v>
      </c>
      <c r="NC17" s="119">
        <v>0</v>
      </c>
      <c r="ND17" s="120">
        <v>0</v>
      </c>
      <c r="NE17" s="145"/>
      <c r="NF17" s="119">
        <v>14085621</v>
      </c>
      <c r="NG17" s="119">
        <v>19649510</v>
      </c>
      <c r="NH17" s="119">
        <v>35739091</v>
      </c>
      <c r="NI17" s="119">
        <v>44138881</v>
      </c>
      <c r="NJ17" s="119">
        <v>22847695</v>
      </c>
      <c r="NK17" s="120">
        <v>136460798</v>
      </c>
      <c r="NL17" s="320">
        <v>136460798</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278352</v>
      </c>
      <c r="OC17" s="119">
        <v>1160748</v>
      </c>
      <c r="OD17" s="119">
        <v>2565649</v>
      </c>
      <c r="OE17" s="119">
        <v>4308407</v>
      </c>
      <c r="OF17" s="119">
        <v>8922400</v>
      </c>
      <c r="OG17" s="120">
        <v>17235556</v>
      </c>
      <c r="OH17" s="121">
        <v>17235556</v>
      </c>
      <c r="OI17" s="142">
        <v>10712853</v>
      </c>
      <c r="OJ17" s="119">
        <v>15752847</v>
      </c>
      <c r="OK17" s="141">
        <v>26465700</v>
      </c>
      <c r="OL17" s="118">
        <v>0</v>
      </c>
      <c r="OM17" s="119">
        <v>211379560</v>
      </c>
      <c r="ON17" s="119">
        <v>203660345</v>
      </c>
      <c r="OO17" s="119">
        <v>258170800</v>
      </c>
      <c r="OP17" s="119">
        <v>301243967</v>
      </c>
      <c r="OQ17" s="119">
        <v>181452188</v>
      </c>
      <c r="OR17" s="120">
        <v>1155906860</v>
      </c>
      <c r="OS17" s="143">
        <v>1182372560</v>
      </c>
    </row>
    <row r="18" spans="2:409" ht="21" customHeight="1" x14ac:dyDescent="0.2">
      <c r="B18" s="62" t="s">
        <v>12</v>
      </c>
      <c r="C18" s="110">
        <v>16541961</v>
      </c>
      <c r="D18" s="114">
        <v>29300122</v>
      </c>
      <c r="E18" s="113">
        <v>45842083</v>
      </c>
      <c r="F18" s="109">
        <v>0</v>
      </c>
      <c r="G18" s="114">
        <v>118918864</v>
      </c>
      <c r="H18" s="170">
        <v>141524843</v>
      </c>
      <c r="I18" s="170">
        <v>129285692</v>
      </c>
      <c r="J18" s="170">
        <v>146837812</v>
      </c>
      <c r="K18" s="170">
        <v>105538768</v>
      </c>
      <c r="L18" s="112">
        <v>642105979</v>
      </c>
      <c r="M18" s="116">
        <v>687948062</v>
      </c>
      <c r="N18" s="110">
        <v>3343297</v>
      </c>
      <c r="O18" s="114">
        <v>7779803</v>
      </c>
      <c r="P18" s="113">
        <v>11123100</v>
      </c>
      <c r="Q18" s="110">
        <v>0</v>
      </c>
      <c r="R18" s="114">
        <v>33391650</v>
      </c>
      <c r="S18" s="114">
        <v>43639309</v>
      </c>
      <c r="T18" s="114">
        <v>39483128</v>
      </c>
      <c r="U18" s="114">
        <v>54499545</v>
      </c>
      <c r="V18" s="114">
        <v>52140153</v>
      </c>
      <c r="W18" s="113">
        <v>223153785</v>
      </c>
      <c r="X18" s="116">
        <v>234276885</v>
      </c>
      <c r="Y18" s="110">
        <v>0</v>
      </c>
      <c r="Z18" s="114">
        <v>0</v>
      </c>
      <c r="AA18" s="113">
        <v>0</v>
      </c>
      <c r="AB18" s="110">
        <v>0</v>
      </c>
      <c r="AC18" s="114">
        <v>19242631</v>
      </c>
      <c r="AD18" s="114">
        <v>23963379</v>
      </c>
      <c r="AE18" s="114">
        <v>24473159</v>
      </c>
      <c r="AF18" s="114">
        <v>35787415</v>
      </c>
      <c r="AG18" s="114">
        <v>34131175</v>
      </c>
      <c r="AH18" s="113">
        <v>137597759</v>
      </c>
      <c r="AI18" s="116">
        <v>137597759</v>
      </c>
      <c r="AJ18" s="110">
        <v>0</v>
      </c>
      <c r="AK18" s="114">
        <v>170388</v>
      </c>
      <c r="AL18" s="113">
        <v>170388</v>
      </c>
      <c r="AM18" s="110">
        <v>0</v>
      </c>
      <c r="AN18" s="114">
        <v>239928</v>
      </c>
      <c r="AO18" s="114">
        <v>870489</v>
      </c>
      <c r="AP18" s="114">
        <v>1151682</v>
      </c>
      <c r="AQ18" s="114">
        <v>3785973</v>
      </c>
      <c r="AR18" s="114">
        <v>4455455</v>
      </c>
      <c r="AS18" s="113">
        <v>10503527</v>
      </c>
      <c r="AT18" s="116">
        <v>10673915</v>
      </c>
      <c r="AU18" s="110">
        <v>2269386</v>
      </c>
      <c r="AV18" s="114">
        <v>5899776</v>
      </c>
      <c r="AW18" s="113">
        <v>8169162</v>
      </c>
      <c r="AX18" s="110">
        <v>0</v>
      </c>
      <c r="AY18" s="114">
        <v>9237706</v>
      </c>
      <c r="AZ18" s="114">
        <v>12887636</v>
      </c>
      <c r="BA18" s="114">
        <v>8702667</v>
      </c>
      <c r="BB18" s="114">
        <v>8488110</v>
      </c>
      <c r="BC18" s="114">
        <v>8319914</v>
      </c>
      <c r="BD18" s="113">
        <v>47636033</v>
      </c>
      <c r="BE18" s="116">
        <v>55805195</v>
      </c>
      <c r="BF18" s="110">
        <v>159989</v>
      </c>
      <c r="BG18" s="114">
        <v>619162</v>
      </c>
      <c r="BH18" s="112">
        <v>779151</v>
      </c>
      <c r="BI18" s="111">
        <v>0</v>
      </c>
      <c r="BJ18" s="114">
        <v>613530</v>
      </c>
      <c r="BK18" s="114">
        <v>1267871</v>
      </c>
      <c r="BL18" s="114">
        <v>938653</v>
      </c>
      <c r="BM18" s="114">
        <v>745102</v>
      </c>
      <c r="BN18" s="114">
        <v>690844</v>
      </c>
      <c r="BO18" s="113">
        <v>4256000</v>
      </c>
      <c r="BP18" s="116">
        <v>5035151</v>
      </c>
      <c r="BQ18" s="110">
        <v>913922</v>
      </c>
      <c r="BR18" s="114">
        <v>1090477</v>
      </c>
      <c r="BS18" s="113">
        <v>2004399</v>
      </c>
      <c r="BT18" s="110">
        <v>0</v>
      </c>
      <c r="BU18" s="114">
        <v>4057855</v>
      </c>
      <c r="BV18" s="114">
        <v>4649934</v>
      </c>
      <c r="BW18" s="114">
        <v>4216967</v>
      </c>
      <c r="BX18" s="114">
        <v>5692945</v>
      </c>
      <c r="BY18" s="114">
        <v>4542765</v>
      </c>
      <c r="BZ18" s="113">
        <v>23160466</v>
      </c>
      <c r="CA18" s="116">
        <v>25164865</v>
      </c>
      <c r="CB18" s="110">
        <v>3218367</v>
      </c>
      <c r="CC18" s="114">
        <v>5493704</v>
      </c>
      <c r="CD18" s="113">
        <v>8712071</v>
      </c>
      <c r="CE18" s="110">
        <v>0</v>
      </c>
      <c r="CF18" s="114">
        <v>39098090</v>
      </c>
      <c r="CG18" s="114">
        <v>42708834</v>
      </c>
      <c r="CH18" s="114">
        <v>32696594</v>
      </c>
      <c r="CI18" s="114">
        <v>28155091</v>
      </c>
      <c r="CJ18" s="114">
        <v>13154974</v>
      </c>
      <c r="CK18" s="113">
        <v>155813583</v>
      </c>
      <c r="CL18" s="116">
        <v>164525654</v>
      </c>
      <c r="CM18" s="110">
        <v>0</v>
      </c>
      <c r="CN18" s="114">
        <v>0</v>
      </c>
      <c r="CO18" s="113">
        <v>0</v>
      </c>
      <c r="CP18" s="111">
        <v>0</v>
      </c>
      <c r="CQ18" s="114">
        <v>33096371</v>
      </c>
      <c r="CR18" s="114">
        <v>32141477</v>
      </c>
      <c r="CS18" s="114">
        <v>24040578</v>
      </c>
      <c r="CT18" s="114">
        <v>21959622</v>
      </c>
      <c r="CU18" s="114">
        <v>10208853</v>
      </c>
      <c r="CV18" s="113">
        <v>121446901</v>
      </c>
      <c r="CW18" s="116">
        <v>121446901</v>
      </c>
      <c r="CX18" s="110">
        <v>3218367</v>
      </c>
      <c r="CY18" s="114">
        <v>5493704</v>
      </c>
      <c r="CZ18" s="113">
        <v>8712071</v>
      </c>
      <c r="DA18" s="110">
        <v>0</v>
      </c>
      <c r="DB18" s="114">
        <v>6001719</v>
      </c>
      <c r="DC18" s="114">
        <v>10567357</v>
      </c>
      <c r="DD18" s="114">
        <v>8656016</v>
      </c>
      <c r="DE18" s="114">
        <v>6195469</v>
      </c>
      <c r="DF18" s="114">
        <v>2946121</v>
      </c>
      <c r="DG18" s="113">
        <v>34366682</v>
      </c>
      <c r="DH18" s="116">
        <v>43078753</v>
      </c>
      <c r="DI18" s="110">
        <v>48643</v>
      </c>
      <c r="DJ18" s="114">
        <v>392156</v>
      </c>
      <c r="DK18" s="112">
        <v>440799</v>
      </c>
      <c r="DL18" s="111">
        <v>0</v>
      </c>
      <c r="DM18" s="114">
        <v>4949018</v>
      </c>
      <c r="DN18" s="114">
        <v>5949576</v>
      </c>
      <c r="DO18" s="114">
        <v>12635870</v>
      </c>
      <c r="DP18" s="114">
        <v>10942048</v>
      </c>
      <c r="DQ18" s="114">
        <v>6680540</v>
      </c>
      <c r="DR18" s="113">
        <v>41157052</v>
      </c>
      <c r="DS18" s="116">
        <v>41597851</v>
      </c>
      <c r="DT18" s="110">
        <v>48643</v>
      </c>
      <c r="DU18" s="114">
        <v>392156</v>
      </c>
      <c r="DV18" s="113">
        <v>440799</v>
      </c>
      <c r="DW18" s="110">
        <v>0</v>
      </c>
      <c r="DX18" s="114">
        <v>4841325</v>
      </c>
      <c r="DY18" s="114">
        <v>5382152</v>
      </c>
      <c r="DZ18" s="114">
        <v>12512949</v>
      </c>
      <c r="EA18" s="114">
        <v>10405333</v>
      </c>
      <c r="EB18" s="114">
        <v>6680540</v>
      </c>
      <c r="EC18" s="113">
        <v>39822299</v>
      </c>
      <c r="ED18" s="116">
        <v>40263098</v>
      </c>
      <c r="EE18" s="110">
        <v>0</v>
      </c>
      <c r="EF18" s="112">
        <v>0</v>
      </c>
      <c r="EG18" s="113">
        <v>0</v>
      </c>
      <c r="EH18" s="110">
        <v>0</v>
      </c>
      <c r="EI18" s="114">
        <v>107693</v>
      </c>
      <c r="EJ18" s="114">
        <v>567424</v>
      </c>
      <c r="EK18" s="114">
        <v>122921</v>
      </c>
      <c r="EL18" s="114">
        <v>536715</v>
      </c>
      <c r="EM18" s="114">
        <v>0</v>
      </c>
      <c r="EN18" s="112">
        <v>1334753</v>
      </c>
      <c r="EO18" s="116">
        <v>1334753</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3894099</v>
      </c>
      <c r="FM18" s="114">
        <v>6527397</v>
      </c>
      <c r="FN18" s="113">
        <v>10421496</v>
      </c>
      <c r="FO18" s="110">
        <v>0</v>
      </c>
      <c r="FP18" s="114">
        <v>4467842</v>
      </c>
      <c r="FQ18" s="114">
        <v>14217699</v>
      </c>
      <c r="FR18" s="114">
        <v>12040072</v>
      </c>
      <c r="FS18" s="114">
        <v>13082776</v>
      </c>
      <c r="FT18" s="114">
        <v>8310216</v>
      </c>
      <c r="FU18" s="113">
        <v>52118605</v>
      </c>
      <c r="FV18" s="116">
        <v>62540101</v>
      </c>
      <c r="FW18" s="115">
        <v>2462115</v>
      </c>
      <c r="FX18" s="114">
        <v>5203601</v>
      </c>
      <c r="FY18" s="112">
        <v>7665716</v>
      </c>
      <c r="FZ18" s="111">
        <v>0</v>
      </c>
      <c r="GA18" s="114">
        <v>3447844</v>
      </c>
      <c r="GB18" s="114">
        <v>12800002</v>
      </c>
      <c r="GC18" s="114">
        <v>11268463</v>
      </c>
      <c r="GD18" s="114">
        <v>11917478</v>
      </c>
      <c r="GE18" s="114">
        <v>8007729</v>
      </c>
      <c r="GF18" s="113">
        <v>47441516</v>
      </c>
      <c r="GG18" s="318">
        <v>55107232</v>
      </c>
      <c r="GH18" s="115">
        <v>106229</v>
      </c>
      <c r="GI18" s="114">
        <v>297416</v>
      </c>
      <c r="GJ18" s="112">
        <v>403645</v>
      </c>
      <c r="GK18" s="111">
        <v>0</v>
      </c>
      <c r="GL18" s="114">
        <v>401358</v>
      </c>
      <c r="GM18" s="114">
        <v>449799</v>
      </c>
      <c r="GN18" s="114">
        <v>335829</v>
      </c>
      <c r="GO18" s="114">
        <v>382419</v>
      </c>
      <c r="GP18" s="114">
        <v>39517</v>
      </c>
      <c r="GQ18" s="113">
        <v>1608922</v>
      </c>
      <c r="GR18" s="116">
        <v>2012567</v>
      </c>
      <c r="GS18" s="110">
        <v>1325755</v>
      </c>
      <c r="GT18" s="114">
        <v>1026380</v>
      </c>
      <c r="GU18" s="113">
        <v>2352135</v>
      </c>
      <c r="GV18" s="110">
        <v>0</v>
      </c>
      <c r="GW18" s="114">
        <v>618640</v>
      </c>
      <c r="GX18" s="114">
        <v>967898</v>
      </c>
      <c r="GY18" s="114">
        <v>435780</v>
      </c>
      <c r="GZ18" s="114">
        <v>782879</v>
      </c>
      <c r="HA18" s="114">
        <v>262970</v>
      </c>
      <c r="HB18" s="112">
        <v>3068167</v>
      </c>
      <c r="HC18" s="116">
        <v>5420302</v>
      </c>
      <c r="HD18" s="110">
        <v>2738553</v>
      </c>
      <c r="HE18" s="114">
        <v>4212439</v>
      </c>
      <c r="HF18" s="112">
        <v>6950992</v>
      </c>
      <c r="HG18" s="111">
        <v>0</v>
      </c>
      <c r="HH18" s="114">
        <v>15970366</v>
      </c>
      <c r="HI18" s="114">
        <v>16847130</v>
      </c>
      <c r="HJ18" s="114">
        <v>18343118</v>
      </c>
      <c r="HK18" s="114">
        <v>28641925</v>
      </c>
      <c r="HL18" s="114">
        <v>19173414</v>
      </c>
      <c r="HM18" s="113">
        <v>98975953</v>
      </c>
      <c r="HN18" s="109">
        <v>105926945</v>
      </c>
      <c r="HO18" s="115">
        <v>3299002</v>
      </c>
      <c r="HP18" s="114">
        <v>4894623</v>
      </c>
      <c r="HQ18" s="113">
        <v>8193625</v>
      </c>
      <c r="HR18" s="110">
        <v>0</v>
      </c>
      <c r="HS18" s="114">
        <v>21041898</v>
      </c>
      <c r="HT18" s="114">
        <v>18162295</v>
      </c>
      <c r="HU18" s="114">
        <v>14086910</v>
      </c>
      <c r="HV18" s="114">
        <v>11516427</v>
      </c>
      <c r="HW18" s="114">
        <v>6079471</v>
      </c>
      <c r="HX18" s="112">
        <v>70887001</v>
      </c>
      <c r="HY18" s="116">
        <v>79080626</v>
      </c>
      <c r="HZ18" s="150">
        <v>60444</v>
      </c>
      <c r="IA18" s="135">
        <v>178218</v>
      </c>
      <c r="IB18" s="150">
        <v>238662</v>
      </c>
      <c r="IC18" s="134">
        <v>0</v>
      </c>
      <c r="ID18" s="135">
        <v>38508562</v>
      </c>
      <c r="IE18" s="136">
        <v>42288727</v>
      </c>
      <c r="IF18" s="137">
        <v>47626197</v>
      </c>
      <c r="IG18" s="135">
        <v>44460225</v>
      </c>
      <c r="IH18" s="137">
        <v>32235516</v>
      </c>
      <c r="II18" s="138">
        <v>205119227</v>
      </c>
      <c r="IJ18" s="150">
        <v>205357889</v>
      </c>
      <c r="IK18" s="232">
        <v>0</v>
      </c>
      <c r="IL18" s="236">
        <v>0</v>
      </c>
      <c r="IM18" s="237">
        <v>0</v>
      </c>
      <c r="IN18" s="140"/>
      <c r="IO18" s="119">
        <v>606788</v>
      </c>
      <c r="IP18" s="119">
        <v>738037</v>
      </c>
      <c r="IQ18" s="119">
        <v>818826</v>
      </c>
      <c r="IR18" s="119">
        <v>1004472</v>
      </c>
      <c r="IS18" s="119">
        <v>1827934</v>
      </c>
      <c r="IT18" s="141">
        <v>4996057</v>
      </c>
      <c r="IU18" s="320">
        <v>4996057</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24199704</v>
      </c>
      <c r="JL18" s="119">
        <v>18610428</v>
      </c>
      <c r="JM18" s="119">
        <v>15132945</v>
      </c>
      <c r="JN18" s="119">
        <v>9235115</v>
      </c>
      <c r="JO18" s="119">
        <v>3058139</v>
      </c>
      <c r="JP18" s="120">
        <v>70236331</v>
      </c>
      <c r="JQ18" s="320">
        <v>70236331</v>
      </c>
      <c r="JR18" s="142">
        <v>0</v>
      </c>
      <c r="JS18" s="119">
        <v>0</v>
      </c>
      <c r="JT18" s="141">
        <v>0</v>
      </c>
      <c r="JU18" s="118">
        <v>0</v>
      </c>
      <c r="JV18" s="119">
        <v>308186</v>
      </c>
      <c r="JW18" s="119">
        <v>167299</v>
      </c>
      <c r="JX18" s="119">
        <v>143905</v>
      </c>
      <c r="JY18" s="119">
        <v>82767</v>
      </c>
      <c r="JZ18" s="119">
        <v>391596</v>
      </c>
      <c r="KA18" s="120">
        <v>1093753</v>
      </c>
      <c r="KB18" s="320">
        <v>1093753</v>
      </c>
      <c r="KC18" s="234">
        <v>60444</v>
      </c>
      <c r="KD18" s="230">
        <v>178218</v>
      </c>
      <c r="KE18" s="120">
        <v>238662</v>
      </c>
      <c r="KF18" s="118">
        <v>0</v>
      </c>
      <c r="KG18" s="119">
        <v>3406327</v>
      </c>
      <c r="KH18" s="119">
        <v>7210275</v>
      </c>
      <c r="KI18" s="119">
        <v>13152808</v>
      </c>
      <c r="KJ18" s="119">
        <v>15290508</v>
      </c>
      <c r="KK18" s="119">
        <v>7684135</v>
      </c>
      <c r="KL18" s="120">
        <v>46744053</v>
      </c>
      <c r="KM18" s="143">
        <v>46982715</v>
      </c>
      <c r="KN18" s="232">
        <v>0</v>
      </c>
      <c r="KO18" s="236">
        <v>0</v>
      </c>
      <c r="KP18" s="237">
        <v>0</v>
      </c>
      <c r="KQ18" s="140"/>
      <c r="KR18" s="119">
        <v>9225680</v>
      </c>
      <c r="KS18" s="119">
        <v>11772419</v>
      </c>
      <c r="KT18" s="119">
        <v>10565430</v>
      </c>
      <c r="KU18" s="119">
        <v>8383658</v>
      </c>
      <c r="KV18" s="119">
        <v>10291232</v>
      </c>
      <c r="KW18" s="120">
        <v>50238419</v>
      </c>
      <c r="KX18" s="320">
        <v>50238419</v>
      </c>
      <c r="KY18" s="142">
        <v>0</v>
      </c>
      <c r="KZ18" s="119">
        <v>0</v>
      </c>
      <c r="LA18" s="120">
        <v>0</v>
      </c>
      <c r="LB18" s="145"/>
      <c r="LC18" s="119">
        <v>0</v>
      </c>
      <c r="LD18" s="119">
        <v>1049776</v>
      </c>
      <c r="LE18" s="119">
        <v>867514</v>
      </c>
      <c r="LF18" s="119">
        <v>2019017</v>
      </c>
      <c r="LG18" s="119">
        <v>739314</v>
      </c>
      <c r="LH18" s="120">
        <v>4675621</v>
      </c>
      <c r="LI18" s="121">
        <v>4675621</v>
      </c>
      <c r="LJ18" s="142">
        <v>0</v>
      </c>
      <c r="LK18" s="119">
        <v>0</v>
      </c>
      <c r="LL18" s="120">
        <v>0</v>
      </c>
      <c r="LM18" s="145"/>
      <c r="LN18" s="119">
        <v>0</v>
      </c>
      <c r="LO18" s="119">
        <v>239027</v>
      </c>
      <c r="LP18" s="119">
        <v>2672700</v>
      </c>
      <c r="LQ18" s="119">
        <v>2817472</v>
      </c>
      <c r="LR18" s="119">
        <v>2012667</v>
      </c>
      <c r="LS18" s="120">
        <v>7741866</v>
      </c>
      <c r="LT18" s="320">
        <v>7741866</v>
      </c>
      <c r="LU18" s="142">
        <v>0</v>
      </c>
      <c r="LV18" s="119">
        <v>0</v>
      </c>
      <c r="LW18" s="120">
        <v>0</v>
      </c>
      <c r="LX18" s="145"/>
      <c r="LY18" s="119">
        <v>761877</v>
      </c>
      <c r="LZ18" s="119">
        <v>2501466</v>
      </c>
      <c r="MA18" s="119">
        <v>4272069</v>
      </c>
      <c r="MB18" s="119">
        <v>5627216</v>
      </c>
      <c r="MC18" s="119">
        <v>6230499</v>
      </c>
      <c r="MD18" s="120">
        <v>19393127</v>
      </c>
      <c r="ME18" s="121">
        <v>19393127</v>
      </c>
      <c r="MF18" s="142">
        <v>0</v>
      </c>
      <c r="MG18" s="119">
        <v>0</v>
      </c>
      <c r="MH18" s="120">
        <v>0</v>
      </c>
      <c r="MI18" s="145"/>
      <c r="MJ18" s="119">
        <v>9730287</v>
      </c>
      <c r="MK18" s="119">
        <v>27468402</v>
      </c>
      <c r="ML18" s="119">
        <v>87537333</v>
      </c>
      <c r="MM18" s="119">
        <v>125454101</v>
      </c>
      <c r="MN18" s="119">
        <v>91015046</v>
      </c>
      <c r="MO18" s="120">
        <v>341205169</v>
      </c>
      <c r="MP18" s="143">
        <v>341205169</v>
      </c>
      <c r="MQ18" s="142">
        <v>0</v>
      </c>
      <c r="MR18" s="119">
        <v>0</v>
      </c>
      <c r="MS18" s="120">
        <v>0</v>
      </c>
      <c r="MT18" s="145"/>
      <c r="MU18" s="119">
        <v>226246</v>
      </c>
      <c r="MV18" s="119">
        <v>4259399</v>
      </c>
      <c r="MW18" s="119">
        <v>43069468</v>
      </c>
      <c r="MX18" s="119">
        <v>75657249</v>
      </c>
      <c r="MY18" s="119">
        <v>66578553</v>
      </c>
      <c r="MZ18" s="120">
        <v>189790915</v>
      </c>
      <c r="NA18" s="143">
        <v>189790915</v>
      </c>
      <c r="NB18" s="142">
        <v>0</v>
      </c>
      <c r="NC18" s="119">
        <v>0</v>
      </c>
      <c r="ND18" s="120">
        <v>0</v>
      </c>
      <c r="NE18" s="145"/>
      <c r="NF18" s="119">
        <v>9504041</v>
      </c>
      <c r="NG18" s="119">
        <v>22651714</v>
      </c>
      <c r="NH18" s="119">
        <v>44160633</v>
      </c>
      <c r="NI18" s="119">
        <v>45386157</v>
      </c>
      <c r="NJ18" s="119">
        <v>19883532</v>
      </c>
      <c r="NK18" s="120">
        <v>141586077</v>
      </c>
      <c r="NL18" s="320">
        <v>141586077</v>
      </c>
      <c r="NM18" s="142">
        <v>0</v>
      </c>
      <c r="NN18" s="119">
        <v>0</v>
      </c>
      <c r="NO18" s="120">
        <v>0</v>
      </c>
      <c r="NP18" s="145"/>
      <c r="NQ18" s="119">
        <v>0</v>
      </c>
      <c r="NR18" s="119">
        <v>0</v>
      </c>
      <c r="NS18" s="119">
        <v>0</v>
      </c>
      <c r="NT18" s="119">
        <v>0</v>
      </c>
      <c r="NU18" s="119">
        <v>357723</v>
      </c>
      <c r="NV18" s="120">
        <v>357723</v>
      </c>
      <c r="NW18" s="121">
        <v>357723</v>
      </c>
      <c r="NX18" s="142">
        <v>0</v>
      </c>
      <c r="NY18" s="119">
        <v>0</v>
      </c>
      <c r="NZ18" s="120">
        <v>0</v>
      </c>
      <c r="OA18" s="145"/>
      <c r="OB18" s="119">
        <v>0</v>
      </c>
      <c r="OC18" s="119">
        <v>557289</v>
      </c>
      <c r="OD18" s="119">
        <v>307232</v>
      </c>
      <c r="OE18" s="119">
        <v>4410695</v>
      </c>
      <c r="OF18" s="119">
        <v>4195238</v>
      </c>
      <c r="OG18" s="120">
        <v>9470454</v>
      </c>
      <c r="OH18" s="121">
        <v>9470454</v>
      </c>
      <c r="OI18" s="142">
        <v>16602405</v>
      </c>
      <c r="OJ18" s="119">
        <v>29478340</v>
      </c>
      <c r="OK18" s="141">
        <v>46080745</v>
      </c>
      <c r="OL18" s="118">
        <v>0</v>
      </c>
      <c r="OM18" s="119">
        <v>167157713</v>
      </c>
      <c r="ON18" s="119">
        <v>211281972</v>
      </c>
      <c r="OO18" s="119">
        <v>264449222</v>
      </c>
      <c r="OP18" s="119">
        <v>316752138</v>
      </c>
      <c r="OQ18" s="119">
        <v>228789330</v>
      </c>
      <c r="OR18" s="120">
        <v>1188430375</v>
      </c>
      <c r="OS18" s="143">
        <v>1234511120</v>
      </c>
    </row>
    <row r="19" spans="2:409" ht="21" customHeight="1" x14ac:dyDescent="0.2">
      <c r="B19" s="62" t="s">
        <v>13</v>
      </c>
      <c r="C19" s="110">
        <v>3480782</v>
      </c>
      <c r="D19" s="114">
        <v>5160809</v>
      </c>
      <c r="E19" s="113">
        <v>8641591</v>
      </c>
      <c r="F19" s="110">
        <v>0</v>
      </c>
      <c r="G19" s="170">
        <v>47757876</v>
      </c>
      <c r="H19" s="114">
        <v>56442222</v>
      </c>
      <c r="I19" s="114">
        <v>53441712</v>
      </c>
      <c r="J19" s="114">
        <v>56138562</v>
      </c>
      <c r="K19" s="114">
        <v>46545074</v>
      </c>
      <c r="L19" s="112">
        <v>260325446</v>
      </c>
      <c r="M19" s="116">
        <v>268967037</v>
      </c>
      <c r="N19" s="110">
        <v>687862</v>
      </c>
      <c r="O19" s="114">
        <v>1232039</v>
      </c>
      <c r="P19" s="113">
        <v>1919901</v>
      </c>
      <c r="Q19" s="110">
        <v>0</v>
      </c>
      <c r="R19" s="114">
        <v>14084750</v>
      </c>
      <c r="S19" s="114">
        <v>18199148</v>
      </c>
      <c r="T19" s="114">
        <v>17174690</v>
      </c>
      <c r="U19" s="114">
        <v>20783590</v>
      </c>
      <c r="V19" s="114">
        <v>24827043</v>
      </c>
      <c r="W19" s="113">
        <v>95069221</v>
      </c>
      <c r="X19" s="116">
        <v>96989122</v>
      </c>
      <c r="Y19" s="110">
        <v>0</v>
      </c>
      <c r="Z19" s="114">
        <v>0</v>
      </c>
      <c r="AA19" s="113">
        <v>0</v>
      </c>
      <c r="AB19" s="110">
        <v>0</v>
      </c>
      <c r="AC19" s="114">
        <v>6189103</v>
      </c>
      <c r="AD19" s="114">
        <v>9560989</v>
      </c>
      <c r="AE19" s="114">
        <v>10337651</v>
      </c>
      <c r="AF19" s="114">
        <v>12595689</v>
      </c>
      <c r="AG19" s="114">
        <v>16456144</v>
      </c>
      <c r="AH19" s="113">
        <v>55139576</v>
      </c>
      <c r="AI19" s="116">
        <v>55139576</v>
      </c>
      <c r="AJ19" s="110">
        <v>0</v>
      </c>
      <c r="AK19" s="114">
        <v>0</v>
      </c>
      <c r="AL19" s="113">
        <v>0</v>
      </c>
      <c r="AM19" s="110">
        <v>0</v>
      </c>
      <c r="AN19" s="114">
        <v>40753</v>
      </c>
      <c r="AO19" s="114">
        <v>91236</v>
      </c>
      <c r="AP19" s="114">
        <v>296582</v>
      </c>
      <c r="AQ19" s="114">
        <v>712790</v>
      </c>
      <c r="AR19" s="114">
        <v>2182272</v>
      </c>
      <c r="AS19" s="113">
        <v>3323633</v>
      </c>
      <c r="AT19" s="116">
        <v>3323633</v>
      </c>
      <c r="AU19" s="110">
        <v>206409</v>
      </c>
      <c r="AV19" s="114">
        <v>706082</v>
      </c>
      <c r="AW19" s="113">
        <v>912491</v>
      </c>
      <c r="AX19" s="110">
        <v>0</v>
      </c>
      <c r="AY19" s="114">
        <v>4922683</v>
      </c>
      <c r="AZ19" s="114">
        <v>5319552</v>
      </c>
      <c r="BA19" s="114">
        <v>3787429</v>
      </c>
      <c r="BB19" s="114">
        <v>4394924</v>
      </c>
      <c r="BC19" s="114">
        <v>3596571</v>
      </c>
      <c r="BD19" s="113">
        <v>22021159</v>
      </c>
      <c r="BE19" s="116">
        <v>22933650</v>
      </c>
      <c r="BF19" s="110">
        <v>49916</v>
      </c>
      <c r="BG19" s="114">
        <v>208435</v>
      </c>
      <c r="BH19" s="112">
        <v>258351</v>
      </c>
      <c r="BI19" s="111">
        <v>0</v>
      </c>
      <c r="BJ19" s="114">
        <v>536544</v>
      </c>
      <c r="BK19" s="114">
        <v>539345</v>
      </c>
      <c r="BL19" s="114">
        <v>329136</v>
      </c>
      <c r="BM19" s="114">
        <v>429413</v>
      </c>
      <c r="BN19" s="114">
        <v>270289</v>
      </c>
      <c r="BO19" s="113">
        <v>2104727</v>
      </c>
      <c r="BP19" s="116">
        <v>2363078</v>
      </c>
      <c r="BQ19" s="110">
        <v>431537</v>
      </c>
      <c r="BR19" s="114">
        <v>317522</v>
      </c>
      <c r="BS19" s="113">
        <v>749059</v>
      </c>
      <c r="BT19" s="110">
        <v>0</v>
      </c>
      <c r="BU19" s="114">
        <v>2395667</v>
      </c>
      <c r="BV19" s="114">
        <v>2688026</v>
      </c>
      <c r="BW19" s="114">
        <v>2423892</v>
      </c>
      <c r="BX19" s="114">
        <v>2650774</v>
      </c>
      <c r="BY19" s="114">
        <v>2321767</v>
      </c>
      <c r="BZ19" s="113">
        <v>12480126</v>
      </c>
      <c r="CA19" s="116">
        <v>13229185</v>
      </c>
      <c r="CB19" s="110">
        <v>292289</v>
      </c>
      <c r="CC19" s="114">
        <v>919672</v>
      </c>
      <c r="CD19" s="113">
        <v>1211961</v>
      </c>
      <c r="CE19" s="110">
        <v>0</v>
      </c>
      <c r="CF19" s="114">
        <v>9273239</v>
      </c>
      <c r="CG19" s="114">
        <v>12727593</v>
      </c>
      <c r="CH19" s="114">
        <v>9724484</v>
      </c>
      <c r="CI19" s="114">
        <v>7899137</v>
      </c>
      <c r="CJ19" s="114">
        <v>3381891</v>
      </c>
      <c r="CK19" s="113">
        <v>43006344</v>
      </c>
      <c r="CL19" s="116">
        <v>44218305</v>
      </c>
      <c r="CM19" s="110">
        <v>0</v>
      </c>
      <c r="CN19" s="114">
        <v>0</v>
      </c>
      <c r="CO19" s="113">
        <v>0</v>
      </c>
      <c r="CP19" s="111">
        <v>0</v>
      </c>
      <c r="CQ19" s="114">
        <v>8222319</v>
      </c>
      <c r="CR19" s="114">
        <v>10780165</v>
      </c>
      <c r="CS19" s="114">
        <v>8617470</v>
      </c>
      <c r="CT19" s="114">
        <v>5795307</v>
      </c>
      <c r="CU19" s="114">
        <v>2575621</v>
      </c>
      <c r="CV19" s="113">
        <v>35990882</v>
      </c>
      <c r="CW19" s="116">
        <v>35990882</v>
      </c>
      <c r="CX19" s="110">
        <v>292289</v>
      </c>
      <c r="CY19" s="114">
        <v>919672</v>
      </c>
      <c r="CZ19" s="113">
        <v>1211961</v>
      </c>
      <c r="DA19" s="110">
        <v>0</v>
      </c>
      <c r="DB19" s="114">
        <v>1050920</v>
      </c>
      <c r="DC19" s="114">
        <v>1947428</v>
      </c>
      <c r="DD19" s="114">
        <v>1107014</v>
      </c>
      <c r="DE19" s="114">
        <v>2103830</v>
      </c>
      <c r="DF19" s="114">
        <v>806270</v>
      </c>
      <c r="DG19" s="113">
        <v>7015462</v>
      </c>
      <c r="DH19" s="116">
        <v>8227423</v>
      </c>
      <c r="DI19" s="110">
        <v>0</v>
      </c>
      <c r="DJ19" s="114">
        <v>49933</v>
      </c>
      <c r="DK19" s="112">
        <v>49933</v>
      </c>
      <c r="DL19" s="111">
        <v>0</v>
      </c>
      <c r="DM19" s="114">
        <v>925866</v>
      </c>
      <c r="DN19" s="114">
        <v>1885746</v>
      </c>
      <c r="DO19" s="114">
        <v>5348021</v>
      </c>
      <c r="DP19" s="114">
        <v>5182422</v>
      </c>
      <c r="DQ19" s="114">
        <v>2400079</v>
      </c>
      <c r="DR19" s="113">
        <v>15742134</v>
      </c>
      <c r="DS19" s="116">
        <v>15792067</v>
      </c>
      <c r="DT19" s="110">
        <v>0</v>
      </c>
      <c r="DU19" s="114">
        <v>49933</v>
      </c>
      <c r="DV19" s="113">
        <v>49933</v>
      </c>
      <c r="DW19" s="110">
        <v>0</v>
      </c>
      <c r="DX19" s="114">
        <v>853081</v>
      </c>
      <c r="DY19" s="114">
        <v>1469591</v>
      </c>
      <c r="DZ19" s="114">
        <v>4811759</v>
      </c>
      <c r="EA19" s="114">
        <v>4240109</v>
      </c>
      <c r="EB19" s="114">
        <v>2198599</v>
      </c>
      <c r="EC19" s="113">
        <v>13573139</v>
      </c>
      <c r="ED19" s="116">
        <v>13623072</v>
      </c>
      <c r="EE19" s="110">
        <v>0</v>
      </c>
      <c r="EF19" s="112">
        <v>0</v>
      </c>
      <c r="EG19" s="113">
        <v>0</v>
      </c>
      <c r="EH19" s="110">
        <v>0</v>
      </c>
      <c r="EI19" s="114">
        <v>72785</v>
      </c>
      <c r="EJ19" s="114">
        <v>416155</v>
      </c>
      <c r="EK19" s="114">
        <v>536262</v>
      </c>
      <c r="EL19" s="114">
        <v>942313</v>
      </c>
      <c r="EM19" s="114">
        <v>201480</v>
      </c>
      <c r="EN19" s="112">
        <v>2168995</v>
      </c>
      <c r="EO19" s="116">
        <v>2168995</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856959</v>
      </c>
      <c r="FM19" s="114">
        <v>960388</v>
      </c>
      <c r="FN19" s="113">
        <v>1817347</v>
      </c>
      <c r="FO19" s="110">
        <v>0</v>
      </c>
      <c r="FP19" s="114">
        <v>2791391</v>
      </c>
      <c r="FQ19" s="114">
        <v>4971242</v>
      </c>
      <c r="FR19" s="114">
        <v>4223114</v>
      </c>
      <c r="FS19" s="114">
        <v>4200686</v>
      </c>
      <c r="FT19" s="114">
        <v>2986497</v>
      </c>
      <c r="FU19" s="113">
        <v>19172930</v>
      </c>
      <c r="FV19" s="116">
        <v>20990277</v>
      </c>
      <c r="FW19" s="115">
        <v>335337</v>
      </c>
      <c r="FX19" s="114">
        <v>864061</v>
      </c>
      <c r="FY19" s="112">
        <v>1199398</v>
      </c>
      <c r="FZ19" s="111">
        <v>0</v>
      </c>
      <c r="GA19" s="114">
        <v>1772551</v>
      </c>
      <c r="GB19" s="114">
        <v>4634111</v>
      </c>
      <c r="GC19" s="114">
        <v>3914225</v>
      </c>
      <c r="GD19" s="114">
        <v>3815833</v>
      </c>
      <c r="GE19" s="114">
        <v>2818487</v>
      </c>
      <c r="GF19" s="113">
        <v>16955207</v>
      </c>
      <c r="GG19" s="318">
        <v>18154605</v>
      </c>
      <c r="GH19" s="115">
        <v>26730</v>
      </c>
      <c r="GI19" s="114">
        <v>66627</v>
      </c>
      <c r="GJ19" s="112">
        <v>93357</v>
      </c>
      <c r="GK19" s="111">
        <v>0</v>
      </c>
      <c r="GL19" s="114">
        <v>214540</v>
      </c>
      <c r="GM19" s="114">
        <v>72431</v>
      </c>
      <c r="GN19" s="114">
        <v>50688</v>
      </c>
      <c r="GO19" s="114">
        <v>79348</v>
      </c>
      <c r="GP19" s="114">
        <v>0</v>
      </c>
      <c r="GQ19" s="113">
        <v>417007</v>
      </c>
      <c r="GR19" s="116">
        <v>510364</v>
      </c>
      <c r="GS19" s="110">
        <v>494892</v>
      </c>
      <c r="GT19" s="114">
        <v>29700</v>
      </c>
      <c r="GU19" s="113">
        <v>524592</v>
      </c>
      <c r="GV19" s="110">
        <v>0</v>
      </c>
      <c r="GW19" s="114">
        <v>804300</v>
      </c>
      <c r="GX19" s="114">
        <v>264700</v>
      </c>
      <c r="GY19" s="114">
        <v>258201</v>
      </c>
      <c r="GZ19" s="114">
        <v>305505</v>
      </c>
      <c r="HA19" s="114">
        <v>168010</v>
      </c>
      <c r="HB19" s="112">
        <v>1800716</v>
      </c>
      <c r="HC19" s="116">
        <v>2325308</v>
      </c>
      <c r="HD19" s="110">
        <v>1228588</v>
      </c>
      <c r="HE19" s="114">
        <v>1061319</v>
      </c>
      <c r="HF19" s="112">
        <v>2289907</v>
      </c>
      <c r="HG19" s="111">
        <v>0</v>
      </c>
      <c r="HH19" s="114">
        <v>12653802</v>
      </c>
      <c r="HI19" s="114">
        <v>10991152</v>
      </c>
      <c r="HJ19" s="114">
        <v>11461384</v>
      </c>
      <c r="HK19" s="114">
        <v>13775685</v>
      </c>
      <c r="HL19" s="114">
        <v>10260525</v>
      </c>
      <c r="HM19" s="113">
        <v>59142548</v>
      </c>
      <c r="HN19" s="109">
        <v>61432455</v>
      </c>
      <c r="HO19" s="115">
        <v>415084</v>
      </c>
      <c r="HP19" s="114">
        <v>937458</v>
      </c>
      <c r="HQ19" s="113">
        <v>1352542</v>
      </c>
      <c r="HR19" s="110">
        <v>0</v>
      </c>
      <c r="HS19" s="114">
        <v>8028828</v>
      </c>
      <c r="HT19" s="114">
        <v>7667341</v>
      </c>
      <c r="HU19" s="114">
        <v>5510019</v>
      </c>
      <c r="HV19" s="114">
        <v>4297042</v>
      </c>
      <c r="HW19" s="114">
        <v>2689039</v>
      </c>
      <c r="HX19" s="112">
        <v>28192269</v>
      </c>
      <c r="HY19" s="116">
        <v>29544811</v>
      </c>
      <c r="HZ19" s="131">
        <v>32984</v>
      </c>
      <c r="IA19" s="132">
        <v>199974</v>
      </c>
      <c r="IB19" s="133">
        <v>232958</v>
      </c>
      <c r="IC19" s="146">
        <v>0</v>
      </c>
      <c r="ID19" s="132">
        <v>9693992</v>
      </c>
      <c r="IE19" s="147">
        <v>13275972</v>
      </c>
      <c r="IF19" s="133">
        <v>15566674</v>
      </c>
      <c r="IG19" s="132">
        <v>9161925</v>
      </c>
      <c r="IH19" s="133">
        <v>6105425</v>
      </c>
      <c r="II19" s="148">
        <v>53803988</v>
      </c>
      <c r="IJ19" s="139">
        <v>54036946</v>
      </c>
      <c r="IK19" s="232">
        <v>0</v>
      </c>
      <c r="IL19" s="236">
        <v>0</v>
      </c>
      <c r="IM19" s="237">
        <v>0</v>
      </c>
      <c r="IN19" s="140"/>
      <c r="IO19" s="119">
        <v>83115</v>
      </c>
      <c r="IP19" s="119">
        <v>139182</v>
      </c>
      <c r="IQ19" s="119">
        <v>341127</v>
      </c>
      <c r="IR19" s="119">
        <v>251530</v>
      </c>
      <c r="IS19" s="119">
        <v>336488</v>
      </c>
      <c r="IT19" s="141">
        <v>1151442</v>
      </c>
      <c r="IU19" s="320">
        <v>1151442</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6328218</v>
      </c>
      <c r="JL19" s="119">
        <v>7185137</v>
      </c>
      <c r="JM19" s="119">
        <v>5887193</v>
      </c>
      <c r="JN19" s="119">
        <v>3087266</v>
      </c>
      <c r="JO19" s="119">
        <v>1988531</v>
      </c>
      <c r="JP19" s="120">
        <v>24476345</v>
      </c>
      <c r="JQ19" s="320">
        <v>24476345</v>
      </c>
      <c r="JR19" s="142">
        <v>0</v>
      </c>
      <c r="JS19" s="119">
        <v>0</v>
      </c>
      <c r="JT19" s="141">
        <v>0</v>
      </c>
      <c r="JU19" s="118">
        <v>0</v>
      </c>
      <c r="JV19" s="119">
        <v>136752</v>
      </c>
      <c r="JW19" s="119">
        <v>461347</v>
      </c>
      <c r="JX19" s="119">
        <v>1032220</v>
      </c>
      <c r="JY19" s="119">
        <v>352121</v>
      </c>
      <c r="JZ19" s="119">
        <v>335062</v>
      </c>
      <c r="KA19" s="120">
        <v>2317502</v>
      </c>
      <c r="KB19" s="320">
        <v>2317502</v>
      </c>
      <c r="KC19" s="234">
        <v>32984</v>
      </c>
      <c r="KD19" s="230">
        <v>199974</v>
      </c>
      <c r="KE19" s="120">
        <v>232958</v>
      </c>
      <c r="KF19" s="118">
        <v>0</v>
      </c>
      <c r="KG19" s="119">
        <v>1197377</v>
      </c>
      <c r="KH19" s="119">
        <v>1629905</v>
      </c>
      <c r="KI19" s="119">
        <v>1646114</v>
      </c>
      <c r="KJ19" s="119">
        <v>284855</v>
      </c>
      <c r="KK19" s="119">
        <v>0</v>
      </c>
      <c r="KL19" s="120">
        <v>4758251</v>
      </c>
      <c r="KM19" s="143">
        <v>4991209</v>
      </c>
      <c r="KN19" s="232">
        <v>0</v>
      </c>
      <c r="KO19" s="236">
        <v>0</v>
      </c>
      <c r="KP19" s="237">
        <v>0</v>
      </c>
      <c r="KQ19" s="140"/>
      <c r="KR19" s="119">
        <v>1948530</v>
      </c>
      <c r="KS19" s="119">
        <v>3860401</v>
      </c>
      <c r="KT19" s="119">
        <v>6299824</v>
      </c>
      <c r="KU19" s="119">
        <v>3690985</v>
      </c>
      <c r="KV19" s="119">
        <v>2961180</v>
      </c>
      <c r="KW19" s="120">
        <v>18760920</v>
      </c>
      <c r="KX19" s="320">
        <v>18760920</v>
      </c>
      <c r="KY19" s="142">
        <v>0</v>
      </c>
      <c r="KZ19" s="119">
        <v>0</v>
      </c>
      <c r="LA19" s="120">
        <v>0</v>
      </c>
      <c r="LB19" s="145"/>
      <c r="LC19" s="119">
        <v>0</v>
      </c>
      <c r="LD19" s="119">
        <v>0</v>
      </c>
      <c r="LE19" s="119">
        <v>360196</v>
      </c>
      <c r="LF19" s="119">
        <v>1495168</v>
      </c>
      <c r="LG19" s="119">
        <v>484164</v>
      </c>
      <c r="LH19" s="120">
        <v>2339528</v>
      </c>
      <c r="LI19" s="121">
        <v>2339528</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2981106</v>
      </c>
      <c r="MK19" s="119">
        <v>7867772</v>
      </c>
      <c r="ML19" s="119">
        <v>24326090</v>
      </c>
      <c r="MM19" s="119">
        <v>47136964</v>
      </c>
      <c r="MN19" s="119">
        <v>40365279</v>
      </c>
      <c r="MO19" s="120">
        <v>122677211</v>
      </c>
      <c r="MP19" s="143">
        <v>122677211</v>
      </c>
      <c r="MQ19" s="142">
        <v>0</v>
      </c>
      <c r="MR19" s="119">
        <v>0</v>
      </c>
      <c r="MS19" s="120">
        <v>0</v>
      </c>
      <c r="MT19" s="145"/>
      <c r="MU19" s="119">
        <v>456962</v>
      </c>
      <c r="MV19" s="119">
        <v>907627</v>
      </c>
      <c r="MW19" s="119">
        <v>15010846</v>
      </c>
      <c r="MX19" s="119">
        <v>39064299</v>
      </c>
      <c r="MY19" s="119">
        <v>32937524</v>
      </c>
      <c r="MZ19" s="120">
        <v>88377258</v>
      </c>
      <c r="NA19" s="143">
        <v>88377258</v>
      </c>
      <c r="NB19" s="142">
        <v>0</v>
      </c>
      <c r="NC19" s="119">
        <v>0</v>
      </c>
      <c r="ND19" s="120">
        <v>0</v>
      </c>
      <c r="NE19" s="145"/>
      <c r="NF19" s="119">
        <v>2524144</v>
      </c>
      <c r="NG19" s="119">
        <v>6960145</v>
      </c>
      <c r="NH19" s="119">
        <v>9315244</v>
      </c>
      <c r="NI19" s="119">
        <v>8072665</v>
      </c>
      <c r="NJ19" s="119">
        <v>7202507</v>
      </c>
      <c r="NK19" s="120">
        <v>34074705</v>
      </c>
      <c r="NL19" s="320">
        <v>34074705</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225248</v>
      </c>
      <c r="OG19" s="120">
        <v>225248</v>
      </c>
      <c r="OH19" s="121">
        <v>225248</v>
      </c>
      <c r="OI19" s="142">
        <v>3513766</v>
      </c>
      <c r="OJ19" s="119">
        <v>5360783</v>
      </c>
      <c r="OK19" s="141">
        <v>8874549</v>
      </c>
      <c r="OL19" s="118">
        <v>0</v>
      </c>
      <c r="OM19" s="119">
        <v>60432974</v>
      </c>
      <c r="ON19" s="119">
        <v>77585966</v>
      </c>
      <c r="OO19" s="119">
        <v>93334476</v>
      </c>
      <c r="OP19" s="119">
        <v>112437451</v>
      </c>
      <c r="OQ19" s="119">
        <v>93015778</v>
      </c>
      <c r="OR19" s="120">
        <v>436806645</v>
      </c>
      <c r="OS19" s="143">
        <v>445681194</v>
      </c>
    </row>
    <row r="20" spans="2:409" ht="21" customHeight="1" x14ac:dyDescent="0.2">
      <c r="B20" s="62" t="s">
        <v>15</v>
      </c>
      <c r="C20" s="110">
        <v>1933652</v>
      </c>
      <c r="D20" s="114">
        <v>4090387</v>
      </c>
      <c r="E20" s="113">
        <v>6024039</v>
      </c>
      <c r="F20" s="109">
        <v>0</v>
      </c>
      <c r="G20" s="114">
        <v>30281012</v>
      </c>
      <c r="H20" s="114">
        <v>41600016</v>
      </c>
      <c r="I20" s="114">
        <v>34519701</v>
      </c>
      <c r="J20" s="114">
        <v>34136244</v>
      </c>
      <c r="K20" s="114">
        <v>22585959</v>
      </c>
      <c r="L20" s="109">
        <v>163122932</v>
      </c>
      <c r="M20" s="116">
        <v>169146971</v>
      </c>
      <c r="N20" s="110">
        <v>169887</v>
      </c>
      <c r="O20" s="114">
        <v>531956</v>
      </c>
      <c r="P20" s="113">
        <v>701843</v>
      </c>
      <c r="Q20" s="110">
        <v>0</v>
      </c>
      <c r="R20" s="114">
        <v>6463501</v>
      </c>
      <c r="S20" s="114">
        <v>11352844</v>
      </c>
      <c r="T20" s="114">
        <v>9587823</v>
      </c>
      <c r="U20" s="114">
        <v>9347696</v>
      </c>
      <c r="V20" s="114">
        <v>11487680</v>
      </c>
      <c r="W20" s="113">
        <v>48239544</v>
      </c>
      <c r="X20" s="116">
        <v>48941387</v>
      </c>
      <c r="Y20" s="110">
        <v>0</v>
      </c>
      <c r="Z20" s="114">
        <v>0</v>
      </c>
      <c r="AA20" s="113">
        <v>0</v>
      </c>
      <c r="AB20" s="110">
        <v>0</v>
      </c>
      <c r="AC20" s="114">
        <v>3182782</v>
      </c>
      <c r="AD20" s="114">
        <v>6301250</v>
      </c>
      <c r="AE20" s="114">
        <v>5395006</v>
      </c>
      <c r="AF20" s="114">
        <v>5162047</v>
      </c>
      <c r="AG20" s="114">
        <v>7083416</v>
      </c>
      <c r="AH20" s="113">
        <v>27124501</v>
      </c>
      <c r="AI20" s="116">
        <v>27124501</v>
      </c>
      <c r="AJ20" s="110">
        <v>0</v>
      </c>
      <c r="AK20" s="114">
        <v>0</v>
      </c>
      <c r="AL20" s="113">
        <v>0</v>
      </c>
      <c r="AM20" s="110">
        <v>0</v>
      </c>
      <c r="AN20" s="114">
        <v>0</v>
      </c>
      <c r="AO20" s="114">
        <v>28398</v>
      </c>
      <c r="AP20" s="114">
        <v>646578</v>
      </c>
      <c r="AQ20" s="114">
        <v>1033167</v>
      </c>
      <c r="AR20" s="114">
        <v>1201047</v>
      </c>
      <c r="AS20" s="113">
        <v>2909190</v>
      </c>
      <c r="AT20" s="116">
        <v>2909190</v>
      </c>
      <c r="AU20" s="110">
        <v>13823</v>
      </c>
      <c r="AV20" s="114">
        <v>428900</v>
      </c>
      <c r="AW20" s="113">
        <v>442723</v>
      </c>
      <c r="AX20" s="110">
        <v>0</v>
      </c>
      <c r="AY20" s="114">
        <v>1476688</v>
      </c>
      <c r="AZ20" s="114">
        <v>2942358</v>
      </c>
      <c r="BA20" s="114">
        <v>1982618</v>
      </c>
      <c r="BB20" s="114">
        <v>1594612</v>
      </c>
      <c r="BC20" s="114">
        <v>2072934</v>
      </c>
      <c r="BD20" s="113">
        <v>10069210</v>
      </c>
      <c r="BE20" s="116">
        <v>10511933</v>
      </c>
      <c r="BF20" s="110">
        <v>0</v>
      </c>
      <c r="BG20" s="114">
        <v>0</v>
      </c>
      <c r="BH20" s="112">
        <v>0</v>
      </c>
      <c r="BI20" s="111">
        <v>0</v>
      </c>
      <c r="BJ20" s="114">
        <v>215041</v>
      </c>
      <c r="BK20" s="114">
        <v>484597</v>
      </c>
      <c r="BL20" s="114">
        <v>139675</v>
      </c>
      <c r="BM20" s="114">
        <v>87707</v>
      </c>
      <c r="BN20" s="114">
        <v>149213</v>
      </c>
      <c r="BO20" s="113">
        <v>1076233</v>
      </c>
      <c r="BP20" s="116">
        <v>1076233</v>
      </c>
      <c r="BQ20" s="110">
        <v>156064</v>
      </c>
      <c r="BR20" s="114">
        <v>103056</v>
      </c>
      <c r="BS20" s="113">
        <v>259120</v>
      </c>
      <c r="BT20" s="110">
        <v>0</v>
      </c>
      <c r="BU20" s="114">
        <v>1588990</v>
      </c>
      <c r="BV20" s="114">
        <v>1596241</v>
      </c>
      <c r="BW20" s="114">
        <v>1423946</v>
      </c>
      <c r="BX20" s="114">
        <v>1470163</v>
      </c>
      <c r="BY20" s="114">
        <v>981070</v>
      </c>
      <c r="BZ20" s="113">
        <v>7060410</v>
      </c>
      <c r="CA20" s="116">
        <v>7319530</v>
      </c>
      <c r="CB20" s="110">
        <v>0</v>
      </c>
      <c r="CC20" s="114">
        <v>265144</v>
      </c>
      <c r="CD20" s="113">
        <v>265144</v>
      </c>
      <c r="CE20" s="110">
        <v>0</v>
      </c>
      <c r="CF20" s="114">
        <v>6703585</v>
      </c>
      <c r="CG20" s="114">
        <v>10139655</v>
      </c>
      <c r="CH20" s="114">
        <v>6156136</v>
      </c>
      <c r="CI20" s="114">
        <v>3492936</v>
      </c>
      <c r="CJ20" s="114">
        <v>1499023</v>
      </c>
      <c r="CK20" s="113">
        <v>27991335</v>
      </c>
      <c r="CL20" s="116">
        <v>28256479</v>
      </c>
      <c r="CM20" s="110">
        <v>0</v>
      </c>
      <c r="CN20" s="114">
        <v>0</v>
      </c>
      <c r="CO20" s="113">
        <v>0</v>
      </c>
      <c r="CP20" s="111">
        <v>0</v>
      </c>
      <c r="CQ20" s="114">
        <v>4927829</v>
      </c>
      <c r="CR20" s="114">
        <v>7918859</v>
      </c>
      <c r="CS20" s="114">
        <v>4002566</v>
      </c>
      <c r="CT20" s="114">
        <v>2437227</v>
      </c>
      <c r="CU20" s="114">
        <v>1148085</v>
      </c>
      <c r="CV20" s="113">
        <v>20434566</v>
      </c>
      <c r="CW20" s="116">
        <v>20434566</v>
      </c>
      <c r="CX20" s="110">
        <v>0</v>
      </c>
      <c r="CY20" s="114">
        <v>265144</v>
      </c>
      <c r="CZ20" s="113">
        <v>265144</v>
      </c>
      <c r="DA20" s="110">
        <v>0</v>
      </c>
      <c r="DB20" s="114">
        <v>1775756</v>
      </c>
      <c r="DC20" s="114">
        <v>2220796</v>
      </c>
      <c r="DD20" s="114">
        <v>2153570</v>
      </c>
      <c r="DE20" s="114">
        <v>1055709</v>
      </c>
      <c r="DF20" s="114">
        <v>350938</v>
      </c>
      <c r="DG20" s="113">
        <v>7556769</v>
      </c>
      <c r="DH20" s="116">
        <v>7821913</v>
      </c>
      <c r="DI20" s="110">
        <v>0</v>
      </c>
      <c r="DJ20" s="114">
        <v>145198</v>
      </c>
      <c r="DK20" s="112">
        <v>145198</v>
      </c>
      <c r="DL20" s="111">
        <v>0</v>
      </c>
      <c r="DM20" s="114">
        <v>570987</v>
      </c>
      <c r="DN20" s="114">
        <v>2502235</v>
      </c>
      <c r="DO20" s="114">
        <v>5866616</v>
      </c>
      <c r="DP20" s="114">
        <v>7451662</v>
      </c>
      <c r="DQ20" s="114">
        <v>2595140</v>
      </c>
      <c r="DR20" s="113">
        <v>18986640</v>
      </c>
      <c r="DS20" s="116">
        <v>19131838</v>
      </c>
      <c r="DT20" s="110">
        <v>0</v>
      </c>
      <c r="DU20" s="114">
        <v>145198</v>
      </c>
      <c r="DV20" s="113">
        <v>145198</v>
      </c>
      <c r="DW20" s="110">
        <v>0</v>
      </c>
      <c r="DX20" s="114">
        <v>430054</v>
      </c>
      <c r="DY20" s="114">
        <v>2445891</v>
      </c>
      <c r="DZ20" s="114">
        <v>5866616</v>
      </c>
      <c r="EA20" s="114">
        <v>7185844</v>
      </c>
      <c r="EB20" s="114">
        <v>2595140</v>
      </c>
      <c r="EC20" s="113">
        <v>18523545</v>
      </c>
      <c r="ED20" s="116">
        <v>18668743</v>
      </c>
      <c r="EE20" s="110">
        <v>0</v>
      </c>
      <c r="EF20" s="112">
        <v>0</v>
      </c>
      <c r="EG20" s="113">
        <v>0</v>
      </c>
      <c r="EH20" s="110">
        <v>0</v>
      </c>
      <c r="EI20" s="114">
        <v>140933</v>
      </c>
      <c r="EJ20" s="114">
        <v>56344</v>
      </c>
      <c r="EK20" s="114">
        <v>0</v>
      </c>
      <c r="EL20" s="114">
        <v>265818</v>
      </c>
      <c r="EM20" s="114">
        <v>0</v>
      </c>
      <c r="EN20" s="112">
        <v>463095</v>
      </c>
      <c r="EO20" s="116">
        <v>463095</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406512</v>
      </c>
      <c r="FM20" s="114">
        <v>1306050</v>
      </c>
      <c r="FN20" s="113">
        <v>1712562</v>
      </c>
      <c r="FO20" s="110">
        <v>0</v>
      </c>
      <c r="FP20" s="114">
        <v>1758613</v>
      </c>
      <c r="FQ20" s="114">
        <v>4311682</v>
      </c>
      <c r="FR20" s="114">
        <v>3073200</v>
      </c>
      <c r="FS20" s="114">
        <v>2761154</v>
      </c>
      <c r="FT20" s="114">
        <v>1630751</v>
      </c>
      <c r="FU20" s="113">
        <v>13535400</v>
      </c>
      <c r="FV20" s="116">
        <v>15247962</v>
      </c>
      <c r="FW20" s="115">
        <v>382752</v>
      </c>
      <c r="FX20" s="114">
        <v>836250</v>
      </c>
      <c r="FY20" s="112">
        <v>1219002</v>
      </c>
      <c r="FZ20" s="111">
        <v>0</v>
      </c>
      <c r="GA20" s="114">
        <v>1296157</v>
      </c>
      <c r="GB20" s="114">
        <v>4120648</v>
      </c>
      <c r="GC20" s="114">
        <v>2890238</v>
      </c>
      <c r="GD20" s="114">
        <v>2422308</v>
      </c>
      <c r="GE20" s="114">
        <v>1630751</v>
      </c>
      <c r="GF20" s="113">
        <v>12360102</v>
      </c>
      <c r="GG20" s="318">
        <v>13579104</v>
      </c>
      <c r="GH20" s="115">
        <v>23760</v>
      </c>
      <c r="GI20" s="114">
        <v>0</v>
      </c>
      <c r="GJ20" s="112">
        <v>23760</v>
      </c>
      <c r="GK20" s="111">
        <v>0</v>
      </c>
      <c r="GL20" s="114">
        <v>106326</v>
      </c>
      <c r="GM20" s="114">
        <v>108234</v>
      </c>
      <c r="GN20" s="114">
        <v>167072</v>
      </c>
      <c r="GO20" s="114">
        <v>158846</v>
      </c>
      <c r="GP20" s="114">
        <v>0</v>
      </c>
      <c r="GQ20" s="113">
        <v>540478</v>
      </c>
      <c r="GR20" s="116">
        <v>564238</v>
      </c>
      <c r="GS20" s="110">
        <v>0</v>
      </c>
      <c r="GT20" s="114">
        <v>469800</v>
      </c>
      <c r="GU20" s="113">
        <v>469800</v>
      </c>
      <c r="GV20" s="110">
        <v>0</v>
      </c>
      <c r="GW20" s="114">
        <v>356130</v>
      </c>
      <c r="GX20" s="114">
        <v>82800</v>
      </c>
      <c r="GY20" s="114">
        <v>15890</v>
      </c>
      <c r="GZ20" s="114">
        <v>180000</v>
      </c>
      <c r="HA20" s="114">
        <v>0</v>
      </c>
      <c r="HB20" s="112">
        <v>634820</v>
      </c>
      <c r="HC20" s="116">
        <v>1104620</v>
      </c>
      <c r="HD20" s="110">
        <v>1022213</v>
      </c>
      <c r="HE20" s="114">
        <v>1068828</v>
      </c>
      <c r="HF20" s="112">
        <v>2091041</v>
      </c>
      <c r="HG20" s="111">
        <v>0</v>
      </c>
      <c r="HH20" s="114">
        <v>8857640</v>
      </c>
      <c r="HI20" s="114">
        <v>6039845</v>
      </c>
      <c r="HJ20" s="114">
        <v>5684785</v>
      </c>
      <c r="HK20" s="114">
        <v>8200590</v>
      </c>
      <c r="HL20" s="114">
        <v>3776469</v>
      </c>
      <c r="HM20" s="113">
        <v>32559329</v>
      </c>
      <c r="HN20" s="109">
        <v>34650370</v>
      </c>
      <c r="HO20" s="115">
        <v>335040</v>
      </c>
      <c r="HP20" s="114">
        <v>773211</v>
      </c>
      <c r="HQ20" s="113">
        <v>1108251</v>
      </c>
      <c r="HR20" s="110">
        <v>0</v>
      </c>
      <c r="HS20" s="114">
        <v>5926686</v>
      </c>
      <c r="HT20" s="114">
        <v>7253755</v>
      </c>
      <c r="HU20" s="114">
        <v>4151141</v>
      </c>
      <c r="HV20" s="114">
        <v>2882206</v>
      </c>
      <c r="HW20" s="114">
        <v>1596896</v>
      </c>
      <c r="HX20" s="112">
        <v>21810684</v>
      </c>
      <c r="HY20" s="116">
        <v>22918935</v>
      </c>
      <c r="HZ20" s="150">
        <v>138997</v>
      </c>
      <c r="IA20" s="135">
        <v>2062332</v>
      </c>
      <c r="IB20" s="150">
        <v>2201329</v>
      </c>
      <c r="IC20" s="134">
        <v>0</v>
      </c>
      <c r="ID20" s="135">
        <v>16440096</v>
      </c>
      <c r="IE20" s="136">
        <v>20502864</v>
      </c>
      <c r="IF20" s="137">
        <v>21771460</v>
      </c>
      <c r="IG20" s="135">
        <v>16400333</v>
      </c>
      <c r="IH20" s="137">
        <v>8890019</v>
      </c>
      <c r="II20" s="138">
        <v>84004772</v>
      </c>
      <c r="IJ20" s="150">
        <v>86206101</v>
      </c>
      <c r="IK20" s="232">
        <v>0</v>
      </c>
      <c r="IL20" s="236">
        <v>0</v>
      </c>
      <c r="IM20" s="237">
        <v>0</v>
      </c>
      <c r="IN20" s="140"/>
      <c r="IO20" s="119">
        <v>257599</v>
      </c>
      <c r="IP20" s="119">
        <v>323952</v>
      </c>
      <c r="IQ20" s="119">
        <v>1089243</v>
      </c>
      <c r="IR20" s="119">
        <v>1290811</v>
      </c>
      <c r="IS20" s="119">
        <v>1566882</v>
      </c>
      <c r="IT20" s="141">
        <v>4528487</v>
      </c>
      <c r="IU20" s="320">
        <v>4528487</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6218297</v>
      </c>
      <c r="JL20" s="119">
        <v>8256693</v>
      </c>
      <c r="JM20" s="119">
        <v>6459490</v>
      </c>
      <c r="JN20" s="119">
        <v>3568263</v>
      </c>
      <c r="JO20" s="119">
        <v>785872</v>
      </c>
      <c r="JP20" s="120">
        <v>25288615</v>
      </c>
      <c r="JQ20" s="320">
        <v>25288615</v>
      </c>
      <c r="JR20" s="142">
        <v>0</v>
      </c>
      <c r="JS20" s="119">
        <v>0</v>
      </c>
      <c r="JT20" s="141">
        <v>0</v>
      </c>
      <c r="JU20" s="118">
        <v>0</v>
      </c>
      <c r="JV20" s="119">
        <v>142056</v>
      </c>
      <c r="JW20" s="119">
        <v>348855</v>
      </c>
      <c r="JX20" s="119">
        <v>150498</v>
      </c>
      <c r="JY20" s="119">
        <v>47327</v>
      </c>
      <c r="JZ20" s="119">
        <v>130044</v>
      </c>
      <c r="KA20" s="120">
        <v>818780</v>
      </c>
      <c r="KB20" s="320">
        <v>818780</v>
      </c>
      <c r="KC20" s="234">
        <v>138997</v>
      </c>
      <c r="KD20" s="230">
        <v>913089</v>
      </c>
      <c r="KE20" s="120">
        <v>1052086</v>
      </c>
      <c r="KF20" s="118">
        <v>0</v>
      </c>
      <c r="KG20" s="119">
        <v>2179568</v>
      </c>
      <c r="KH20" s="119">
        <v>3327615</v>
      </c>
      <c r="KI20" s="119">
        <v>2008931</v>
      </c>
      <c r="KJ20" s="119">
        <v>1980618</v>
      </c>
      <c r="KK20" s="119">
        <v>1194575</v>
      </c>
      <c r="KL20" s="120">
        <v>10691307</v>
      </c>
      <c r="KM20" s="143">
        <v>11743393</v>
      </c>
      <c r="KN20" s="232">
        <v>0</v>
      </c>
      <c r="KO20" s="236">
        <v>1149243</v>
      </c>
      <c r="KP20" s="237">
        <v>1149243</v>
      </c>
      <c r="KQ20" s="140"/>
      <c r="KR20" s="119">
        <v>7642576</v>
      </c>
      <c r="KS20" s="119">
        <v>8245749</v>
      </c>
      <c r="KT20" s="119">
        <v>10284871</v>
      </c>
      <c r="KU20" s="119">
        <v>6181019</v>
      </c>
      <c r="KV20" s="119">
        <v>2882422</v>
      </c>
      <c r="KW20" s="120">
        <v>35236637</v>
      </c>
      <c r="KX20" s="320">
        <v>36385880</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1778427</v>
      </c>
      <c r="LQ20" s="119">
        <v>3332295</v>
      </c>
      <c r="LR20" s="119">
        <v>2330224</v>
      </c>
      <c r="LS20" s="120">
        <v>7440946</v>
      </c>
      <c r="LT20" s="320">
        <v>7440946</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5844161</v>
      </c>
      <c r="MK20" s="119">
        <v>7930604</v>
      </c>
      <c r="ML20" s="119">
        <v>33345471</v>
      </c>
      <c r="MM20" s="119">
        <v>46650730</v>
      </c>
      <c r="MN20" s="119">
        <v>32110273</v>
      </c>
      <c r="MO20" s="120">
        <v>125881239</v>
      </c>
      <c r="MP20" s="143">
        <v>125881239</v>
      </c>
      <c r="MQ20" s="142">
        <v>0</v>
      </c>
      <c r="MR20" s="119">
        <v>0</v>
      </c>
      <c r="MS20" s="120">
        <v>0</v>
      </c>
      <c r="MT20" s="145"/>
      <c r="MU20" s="119">
        <v>142861</v>
      </c>
      <c r="MV20" s="119">
        <v>194786</v>
      </c>
      <c r="MW20" s="119">
        <v>18756360</v>
      </c>
      <c r="MX20" s="119">
        <v>33959299</v>
      </c>
      <c r="MY20" s="119">
        <v>24931774</v>
      </c>
      <c r="MZ20" s="120">
        <v>77985080</v>
      </c>
      <c r="NA20" s="143">
        <v>77985080</v>
      </c>
      <c r="NB20" s="142">
        <v>0</v>
      </c>
      <c r="NC20" s="119">
        <v>0</v>
      </c>
      <c r="ND20" s="120">
        <v>0</v>
      </c>
      <c r="NE20" s="145"/>
      <c r="NF20" s="119">
        <v>5701300</v>
      </c>
      <c r="NG20" s="119">
        <v>7735818</v>
      </c>
      <c r="NH20" s="119">
        <v>14589111</v>
      </c>
      <c r="NI20" s="119">
        <v>12691431</v>
      </c>
      <c r="NJ20" s="119">
        <v>7178499</v>
      </c>
      <c r="NK20" s="120">
        <v>47896159</v>
      </c>
      <c r="NL20" s="320">
        <v>47896159</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2072649</v>
      </c>
      <c r="OJ20" s="119">
        <v>6152719</v>
      </c>
      <c r="OK20" s="141">
        <v>8225368</v>
      </c>
      <c r="OL20" s="118">
        <v>0</v>
      </c>
      <c r="OM20" s="119">
        <v>52565269</v>
      </c>
      <c r="ON20" s="119">
        <v>70033484</v>
      </c>
      <c r="OO20" s="119">
        <v>89636632</v>
      </c>
      <c r="OP20" s="119">
        <v>97187307</v>
      </c>
      <c r="OQ20" s="119">
        <v>63586251</v>
      </c>
      <c r="OR20" s="120">
        <v>373008943</v>
      </c>
      <c r="OS20" s="143">
        <v>381234311</v>
      </c>
    </row>
    <row r="21" spans="2:409" ht="21" customHeight="1" x14ac:dyDescent="0.2">
      <c r="B21" s="62" t="s">
        <v>16</v>
      </c>
      <c r="C21" s="110">
        <v>5895356</v>
      </c>
      <c r="D21" s="114">
        <v>12484701</v>
      </c>
      <c r="E21" s="113">
        <v>18380057</v>
      </c>
      <c r="F21" s="109">
        <v>0</v>
      </c>
      <c r="G21" s="114">
        <v>76729494</v>
      </c>
      <c r="H21" s="114">
        <v>126220485</v>
      </c>
      <c r="I21" s="114">
        <v>95564971</v>
      </c>
      <c r="J21" s="114">
        <v>94872363</v>
      </c>
      <c r="K21" s="114">
        <v>67327476</v>
      </c>
      <c r="L21" s="109">
        <v>460714789</v>
      </c>
      <c r="M21" s="116">
        <v>479094846</v>
      </c>
      <c r="N21" s="110">
        <v>1303148</v>
      </c>
      <c r="O21" s="114">
        <v>2194527</v>
      </c>
      <c r="P21" s="113">
        <v>3497675</v>
      </c>
      <c r="Q21" s="110">
        <v>0</v>
      </c>
      <c r="R21" s="114">
        <v>16334942</v>
      </c>
      <c r="S21" s="114">
        <v>29200123</v>
      </c>
      <c r="T21" s="114">
        <v>23473390</v>
      </c>
      <c r="U21" s="114">
        <v>27274722</v>
      </c>
      <c r="V21" s="114">
        <v>24404160</v>
      </c>
      <c r="W21" s="113">
        <v>120687337</v>
      </c>
      <c r="X21" s="116">
        <v>124185012</v>
      </c>
      <c r="Y21" s="110">
        <v>0</v>
      </c>
      <c r="Z21" s="114">
        <v>0</v>
      </c>
      <c r="AA21" s="113">
        <v>0</v>
      </c>
      <c r="AB21" s="110">
        <v>0</v>
      </c>
      <c r="AC21" s="114">
        <v>6416850</v>
      </c>
      <c r="AD21" s="114">
        <v>11367448</v>
      </c>
      <c r="AE21" s="114">
        <v>11413752</v>
      </c>
      <c r="AF21" s="114">
        <v>14838434</v>
      </c>
      <c r="AG21" s="114">
        <v>12383180</v>
      </c>
      <c r="AH21" s="113">
        <v>56419664</v>
      </c>
      <c r="AI21" s="116">
        <v>56419664</v>
      </c>
      <c r="AJ21" s="110">
        <v>0</v>
      </c>
      <c r="AK21" s="114">
        <v>0</v>
      </c>
      <c r="AL21" s="113">
        <v>0</v>
      </c>
      <c r="AM21" s="110">
        <v>0</v>
      </c>
      <c r="AN21" s="114">
        <v>141444</v>
      </c>
      <c r="AO21" s="114">
        <v>560316</v>
      </c>
      <c r="AP21" s="114">
        <v>597668</v>
      </c>
      <c r="AQ21" s="114">
        <v>1127785</v>
      </c>
      <c r="AR21" s="114">
        <v>2419935</v>
      </c>
      <c r="AS21" s="113">
        <v>4847148</v>
      </c>
      <c r="AT21" s="116">
        <v>4847148</v>
      </c>
      <c r="AU21" s="110">
        <v>682817</v>
      </c>
      <c r="AV21" s="114">
        <v>1442381</v>
      </c>
      <c r="AW21" s="113">
        <v>2125198</v>
      </c>
      <c r="AX21" s="110">
        <v>0</v>
      </c>
      <c r="AY21" s="114">
        <v>6565449</v>
      </c>
      <c r="AZ21" s="114">
        <v>12065263</v>
      </c>
      <c r="BA21" s="114">
        <v>7279872</v>
      </c>
      <c r="BB21" s="114">
        <v>6865339</v>
      </c>
      <c r="BC21" s="114">
        <v>5949906</v>
      </c>
      <c r="BD21" s="113">
        <v>38725829</v>
      </c>
      <c r="BE21" s="116">
        <v>40851027</v>
      </c>
      <c r="BF21" s="110">
        <v>22005</v>
      </c>
      <c r="BG21" s="114">
        <v>297562</v>
      </c>
      <c r="BH21" s="112">
        <v>319567</v>
      </c>
      <c r="BI21" s="111">
        <v>0</v>
      </c>
      <c r="BJ21" s="114">
        <v>317118</v>
      </c>
      <c r="BK21" s="114">
        <v>1370721</v>
      </c>
      <c r="BL21" s="114">
        <v>479972</v>
      </c>
      <c r="BM21" s="114">
        <v>267143</v>
      </c>
      <c r="BN21" s="114">
        <v>452487</v>
      </c>
      <c r="BO21" s="113">
        <v>2887441</v>
      </c>
      <c r="BP21" s="116">
        <v>3207008</v>
      </c>
      <c r="BQ21" s="110">
        <v>598326</v>
      </c>
      <c r="BR21" s="114">
        <v>454584</v>
      </c>
      <c r="BS21" s="113">
        <v>1052910</v>
      </c>
      <c r="BT21" s="110">
        <v>0</v>
      </c>
      <c r="BU21" s="114">
        <v>2894081</v>
      </c>
      <c r="BV21" s="114">
        <v>3836375</v>
      </c>
      <c r="BW21" s="114">
        <v>3702126</v>
      </c>
      <c r="BX21" s="114">
        <v>4176021</v>
      </c>
      <c r="BY21" s="114">
        <v>3198652</v>
      </c>
      <c r="BZ21" s="113">
        <v>17807255</v>
      </c>
      <c r="CA21" s="116">
        <v>18860165</v>
      </c>
      <c r="CB21" s="110">
        <v>989918</v>
      </c>
      <c r="CC21" s="114">
        <v>3772396</v>
      </c>
      <c r="CD21" s="113">
        <v>4762314</v>
      </c>
      <c r="CE21" s="110">
        <v>0</v>
      </c>
      <c r="CF21" s="114">
        <v>27251980</v>
      </c>
      <c r="CG21" s="114">
        <v>47308483</v>
      </c>
      <c r="CH21" s="114">
        <v>31038072</v>
      </c>
      <c r="CI21" s="114">
        <v>22811993</v>
      </c>
      <c r="CJ21" s="114">
        <v>13456739</v>
      </c>
      <c r="CK21" s="113">
        <v>141867267</v>
      </c>
      <c r="CL21" s="116">
        <v>146629581</v>
      </c>
      <c r="CM21" s="110">
        <v>0</v>
      </c>
      <c r="CN21" s="114">
        <v>0</v>
      </c>
      <c r="CO21" s="113">
        <v>0</v>
      </c>
      <c r="CP21" s="111">
        <v>0</v>
      </c>
      <c r="CQ21" s="114">
        <v>17007340</v>
      </c>
      <c r="CR21" s="114">
        <v>30848524</v>
      </c>
      <c r="CS21" s="114">
        <v>21735324</v>
      </c>
      <c r="CT21" s="114">
        <v>18580653</v>
      </c>
      <c r="CU21" s="114">
        <v>11498355</v>
      </c>
      <c r="CV21" s="113">
        <v>99670196</v>
      </c>
      <c r="CW21" s="116">
        <v>99670196</v>
      </c>
      <c r="CX21" s="110">
        <v>989918</v>
      </c>
      <c r="CY21" s="114">
        <v>3772396</v>
      </c>
      <c r="CZ21" s="113">
        <v>4762314</v>
      </c>
      <c r="DA21" s="110">
        <v>0</v>
      </c>
      <c r="DB21" s="114">
        <v>10244640</v>
      </c>
      <c r="DC21" s="114">
        <v>16459959</v>
      </c>
      <c r="DD21" s="114">
        <v>9302748</v>
      </c>
      <c r="DE21" s="114">
        <v>4231340</v>
      </c>
      <c r="DF21" s="114">
        <v>1958384</v>
      </c>
      <c r="DG21" s="113">
        <v>42197071</v>
      </c>
      <c r="DH21" s="116">
        <v>46959385</v>
      </c>
      <c r="DI21" s="110">
        <v>0</v>
      </c>
      <c r="DJ21" s="114">
        <v>169085</v>
      </c>
      <c r="DK21" s="112">
        <v>169085</v>
      </c>
      <c r="DL21" s="111">
        <v>0</v>
      </c>
      <c r="DM21" s="114">
        <v>1895422</v>
      </c>
      <c r="DN21" s="114">
        <v>5187894</v>
      </c>
      <c r="DO21" s="114">
        <v>7685294</v>
      </c>
      <c r="DP21" s="114">
        <v>5466088</v>
      </c>
      <c r="DQ21" s="114">
        <v>2663344</v>
      </c>
      <c r="DR21" s="113">
        <v>22898042</v>
      </c>
      <c r="DS21" s="116">
        <v>23067127</v>
      </c>
      <c r="DT21" s="110">
        <v>0</v>
      </c>
      <c r="DU21" s="114">
        <v>169085</v>
      </c>
      <c r="DV21" s="113">
        <v>169085</v>
      </c>
      <c r="DW21" s="110">
        <v>0</v>
      </c>
      <c r="DX21" s="114">
        <v>1874443</v>
      </c>
      <c r="DY21" s="114">
        <v>4923957</v>
      </c>
      <c r="DZ21" s="114">
        <v>6958489</v>
      </c>
      <c r="EA21" s="114">
        <v>4600717</v>
      </c>
      <c r="EB21" s="114">
        <v>2496832</v>
      </c>
      <c r="EC21" s="113">
        <v>20854438</v>
      </c>
      <c r="ED21" s="116">
        <v>21023523</v>
      </c>
      <c r="EE21" s="110">
        <v>0</v>
      </c>
      <c r="EF21" s="112">
        <v>0</v>
      </c>
      <c r="EG21" s="113">
        <v>0</v>
      </c>
      <c r="EH21" s="110">
        <v>0</v>
      </c>
      <c r="EI21" s="114">
        <v>20979</v>
      </c>
      <c r="EJ21" s="114">
        <v>263937</v>
      </c>
      <c r="EK21" s="114">
        <v>726805</v>
      </c>
      <c r="EL21" s="114">
        <v>865371</v>
      </c>
      <c r="EM21" s="114">
        <v>166512</v>
      </c>
      <c r="EN21" s="112">
        <v>2043604</v>
      </c>
      <c r="EO21" s="116">
        <v>2043604</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1472930</v>
      </c>
      <c r="FM21" s="114">
        <v>2737494</v>
      </c>
      <c r="FN21" s="113">
        <v>4210424</v>
      </c>
      <c r="FO21" s="110">
        <v>0</v>
      </c>
      <c r="FP21" s="114">
        <v>3796473</v>
      </c>
      <c r="FQ21" s="114">
        <v>12360316</v>
      </c>
      <c r="FR21" s="114">
        <v>7314872</v>
      </c>
      <c r="FS21" s="114">
        <v>7332264</v>
      </c>
      <c r="FT21" s="114">
        <v>5402311</v>
      </c>
      <c r="FU21" s="113">
        <v>36206236</v>
      </c>
      <c r="FV21" s="116">
        <v>40416660</v>
      </c>
      <c r="FW21" s="115">
        <v>792481</v>
      </c>
      <c r="FX21" s="114">
        <v>1857072</v>
      </c>
      <c r="FY21" s="112">
        <v>2649553</v>
      </c>
      <c r="FZ21" s="111">
        <v>0</v>
      </c>
      <c r="GA21" s="114">
        <v>2851889</v>
      </c>
      <c r="GB21" s="114">
        <v>11150947</v>
      </c>
      <c r="GC21" s="114">
        <v>7047671</v>
      </c>
      <c r="GD21" s="114">
        <v>7004557</v>
      </c>
      <c r="GE21" s="114">
        <v>5185375</v>
      </c>
      <c r="GF21" s="113">
        <v>33240439</v>
      </c>
      <c r="GG21" s="318">
        <v>35889992</v>
      </c>
      <c r="GH21" s="115">
        <v>44550</v>
      </c>
      <c r="GI21" s="114">
        <v>146925</v>
      </c>
      <c r="GJ21" s="112">
        <v>191475</v>
      </c>
      <c r="GK21" s="111">
        <v>0</v>
      </c>
      <c r="GL21" s="114">
        <v>341811</v>
      </c>
      <c r="GM21" s="114">
        <v>368091</v>
      </c>
      <c r="GN21" s="114">
        <v>226301</v>
      </c>
      <c r="GO21" s="114">
        <v>61380</v>
      </c>
      <c r="GP21" s="114">
        <v>109836</v>
      </c>
      <c r="GQ21" s="113">
        <v>1107419</v>
      </c>
      <c r="GR21" s="116">
        <v>1298894</v>
      </c>
      <c r="GS21" s="110">
        <v>635899</v>
      </c>
      <c r="GT21" s="114">
        <v>733497</v>
      </c>
      <c r="GU21" s="113">
        <v>1369396</v>
      </c>
      <c r="GV21" s="110">
        <v>0</v>
      </c>
      <c r="GW21" s="114">
        <v>602773</v>
      </c>
      <c r="GX21" s="114">
        <v>841278</v>
      </c>
      <c r="GY21" s="114">
        <v>40900</v>
      </c>
      <c r="GZ21" s="114">
        <v>266327</v>
      </c>
      <c r="HA21" s="114">
        <v>107100</v>
      </c>
      <c r="HB21" s="112">
        <v>1858378</v>
      </c>
      <c r="HC21" s="116">
        <v>3227774</v>
      </c>
      <c r="HD21" s="110">
        <v>1135000</v>
      </c>
      <c r="HE21" s="114">
        <v>1802230</v>
      </c>
      <c r="HF21" s="112">
        <v>2937230</v>
      </c>
      <c r="HG21" s="111">
        <v>0</v>
      </c>
      <c r="HH21" s="114">
        <v>14708287</v>
      </c>
      <c r="HI21" s="114">
        <v>15393133</v>
      </c>
      <c r="HJ21" s="114">
        <v>16119898</v>
      </c>
      <c r="HK21" s="114">
        <v>24997534</v>
      </c>
      <c r="HL21" s="114">
        <v>17432595</v>
      </c>
      <c r="HM21" s="113">
        <v>88651447</v>
      </c>
      <c r="HN21" s="109">
        <v>91588677</v>
      </c>
      <c r="HO21" s="115">
        <v>994360</v>
      </c>
      <c r="HP21" s="114">
        <v>1808969</v>
      </c>
      <c r="HQ21" s="113">
        <v>2803329</v>
      </c>
      <c r="HR21" s="110">
        <v>0</v>
      </c>
      <c r="HS21" s="114">
        <v>12742390</v>
      </c>
      <c r="HT21" s="114">
        <v>16770536</v>
      </c>
      <c r="HU21" s="114">
        <v>9933445</v>
      </c>
      <c r="HV21" s="114">
        <v>6989762</v>
      </c>
      <c r="HW21" s="114">
        <v>3968327</v>
      </c>
      <c r="HX21" s="112">
        <v>50404460</v>
      </c>
      <c r="HY21" s="116">
        <v>53207789</v>
      </c>
      <c r="HZ21" s="131">
        <v>46661</v>
      </c>
      <c r="IA21" s="132">
        <v>83570</v>
      </c>
      <c r="IB21" s="133">
        <v>130231</v>
      </c>
      <c r="IC21" s="146">
        <v>0</v>
      </c>
      <c r="ID21" s="132">
        <v>13734372</v>
      </c>
      <c r="IE21" s="147">
        <v>28479512</v>
      </c>
      <c r="IF21" s="133">
        <v>34117677</v>
      </c>
      <c r="IG21" s="132">
        <v>23283240</v>
      </c>
      <c r="IH21" s="133">
        <v>22008700</v>
      </c>
      <c r="II21" s="148">
        <v>121623501</v>
      </c>
      <c r="IJ21" s="139">
        <v>121753732</v>
      </c>
      <c r="IK21" s="232">
        <v>0</v>
      </c>
      <c r="IL21" s="236">
        <v>0</v>
      </c>
      <c r="IM21" s="237">
        <v>0</v>
      </c>
      <c r="IN21" s="140"/>
      <c r="IO21" s="119">
        <v>985025</v>
      </c>
      <c r="IP21" s="119">
        <v>1392301</v>
      </c>
      <c r="IQ21" s="119">
        <v>2445975</v>
      </c>
      <c r="IR21" s="119">
        <v>2253507</v>
      </c>
      <c r="IS21" s="119">
        <v>2262325</v>
      </c>
      <c r="IT21" s="141">
        <v>9339133</v>
      </c>
      <c r="IU21" s="320">
        <v>9339133</v>
      </c>
      <c r="IV21" s="142">
        <v>0</v>
      </c>
      <c r="IW21" s="119">
        <v>0</v>
      </c>
      <c r="IX21" s="120">
        <v>0</v>
      </c>
      <c r="IY21" s="144"/>
      <c r="IZ21" s="119">
        <v>18446</v>
      </c>
      <c r="JA21" s="119">
        <v>25826</v>
      </c>
      <c r="JB21" s="119">
        <v>34842</v>
      </c>
      <c r="JC21" s="119">
        <v>84343</v>
      </c>
      <c r="JD21" s="119">
        <v>98456</v>
      </c>
      <c r="JE21" s="120">
        <v>261913</v>
      </c>
      <c r="JF21" s="121">
        <v>261913</v>
      </c>
      <c r="JG21" s="142">
        <v>0</v>
      </c>
      <c r="JH21" s="119">
        <v>0</v>
      </c>
      <c r="JI21" s="141">
        <v>0</v>
      </c>
      <c r="JJ21" s="118">
        <v>0</v>
      </c>
      <c r="JK21" s="119">
        <v>7090187</v>
      </c>
      <c r="JL21" s="119">
        <v>8920657</v>
      </c>
      <c r="JM21" s="119">
        <v>9192598</v>
      </c>
      <c r="JN21" s="119">
        <v>3931812</v>
      </c>
      <c r="JO21" s="119">
        <v>2760278</v>
      </c>
      <c r="JP21" s="120">
        <v>31895532</v>
      </c>
      <c r="JQ21" s="320">
        <v>31895532</v>
      </c>
      <c r="JR21" s="142">
        <v>0</v>
      </c>
      <c r="JS21" s="119">
        <v>0</v>
      </c>
      <c r="JT21" s="141">
        <v>0</v>
      </c>
      <c r="JU21" s="118">
        <v>0</v>
      </c>
      <c r="JV21" s="119">
        <v>350968</v>
      </c>
      <c r="JW21" s="119">
        <v>949843</v>
      </c>
      <c r="JX21" s="119">
        <v>684196</v>
      </c>
      <c r="JY21" s="119">
        <v>394830</v>
      </c>
      <c r="JZ21" s="119">
        <v>746619</v>
      </c>
      <c r="KA21" s="120">
        <v>3126456</v>
      </c>
      <c r="KB21" s="320">
        <v>3126456</v>
      </c>
      <c r="KC21" s="234">
        <v>46661</v>
      </c>
      <c r="KD21" s="230">
        <v>83570</v>
      </c>
      <c r="KE21" s="120">
        <v>130231</v>
      </c>
      <c r="KF21" s="118">
        <v>0</v>
      </c>
      <c r="KG21" s="119">
        <v>1189488</v>
      </c>
      <c r="KH21" s="119">
        <v>5531675</v>
      </c>
      <c r="KI21" s="119">
        <v>3478921</v>
      </c>
      <c r="KJ21" s="119">
        <v>4813457</v>
      </c>
      <c r="KK21" s="119">
        <v>1860781</v>
      </c>
      <c r="KL21" s="120">
        <v>16874322</v>
      </c>
      <c r="KM21" s="143">
        <v>17004553</v>
      </c>
      <c r="KN21" s="232">
        <v>0</v>
      </c>
      <c r="KO21" s="236">
        <v>0</v>
      </c>
      <c r="KP21" s="237">
        <v>0</v>
      </c>
      <c r="KQ21" s="140"/>
      <c r="KR21" s="119">
        <v>3808901</v>
      </c>
      <c r="KS21" s="119">
        <v>9652751</v>
      </c>
      <c r="KT21" s="119">
        <v>14502514</v>
      </c>
      <c r="KU21" s="119">
        <v>9045172</v>
      </c>
      <c r="KV21" s="119">
        <v>8814126</v>
      </c>
      <c r="KW21" s="120">
        <v>45823464</v>
      </c>
      <c r="KX21" s="320">
        <v>45823464</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682620</v>
      </c>
      <c r="LP21" s="119">
        <v>2493970</v>
      </c>
      <c r="LQ21" s="119">
        <v>1882819</v>
      </c>
      <c r="LR21" s="119">
        <v>3146684</v>
      </c>
      <c r="LS21" s="120">
        <v>8206093</v>
      </c>
      <c r="LT21" s="320">
        <v>8206093</v>
      </c>
      <c r="LU21" s="142">
        <v>0</v>
      </c>
      <c r="LV21" s="119">
        <v>0</v>
      </c>
      <c r="LW21" s="120">
        <v>0</v>
      </c>
      <c r="LX21" s="145"/>
      <c r="LY21" s="119">
        <v>291357</v>
      </c>
      <c r="LZ21" s="119">
        <v>1323839</v>
      </c>
      <c r="MA21" s="119">
        <v>1284661</v>
      </c>
      <c r="MB21" s="119">
        <v>877300</v>
      </c>
      <c r="MC21" s="119">
        <v>2319431</v>
      </c>
      <c r="MD21" s="120">
        <v>6096588</v>
      </c>
      <c r="ME21" s="121">
        <v>6096588</v>
      </c>
      <c r="MF21" s="142">
        <v>0</v>
      </c>
      <c r="MG21" s="119">
        <v>0</v>
      </c>
      <c r="MH21" s="120">
        <v>0</v>
      </c>
      <c r="MI21" s="145"/>
      <c r="MJ21" s="119">
        <v>12919822</v>
      </c>
      <c r="MK21" s="119">
        <v>28676089</v>
      </c>
      <c r="ML21" s="119">
        <v>83240674</v>
      </c>
      <c r="MM21" s="119">
        <v>115860067</v>
      </c>
      <c r="MN21" s="119">
        <v>77739449</v>
      </c>
      <c r="MO21" s="120">
        <v>318436101</v>
      </c>
      <c r="MP21" s="143">
        <v>318436101</v>
      </c>
      <c r="MQ21" s="142">
        <v>0</v>
      </c>
      <c r="MR21" s="119">
        <v>0</v>
      </c>
      <c r="MS21" s="120">
        <v>0</v>
      </c>
      <c r="MT21" s="145"/>
      <c r="MU21" s="119">
        <v>1261260</v>
      </c>
      <c r="MV21" s="119">
        <v>3892444</v>
      </c>
      <c r="MW21" s="119">
        <v>46195448</v>
      </c>
      <c r="MX21" s="119">
        <v>75003364</v>
      </c>
      <c r="MY21" s="119">
        <v>53649814</v>
      </c>
      <c r="MZ21" s="120">
        <v>180002330</v>
      </c>
      <c r="NA21" s="143">
        <v>180002330</v>
      </c>
      <c r="NB21" s="142">
        <v>0</v>
      </c>
      <c r="NC21" s="119">
        <v>0</v>
      </c>
      <c r="ND21" s="120">
        <v>0</v>
      </c>
      <c r="NE21" s="145"/>
      <c r="NF21" s="119">
        <v>11658562</v>
      </c>
      <c r="NG21" s="119">
        <v>24370772</v>
      </c>
      <c r="NH21" s="119">
        <v>36120049</v>
      </c>
      <c r="NI21" s="119">
        <v>37740101</v>
      </c>
      <c r="NJ21" s="119">
        <v>16536310</v>
      </c>
      <c r="NK21" s="120">
        <v>126425794</v>
      </c>
      <c r="NL21" s="320">
        <v>126425794</v>
      </c>
      <c r="NM21" s="142">
        <v>0</v>
      </c>
      <c r="NN21" s="119">
        <v>0</v>
      </c>
      <c r="NO21" s="120">
        <v>0</v>
      </c>
      <c r="NP21" s="145"/>
      <c r="NQ21" s="119">
        <v>0</v>
      </c>
      <c r="NR21" s="119">
        <v>0</v>
      </c>
      <c r="NS21" s="119">
        <v>0</v>
      </c>
      <c r="NT21" s="119">
        <v>0</v>
      </c>
      <c r="NU21" s="119">
        <v>330167</v>
      </c>
      <c r="NV21" s="120">
        <v>330167</v>
      </c>
      <c r="NW21" s="121">
        <v>330167</v>
      </c>
      <c r="NX21" s="142">
        <v>0</v>
      </c>
      <c r="NY21" s="119">
        <v>0</v>
      </c>
      <c r="NZ21" s="120">
        <v>0</v>
      </c>
      <c r="OA21" s="145"/>
      <c r="OB21" s="119">
        <v>0</v>
      </c>
      <c r="OC21" s="119">
        <v>412873</v>
      </c>
      <c r="OD21" s="119">
        <v>925177</v>
      </c>
      <c r="OE21" s="119">
        <v>3116602</v>
      </c>
      <c r="OF21" s="119">
        <v>7223158</v>
      </c>
      <c r="OG21" s="120">
        <v>11677810</v>
      </c>
      <c r="OH21" s="121">
        <v>11677810</v>
      </c>
      <c r="OI21" s="142">
        <v>5942017</v>
      </c>
      <c r="OJ21" s="119">
        <v>12568271</v>
      </c>
      <c r="OK21" s="141">
        <v>18510288</v>
      </c>
      <c r="OL21" s="118">
        <v>0</v>
      </c>
      <c r="OM21" s="119">
        <v>103383688</v>
      </c>
      <c r="ON21" s="119">
        <v>183376086</v>
      </c>
      <c r="OO21" s="119">
        <v>212923322</v>
      </c>
      <c r="OP21" s="119">
        <v>234015670</v>
      </c>
      <c r="OQ21" s="119">
        <v>167075625</v>
      </c>
      <c r="OR21" s="120">
        <v>900774391</v>
      </c>
      <c r="OS21" s="143">
        <v>919284679</v>
      </c>
    </row>
    <row r="22" spans="2:409" ht="21" customHeight="1" x14ac:dyDescent="0.2">
      <c r="B22" s="62" t="s">
        <v>17</v>
      </c>
      <c r="C22" s="110">
        <v>7120711</v>
      </c>
      <c r="D22" s="114">
        <v>16262272</v>
      </c>
      <c r="E22" s="113">
        <v>23382983</v>
      </c>
      <c r="F22" s="109">
        <v>0</v>
      </c>
      <c r="G22" s="114">
        <v>75750898</v>
      </c>
      <c r="H22" s="114">
        <v>156254560</v>
      </c>
      <c r="I22" s="114">
        <v>131033855</v>
      </c>
      <c r="J22" s="114">
        <v>122042600</v>
      </c>
      <c r="K22" s="114">
        <v>98137054</v>
      </c>
      <c r="L22" s="109">
        <v>583218967</v>
      </c>
      <c r="M22" s="116">
        <v>606601950</v>
      </c>
      <c r="N22" s="110">
        <v>1244183</v>
      </c>
      <c r="O22" s="114">
        <v>3471887</v>
      </c>
      <c r="P22" s="113">
        <v>4716070</v>
      </c>
      <c r="Q22" s="110">
        <v>0</v>
      </c>
      <c r="R22" s="114">
        <v>18476628</v>
      </c>
      <c r="S22" s="114">
        <v>41986635</v>
      </c>
      <c r="T22" s="114">
        <v>40543272</v>
      </c>
      <c r="U22" s="114">
        <v>47545384</v>
      </c>
      <c r="V22" s="114">
        <v>48121632</v>
      </c>
      <c r="W22" s="113">
        <v>196673551</v>
      </c>
      <c r="X22" s="116">
        <v>201389621</v>
      </c>
      <c r="Y22" s="110">
        <v>0</v>
      </c>
      <c r="Z22" s="114">
        <v>0</v>
      </c>
      <c r="AA22" s="113">
        <v>0</v>
      </c>
      <c r="AB22" s="110">
        <v>0</v>
      </c>
      <c r="AC22" s="114">
        <v>8612681</v>
      </c>
      <c r="AD22" s="114">
        <v>21393734</v>
      </c>
      <c r="AE22" s="114">
        <v>23490946</v>
      </c>
      <c r="AF22" s="114">
        <v>29333875</v>
      </c>
      <c r="AG22" s="114">
        <v>28995276</v>
      </c>
      <c r="AH22" s="113">
        <v>111826512</v>
      </c>
      <c r="AI22" s="116">
        <v>111826512</v>
      </c>
      <c r="AJ22" s="110">
        <v>0</v>
      </c>
      <c r="AK22" s="114">
        <v>36037</v>
      </c>
      <c r="AL22" s="113">
        <v>36037</v>
      </c>
      <c r="AM22" s="110">
        <v>0</v>
      </c>
      <c r="AN22" s="114">
        <v>122046</v>
      </c>
      <c r="AO22" s="114">
        <v>375019</v>
      </c>
      <c r="AP22" s="114">
        <v>1094384</v>
      </c>
      <c r="AQ22" s="114">
        <v>2356904</v>
      </c>
      <c r="AR22" s="114">
        <v>4911179</v>
      </c>
      <c r="AS22" s="113">
        <v>8859532</v>
      </c>
      <c r="AT22" s="116">
        <v>8895569</v>
      </c>
      <c r="AU22" s="110">
        <v>658658</v>
      </c>
      <c r="AV22" s="114">
        <v>2392412</v>
      </c>
      <c r="AW22" s="113">
        <v>3051070</v>
      </c>
      <c r="AX22" s="110">
        <v>0</v>
      </c>
      <c r="AY22" s="114">
        <v>5973754</v>
      </c>
      <c r="AZ22" s="114">
        <v>12807727</v>
      </c>
      <c r="BA22" s="114">
        <v>9574603</v>
      </c>
      <c r="BB22" s="114">
        <v>9290529</v>
      </c>
      <c r="BC22" s="114">
        <v>9065609</v>
      </c>
      <c r="BD22" s="113">
        <v>46712222</v>
      </c>
      <c r="BE22" s="116">
        <v>49763292</v>
      </c>
      <c r="BF22" s="110">
        <v>130582</v>
      </c>
      <c r="BG22" s="114">
        <v>361984</v>
      </c>
      <c r="BH22" s="112">
        <v>492566</v>
      </c>
      <c r="BI22" s="111">
        <v>0</v>
      </c>
      <c r="BJ22" s="114">
        <v>176124</v>
      </c>
      <c r="BK22" s="114">
        <v>1259919</v>
      </c>
      <c r="BL22" s="114">
        <v>852319</v>
      </c>
      <c r="BM22" s="114">
        <v>916209</v>
      </c>
      <c r="BN22" s="114">
        <v>522207</v>
      </c>
      <c r="BO22" s="113">
        <v>3726778</v>
      </c>
      <c r="BP22" s="116">
        <v>4219344</v>
      </c>
      <c r="BQ22" s="110">
        <v>454943</v>
      </c>
      <c r="BR22" s="114">
        <v>681454</v>
      </c>
      <c r="BS22" s="113">
        <v>1136397</v>
      </c>
      <c r="BT22" s="110">
        <v>0</v>
      </c>
      <c r="BU22" s="114">
        <v>3592023</v>
      </c>
      <c r="BV22" s="114">
        <v>6150236</v>
      </c>
      <c r="BW22" s="114">
        <v>5531020</v>
      </c>
      <c r="BX22" s="114">
        <v>5647867</v>
      </c>
      <c r="BY22" s="114">
        <v>4627361</v>
      </c>
      <c r="BZ22" s="113">
        <v>25548507</v>
      </c>
      <c r="CA22" s="116">
        <v>26684904</v>
      </c>
      <c r="CB22" s="110">
        <v>898757</v>
      </c>
      <c r="CC22" s="114">
        <v>3458501</v>
      </c>
      <c r="CD22" s="113">
        <v>4357258</v>
      </c>
      <c r="CE22" s="110">
        <v>0</v>
      </c>
      <c r="CF22" s="114">
        <v>23020365</v>
      </c>
      <c r="CG22" s="114">
        <v>51256053</v>
      </c>
      <c r="CH22" s="114">
        <v>36323856</v>
      </c>
      <c r="CI22" s="114">
        <v>23078810</v>
      </c>
      <c r="CJ22" s="114">
        <v>13851395</v>
      </c>
      <c r="CK22" s="113">
        <v>147530479</v>
      </c>
      <c r="CL22" s="116">
        <v>151887737</v>
      </c>
      <c r="CM22" s="110">
        <v>0</v>
      </c>
      <c r="CN22" s="114">
        <v>20944</v>
      </c>
      <c r="CO22" s="113">
        <v>20944</v>
      </c>
      <c r="CP22" s="111">
        <v>0</v>
      </c>
      <c r="CQ22" s="114">
        <v>19790230</v>
      </c>
      <c r="CR22" s="114">
        <v>39348699</v>
      </c>
      <c r="CS22" s="114">
        <v>29276851</v>
      </c>
      <c r="CT22" s="114">
        <v>19709792</v>
      </c>
      <c r="CU22" s="114">
        <v>11384984</v>
      </c>
      <c r="CV22" s="113">
        <v>119510556</v>
      </c>
      <c r="CW22" s="116">
        <v>119531500</v>
      </c>
      <c r="CX22" s="110">
        <v>898757</v>
      </c>
      <c r="CY22" s="114">
        <v>3437557</v>
      </c>
      <c r="CZ22" s="113">
        <v>4336314</v>
      </c>
      <c r="DA22" s="110">
        <v>0</v>
      </c>
      <c r="DB22" s="114">
        <v>3230135</v>
      </c>
      <c r="DC22" s="114">
        <v>11907354</v>
      </c>
      <c r="DD22" s="114">
        <v>7047005</v>
      </c>
      <c r="DE22" s="114">
        <v>3369018</v>
      </c>
      <c r="DF22" s="114">
        <v>2466411</v>
      </c>
      <c r="DG22" s="113">
        <v>28019923</v>
      </c>
      <c r="DH22" s="116">
        <v>32356237</v>
      </c>
      <c r="DI22" s="110">
        <v>0</v>
      </c>
      <c r="DJ22" s="114">
        <v>100094</v>
      </c>
      <c r="DK22" s="112">
        <v>100094</v>
      </c>
      <c r="DL22" s="111">
        <v>0</v>
      </c>
      <c r="DM22" s="114">
        <v>2410576</v>
      </c>
      <c r="DN22" s="114">
        <v>5729923</v>
      </c>
      <c r="DO22" s="114">
        <v>13002996</v>
      </c>
      <c r="DP22" s="114">
        <v>10281766</v>
      </c>
      <c r="DQ22" s="114">
        <v>6473690</v>
      </c>
      <c r="DR22" s="113">
        <v>37898951</v>
      </c>
      <c r="DS22" s="116">
        <v>37999045</v>
      </c>
      <c r="DT22" s="110">
        <v>0</v>
      </c>
      <c r="DU22" s="114">
        <v>100094</v>
      </c>
      <c r="DV22" s="113">
        <v>100094</v>
      </c>
      <c r="DW22" s="110">
        <v>0</v>
      </c>
      <c r="DX22" s="114">
        <v>2252553</v>
      </c>
      <c r="DY22" s="114">
        <v>5185714</v>
      </c>
      <c r="DZ22" s="114">
        <v>11364186</v>
      </c>
      <c r="EA22" s="114">
        <v>9349358</v>
      </c>
      <c r="EB22" s="114">
        <v>5045602</v>
      </c>
      <c r="EC22" s="113">
        <v>33197413</v>
      </c>
      <c r="ED22" s="116">
        <v>33297507</v>
      </c>
      <c r="EE22" s="110">
        <v>0</v>
      </c>
      <c r="EF22" s="112">
        <v>0</v>
      </c>
      <c r="EG22" s="113">
        <v>0</v>
      </c>
      <c r="EH22" s="110">
        <v>0</v>
      </c>
      <c r="EI22" s="114">
        <v>158023</v>
      </c>
      <c r="EJ22" s="114">
        <v>544209</v>
      </c>
      <c r="EK22" s="114">
        <v>1638810</v>
      </c>
      <c r="EL22" s="114">
        <v>932408</v>
      </c>
      <c r="EM22" s="114">
        <v>1428088</v>
      </c>
      <c r="EN22" s="112">
        <v>4701538</v>
      </c>
      <c r="EO22" s="116">
        <v>4701538</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2047214</v>
      </c>
      <c r="FM22" s="114">
        <v>3823518</v>
      </c>
      <c r="FN22" s="113">
        <v>5870732</v>
      </c>
      <c r="FO22" s="110">
        <v>0</v>
      </c>
      <c r="FP22" s="114">
        <v>4279587</v>
      </c>
      <c r="FQ22" s="114">
        <v>15289418</v>
      </c>
      <c r="FR22" s="114">
        <v>11462625</v>
      </c>
      <c r="FS22" s="114">
        <v>10115221</v>
      </c>
      <c r="FT22" s="114">
        <v>8662738</v>
      </c>
      <c r="FU22" s="113">
        <v>49809589</v>
      </c>
      <c r="FV22" s="116">
        <v>55680321</v>
      </c>
      <c r="FW22" s="115">
        <v>1013797</v>
      </c>
      <c r="FX22" s="114">
        <v>3042456</v>
      </c>
      <c r="FY22" s="112">
        <v>4056253</v>
      </c>
      <c r="FZ22" s="111">
        <v>0</v>
      </c>
      <c r="GA22" s="114">
        <v>3210084</v>
      </c>
      <c r="GB22" s="114">
        <v>14569291</v>
      </c>
      <c r="GC22" s="114">
        <v>10965171</v>
      </c>
      <c r="GD22" s="114">
        <v>9655731</v>
      </c>
      <c r="GE22" s="114">
        <v>8402098</v>
      </c>
      <c r="GF22" s="113">
        <v>46802375</v>
      </c>
      <c r="GG22" s="318">
        <v>50858628</v>
      </c>
      <c r="GH22" s="115">
        <v>200556</v>
      </c>
      <c r="GI22" s="114">
        <v>138996</v>
      </c>
      <c r="GJ22" s="112">
        <v>339552</v>
      </c>
      <c r="GK22" s="111">
        <v>0</v>
      </c>
      <c r="GL22" s="114">
        <v>316096</v>
      </c>
      <c r="GM22" s="114">
        <v>521628</v>
      </c>
      <c r="GN22" s="114">
        <v>180408</v>
      </c>
      <c r="GO22" s="114">
        <v>143190</v>
      </c>
      <c r="GP22" s="114">
        <v>64440</v>
      </c>
      <c r="GQ22" s="113">
        <v>1225762</v>
      </c>
      <c r="GR22" s="116">
        <v>1565314</v>
      </c>
      <c r="GS22" s="110">
        <v>832861</v>
      </c>
      <c r="GT22" s="114">
        <v>642066</v>
      </c>
      <c r="GU22" s="113">
        <v>1474927</v>
      </c>
      <c r="GV22" s="110">
        <v>0</v>
      </c>
      <c r="GW22" s="114">
        <v>753407</v>
      </c>
      <c r="GX22" s="114">
        <v>198499</v>
      </c>
      <c r="GY22" s="114">
        <v>317046</v>
      </c>
      <c r="GZ22" s="114">
        <v>316300</v>
      </c>
      <c r="HA22" s="114">
        <v>196200</v>
      </c>
      <c r="HB22" s="112">
        <v>1781452</v>
      </c>
      <c r="HC22" s="116">
        <v>3256379</v>
      </c>
      <c r="HD22" s="110">
        <v>1662441</v>
      </c>
      <c r="HE22" s="114">
        <v>2648364</v>
      </c>
      <c r="HF22" s="112">
        <v>4310805</v>
      </c>
      <c r="HG22" s="111">
        <v>0</v>
      </c>
      <c r="HH22" s="114">
        <v>13814498</v>
      </c>
      <c r="HI22" s="114">
        <v>20917982</v>
      </c>
      <c r="HJ22" s="114">
        <v>14959846</v>
      </c>
      <c r="HK22" s="114">
        <v>21058996</v>
      </c>
      <c r="HL22" s="114">
        <v>14137146</v>
      </c>
      <c r="HM22" s="113">
        <v>84888468</v>
      </c>
      <c r="HN22" s="109">
        <v>89199273</v>
      </c>
      <c r="HO22" s="115">
        <v>1268116</v>
      </c>
      <c r="HP22" s="114">
        <v>2759908</v>
      </c>
      <c r="HQ22" s="113">
        <v>4028024</v>
      </c>
      <c r="HR22" s="110">
        <v>0</v>
      </c>
      <c r="HS22" s="114">
        <v>13749244</v>
      </c>
      <c r="HT22" s="114">
        <v>21074549</v>
      </c>
      <c r="HU22" s="114">
        <v>14741260</v>
      </c>
      <c r="HV22" s="114">
        <v>9962423</v>
      </c>
      <c r="HW22" s="114">
        <v>6890453</v>
      </c>
      <c r="HX22" s="112">
        <v>66417929</v>
      </c>
      <c r="HY22" s="116">
        <v>70445953</v>
      </c>
      <c r="HZ22" s="150">
        <v>33530</v>
      </c>
      <c r="IA22" s="135">
        <v>187187</v>
      </c>
      <c r="IB22" s="150">
        <v>220717</v>
      </c>
      <c r="IC22" s="134">
        <v>0</v>
      </c>
      <c r="ID22" s="135">
        <v>24961529</v>
      </c>
      <c r="IE22" s="136">
        <v>40518084</v>
      </c>
      <c r="IF22" s="137">
        <v>47274484</v>
      </c>
      <c r="IG22" s="135">
        <v>50067007</v>
      </c>
      <c r="IH22" s="137">
        <v>33310097</v>
      </c>
      <c r="II22" s="138">
        <v>196131201</v>
      </c>
      <c r="IJ22" s="150">
        <v>196351918</v>
      </c>
      <c r="IK22" s="232">
        <v>0</v>
      </c>
      <c r="IL22" s="236">
        <v>0</v>
      </c>
      <c r="IM22" s="237">
        <v>0</v>
      </c>
      <c r="IN22" s="140"/>
      <c r="IO22" s="119">
        <v>165037</v>
      </c>
      <c r="IP22" s="119">
        <v>476750</v>
      </c>
      <c r="IQ22" s="119">
        <v>571077</v>
      </c>
      <c r="IR22" s="119">
        <v>1454613</v>
      </c>
      <c r="IS22" s="119">
        <v>237655</v>
      </c>
      <c r="IT22" s="141">
        <v>2905132</v>
      </c>
      <c r="IU22" s="320">
        <v>2905132</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10977672</v>
      </c>
      <c r="JL22" s="119">
        <v>16728746</v>
      </c>
      <c r="JM22" s="119">
        <v>13530165</v>
      </c>
      <c r="JN22" s="119">
        <v>14202386</v>
      </c>
      <c r="JO22" s="119">
        <v>8304874</v>
      </c>
      <c r="JP22" s="120">
        <v>63743843</v>
      </c>
      <c r="JQ22" s="320">
        <v>63743843</v>
      </c>
      <c r="JR22" s="142">
        <v>33530</v>
      </c>
      <c r="JS22" s="119">
        <v>93752</v>
      </c>
      <c r="JT22" s="141">
        <v>127282</v>
      </c>
      <c r="JU22" s="118">
        <v>0</v>
      </c>
      <c r="JV22" s="119">
        <v>1462516</v>
      </c>
      <c r="JW22" s="119">
        <v>1967748</v>
      </c>
      <c r="JX22" s="119">
        <v>2025425</v>
      </c>
      <c r="JY22" s="119">
        <v>2181831</v>
      </c>
      <c r="JZ22" s="119">
        <v>209493</v>
      </c>
      <c r="KA22" s="120">
        <v>7847013</v>
      </c>
      <c r="KB22" s="320">
        <v>7974295</v>
      </c>
      <c r="KC22" s="234">
        <v>0</v>
      </c>
      <c r="KD22" s="230">
        <v>93435</v>
      </c>
      <c r="KE22" s="120">
        <v>93435</v>
      </c>
      <c r="KF22" s="118">
        <v>0</v>
      </c>
      <c r="KG22" s="119">
        <v>2661618</v>
      </c>
      <c r="KH22" s="119">
        <v>5338088</v>
      </c>
      <c r="KI22" s="119">
        <v>9220318</v>
      </c>
      <c r="KJ22" s="119">
        <v>6630585</v>
      </c>
      <c r="KK22" s="119">
        <v>3835877</v>
      </c>
      <c r="KL22" s="120">
        <v>27686486</v>
      </c>
      <c r="KM22" s="143">
        <v>27779921</v>
      </c>
      <c r="KN22" s="232">
        <v>0</v>
      </c>
      <c r="KO22" s="236">
        <v>0</v>
      </c>
      <c r="KP22" s="237">
        <v>0</v>
      </c>
      <c r="KQ22" s="140"/>
      <c r="KR22" s="119">
        <v>9354801</v>
      </c>
      <c r="KS22" s="119">
        <v>14609590</v>
      </c>
      <c r="KT22" s="119">
        <v>14632026</v>
      </c>
      <c r="KU22" s="119">
        <v>13889529</v>
      </c>
      <c r="KV22" s="119">
        <v>6339893</v>
      </c>
      <c r="KW22" s="120">
        <v>58825839</v>
      </c>
      <c r="KX22" s="320">
        <v>58825839</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467942</v>
      </c>
      <c r="LP22" s="119">
        <v>6786999</v>
      </c>
      <c r="LQ22" s="119">
        <v>10045636</v>
      </c>
      <c r="LR22" s="119">
        <v>11222322</v>
      </c>
      <c r="LS22" s="120">
        <v>28522899</v>
      </c>
      <c r="LT22" s="320">
        <v>28522899</v>
      </c>
      <c r="LU22" s="142">
        <v>0</v>
      </c>
      <c r="LV22" s="119">
        <v>0</v>
      </c>
      <c r="LW22" s="120">
        <v>0</v>
      </c>
      <c r="LX22" s="145"/>
      <c r="LY22" s="119">
        <v>339885</v>
      </c>
      <c r="LZ22" s="119">
        <v>929220</v>
      </c>
      <c r="MA22" s="119">
        <v>508474</v>
      </c>
      <c r="MB22" s="119">
        <v>1662427</v>
      </c>
      <c r="MC22" s="119">
        <v>3159983</v>
      </c>
      <c r="MD22" s="120">
        <v>6599989</v>
      </c>
      <c r="ME22" s="121">
        <v>6599989</v>
      </c>
      <c r="MF22" s="142">
        <v>0</v>
      </c>
      <c r="MG22" s="119">
        <v>0</v>
      </c>
      <c r="MH22" s="120">
        <v>0</v>
      </c>
      <c r="MI22" s="145"/>
      <c r="MJ22" s="119">
        <v>10867936</v>
      </c>
      <c r="MK22" s="119">
        <v>31346036</v>
      </c>
      <c r="ML22" s="119">
        <v>84846518</v>
      </c>
      <c r="MM22" s="119">
        <v>107287995</v>
      </c>
      <c r="MN22" s="119">
        <v>87179150</v>
      </c>
      <c r="MO22" s="120">
        <v>321527635</v>
      </c>
      <c r="MP22" s="143">
        <v>321527635</v>
      </c>
      <c r="MQ22" s="142">
        <v>0</v>
      </c>
      <c r="MR22" s="119">
        <v>0</v>
      </c>
      <c r="MS22" s="120">
        <v>0</v>
      </c>
      <c r="MT22" s="145"/>
      <c r="MU22" s="119">
        <v>413190</v>
      </c>
      <c r="MV22" s="119">
        <v>3161151</v>
      </c>
      <c r="MW22" s="119">
        <v>46135508</v>
      </c>
      <c r="MX22" s="119">
        <v>67560936</v>
      </c>
      <c r="MY22" s="119">
        <v>59367524</v>
      </c>
      <c r="MZ22" s="120">
        <v>176638309</v>
      </c>
      <c r="NA22" s="143">
        <v>176638309</v>
      </c>
      <c r="NB22" s="142">
        <v>0</v>
      </c>
      <c r="NC22" s="119">
        <v>0</v>
      </c>
      <c r="ND22" s="120">
        <v>0</v>
      </c>
      <c r="NE22" s="145"/>
      <c r="NF22" s="119">
        <v>10454746</v>
      </c>
      <c r="NG22" s="119">
        <v>28184885</v>
      </c>
      <c r="NH22" s="119">
        <v>38365258</v>
      </c>
      <c r="NI22" s="119">
        <v>38688583</v>
      </c>
      <c r="NJ22" s="119">
        <v>23214010</v>
      </c>
      <c r="NK22" s="120">
        <v>138907482</v>
      </c>
      <c r="NL22" s="320">
        <v>138907482</v>
      </c>
      <c r="NM22" s="142">
        <v>0</v>
      </c>
      <c r="NN22" s="119">
        <v>0</v>
      </c>
      <c r="NO22" s="120">
        <v>0</v>
      </c>
      <c r="NP22" s="145"/>
      <c r="NQ22" s="119">
        <v>0</v>
      </c>
      <c r="NR22" s="119">
        <v>0</v>
      </c>
      <c r="NS22" s="119">
        <v>0</v>
      </c>
      <c r="NT22" s="119">
        <v>0</v>
      </c>
      <c r="NU22" s="119">
        <v>1265978</v>
      </c>
      <c r="NV22" s="120">
        <v>1265978</v>
      </c>
      <c r="NW22" s="121">
        <v>1265978</v>
      </c>
      <c r="NX22" s="142">
        <v>0</v>
      </c>
      <c r="NY22" s="119">
        <v>0</v>
      </c>
      <c r="NZ22" s="120">
        <v>0</v>
      </c>
      <c r="OA22" s="145"/>
      <c r="OB22" s="119">
        <v>0</v>
      </c>
      <c r="OC22" s="119">
        <v>0</v>
      </c>
      <c r="OD22" s="119">
        <v>345752</v>
      </c>
      <c r="OE22" s="119">
        <v>1038476</v>
      </c>
      <c r="OF22" s="119">
        <v>3331638</v>
      </c>
      <c r="OG22" s="120">
        <v>4715866</v>
      </c>
      <c r="OH22" s="121">
        <v>4715866</v>
      </c>
      <c r="OI22" s="142">
        <v>7154241</v>
      </c>
      <c r="OJ22" s="119">
        <v>16449459</v>
      </c>
      <c r="OK22" s="141">
        <v>23603700</v>
      </c>
      <c r="OL22" s="118">
        <v>0</v>
      </c>
      <c r="OM22" s="119">
        <v>111580363</v>
      </c>
      <c r="ON22" s="119">
        <v>228118680</v>
      </c>
      <c r="OO22" s="119">
        <v>263154857</v>
      </c>
      <c r="OP22" s="119">
        <v>279397602</v>
      </c>
      <c r="OQ22" s="119">
        <v>218626301</v>
      </c>
      <c r="OR22" s="120">
        <v>1100877803</v>
      </c>
      <c r="OS22" s="143">
        <v>1124481503</v>
      </c>
    </row>
    <row r="23" spans="2:409" ht="21" customHeight="1" x14ac:dyDescent="0.2">
      <c r="B23" s="62" t="s">
        <v>18</v>
      </c>
      <c r="C23" s="110">
        <v>6933490</v>
      </c>
      <c r="D23" s="114">
        <v>14660012</v>
      </c>
      <c r="E23" s="113">
        <v>21593502</v>
      </c>
      <c r="F23" s="109">
        <v>0</v>
      </c>
      <c r="G23" s="114">
        <v>129256848</v>
      </c>
      <c r="H23" s="114">
        <v>159646026</v>
      </c>
      <c r="I23" s="114">
        <v>147728280</v>
      </c>
      <c r="J23" s="114">
        <v>132078997</v>
      </c>
      <c r="K23" s="114">
        <v>98711676</v>
      </c>
      <c r="L23" s="109">
        <v>667421827</v>
      </c>
      <c r="M23" s="116">
        <v>689015329</v>
      </c>
      <c r="N23" s="110">
        <v>1672915</v>
      </c>
      <c r="O23" s="114">
        <v>2967984</v>
      </c>
      <c r="P23" s="113">
        <v>4640899</v>
      </c>
      <c r="Q23" s="110">
        <v>0</v>
      </c>
      <c r="R23" s="114">
        <v>33663394</v>
      </c>
      <c r="S23" s="114">
        <v>44504784</v>
      </c>
      <c r="T23" s="114">
        <v>43845114</v>
      </c>
      <c r="U23" s="114">
        <v>49280981</v>
      </c>
      <c r="V23" s="114">
        <v>47389836</v>
      </c>
      <c r="W23" s="113">
        <v>218684109</v>
      </c>
      <c r="X23" s="116">
        <v>223325008</v>
      </c>
      <c r="Y23" s="110">
        <v>0</v>
      </c>
      <c r="Z23" s="114">
        <v>0</v>
      </c>
      <c r="AA23" s="113">
        <v>0</v>
      </c>
      <c r="AB23" s="110">
        <v>0</v>
      </c>
      <c r="AC23" s="114">
        <v>16401569</v>
      </c>
      <c r="AD23" s="114">
        <v>23552839</v>
      </c>
      <c r="AE23" s="114">
        <v>26449367</v>
      </c>
      <c r="AF23" s="114">
        <v>31997081</v>
      </c>
      <c r="AG23" s="114">
        <v>28976634</v>
      </c>
      <c r="AH23" s="113">
        <v>127377490</v>
      </c>
      <c r="AI23" s="116">
        <v>127377490</v>
      </c>
      <c r="AJ23" s="110">
        <v>0</v>
      </c>
      <c r="AK23" s="114">
        <v>0</v>
      </c>
      <c r="AL23" s="113">
        <v>0</v>
      </c>
      <c r="AM23" s="110">
        <v>0</v>
      </c>
      <c r="AN23" s="114">
        <v>77411</v>
      </c>
      <c r="AO23" s="114">
        <v>670456</v>
      </c>
      <c r="AP23" s="114">
        <v>1129196</v>
      </c>
      <c r="AQ23" s="114">
        <v>2763102</v>
      </c>
      <c r="AR23" s="114">
        <v>5662854</v>
      </c>
      <c r="AS23" s="113">
        <v>10303019</v>
      </c>
      <c r="AT23" s="116">
        <v>10303019</v>
      </c>
      <c r="AU23" s="110">
        <v>777259</v>
      </c>
      <c r="AV23" s="114">
        <v>1951860</v>
      </c>
      <c r="AW23" s="113">
        <v>2729119</v>
      </c>
      <c r="AX23" s="110">
        <v>0</v>
      </c>
      <c r="AY23" s="114">
        <v>9613114</v>
      </c>
      <c r="AZ23" s="114">
        <v>10991758</v>
      </c>
      <c r="BA23" s="114">
        <v>8023639</v>
      </c>
      <c r="BB23" s="114">
        <v>7051781</v>
      </c>
      <c r="BC23" s="114">
        <v>6554852</v>
      </c>
      <c r="BD23" s="113">
        <v>42235144</v>
      </c>
      <c r="BE23" s="116">
        <v>44964263</v>
      </c>
      <c r="BF23" s="110">
        <v>184392</v>
      </c>
      <c r="BG23" s="114">
        <v>317217</v>
      </c>
      <c r="BH23" s="112">
        <v>501609</v>
      </c>
      <c r="BI23" s="111">
        <v>0</v>
      </c>
      <c r="BJ23" s="114">
        <v>1463995</v>
      </c>
      <c r="BK23" s="114">
        <v>2384049</v>
      </c>
      <c r="BL23" s="114">
        <v>1409650</v>
      </c>
      <c r="BM23" s="114">
        <v>699876</v>
      </c>
      <c r="BN23" s="114">
        <v>613343</v>
      </c>
      <c r="BO23" s="113">
        <v>6570913</v>
      </c>
      <c r="BP23" s="116">
        <v>7072522</v>
      </c>
      <c r="BQ23" s="110">
        <v>711264</v>
      </c>
      <c r="BR23" s="114">
        <v>698907</v>
      </c>
      <c r="BS23" s="113">
        <v>1410171</v>
      </c>
      <c r="BT23" s="110">
        <v>0</v>
      </c>
      <c r="BU23" s="114">
        <v>6107305</v>
      </c>
      <c r="BV23" s="114">
        <v>6905682</v>
      </c>
      <c r="BW23" s="114">
        <v>6833262</v>
      </c>
      <c r="BX23" s="114">
        <v>6769141</v>
      </c>
      <c r="BY23" s="114">
        <v>5582153</v>
      </c>
      <c r="BZ23" s="113">
        <v>32197543</v>
      </c>
      <c r="CA23" s="116">
        <v>33607714</v>
      </c>
      <c r="CB23" s="110">
        <v>1132509</v>
      </c>
      <c r="CC23" s="114">
        <v>3642407</v>
      </c>
      <c r="CD23" s="113">
        <v>4774916</v>
      </c>
      <c r="CE23" s="110">
        <v>0</v>
      </c>
      <c r="CF23" s="114">
        <v>44549954</v>
      </c>
      <c r="CG23" s="114">
        <v>52024568</v>
      </c>
      <c r="CH23" s="114">
        <v>42835194</v>
      </c>
      <c r="CI23" s="114">
        <v>27260677</v>
      </c>
      <c r="CJ23" s="114">
        <v>12227485</v>
      </c>
      <c r="CK23" s="113">
        <v>178897878</v>
      </c>
      <c r="CL23" s="116">
        <v>183672794</v>
      </c>
      <c r="CM23" s="110">
        <v>0</v>
      </c>
      <c r="CN23" s="114">
        <v>0</v>
      </c>
      <c r="CO23" s="113">
        <v>0</v>
      </c>
      <c r="CP23" s="111">
        <v>0</v>
      </c>
      <c r="CQ23" s="114">
        <v>36589252</v>
      </c>
      <c r="CR23" s="114">
        <v>41457828</v>
      </c>
      <c r="CS23" s="114">
        <v>35939973</v>
      </c>
      <c r="CT23" s="114">
        <v>21119663</v>
      </c>
      <c r="CU23" s="114">
        <v>10550609</v>
      </c>
      <c r="CV23" s="113">
        <v>145657325</v>
      </c>
      <c r="CW23" s="116">
        <v>145657325</v>
      </c>
      <c r="CX23" s="110">
        <v>1132509</v>
      </c>
      <c r="CY23" s="114">
        <v>3642407</v>
      </c>
      <c r="CZ23" s="113">
        <v>4774916</v>
      </c>
      <c r="DA23" s="110">
        <v>0</v>
      </c>
      <c r="DB23" s="114">
        <v>7960702</v>
      </c>
      <c r="DC23" s="114">
        <v>10566740</v>
      </c>
      <c r="DD23" s="114">
        <v>6895221</v>
      </c>
      <c r="DE23" s="114">
        <v>6141014</v>
      </c>
      <c r="DF23" s="114">
        <v>1676876</v>
      </c>
      <c r="DG23" s="113">
        <v>33240553</v>
      </c>
      <c r="DH23" s="116">
        <v>38015469</v>
      </c>
      <c r="DI23" s="110">
        <v>14403</v>
      </c>
      <c r="DJ23" s="114">
        <v>107546</v>
      </c>
      <c r="DK23" s="112">
        <v>121949</v>
      </c>
      <c r="DL23" s="111">
        <v>0</v>
      </c>
      <c r="DM23" s="114">
        <v>2918301</v>
      </c>
      <c r="DN23" s="114">
        <v>6690462</v>
      </c>
      <c r="DO23" s="114">
        <v>17195000</v>
      </c>
      <c r="DP23" s="114">
        <v>14667520</v>
      </c>
      <c r="DQ23" s="114">
        <v>8541361</v>
      </c>
      <c r="DR23" s="113">
        <v>50012644</v>
      </c>
      <c r="DS23" s="116">
        <v>50134593</v>
      </c>
      <c r="DT23" s="110">
        <v>14403</v>
      </c>
      <c r="DU23" s="114">
        <v>107546</v>
      </c>
      <c r="DV23" s="113">
        <v>121949</v>
      </c>
      <c r="DW23" s="110">
        <v>0</v>
      </c>
      <c r="DX23" s="114">
        <v>2830733</v>
      </c>
      <c r="DY23" s="114">
        <v>6345560</v>
      </c>
      <c r="DZ23" s="114">
        <v>16932960</v>
      </c>
      <c r="EA23" s="114">
        <v>14558508</v>
      </c>
      <c r="EB23" s="114">
        <v>8510673</v>
      </c>
      <c r="EC23" s="113">
        <v>49178434</v>
      </c>
      <c r="ED23" s="116">
        <v>49300383</v>
      </c>
      <c r="EE23" s="110">
        <v>0</v>
      </c>
      <c r="EF23" s="112">
        <v>0</v>
      </c>
      <c r="EG23" s="113">
        <v>0</v>
      </c>
      <c r="EH23" s="110">
        <v>0</v>
      </c>
      <c r="EI23" s="114">
        <v>87568</v>
      </c>
      <c r="EJ23" s="114">
        <v>344902</v>
      </c>
      <c r="EK23" s="114">
        <v>262040</v>
      </c>
      <c r="EL23" s="114">
        <v>109012</v>
      </c>
      <c r="EM23" s="114">
        <v>30688</v>
      </c>
      <c r="EN23" s="112">
        <v>834210</v>
      </c>
      <c r="EO23" s="116">
        <v>83421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1226354</v>
      </c>
      <c r="FM23" s="114">
        <v>3737909</v>
      </c>
      <c r="FN23" s="113">
        <v>4964263</v>
      </c>
      <c r="FO23" s="110">
        <v>0</v>
      </c>
      <c r="FP23" s="114">
        <v>6784633</v>
      </c>
      <c r="FQ23" s="114">
        <v>15107476</v>
      </c>
      <c r="FR23" s="114">
        <v>10598015</v>
      </c>
      <c r="FS23" s="114">
        <v>10470165</v>
      </c>
      <c r="FT23" s="114">
        <v>7743499</v>
      </c>
      <c r="FU23" s="113">
        <v>50703788</v>
      </c>
      <c r="FV23" s="116">
        <v>55668051</v>
      </c>
      <c r="FW23" s="115">
        <v>1084146</v>
      </c>
      <c r="FX23" s="114">
        <v>2697040</v>
      </c>
      <c r="FY23" s="112">
        <v>3781186</v>
      </c>
      <c r="FZ23" s="111">
        <v>0</v>
      </c>
      <c r="GA23" s="114">
        <v>5716190</v>
      </c>
      <c r="GB23" s="114">
        <v>13619342</v>
      </c>
      <c r="GC23" s="114">
        <v>9965985</v>
      </c>
      <c r="GD23" s="114">
        <v>9898406</v>
      </c>
      <c r="GE23" s="114">
        <v>7392136</v>
      </c>
      <c r="GF23" s="113">
        <v>46592059</v>
      </c>
      <c r="GG23" s="318">
        <v>50373245</v>
      </c>
      <c r="GH23" s="115">
        <v>23408</v>
      </c>
      <c r="GI23" s="114">
        <v>143569</v>
      </c>
      <c r="GJ23" s="112">
        <v>166977</v>
      </c>
      <c r="GK23" s="111">
        <v>0</v>
      </c>
      <c r="GL23" s="114">
        <v>321392</v>
      </c>
      <c r="GM23" s="114">
        <v>472222</v>
      </c>
      <c r="GN23" s="114">
        <v>135770</v>
      </c>
      <c r="GO23" s="114">
        <v>283859</v>
      </c>
      <c r="GP23" s="114">
        <v>90948</v>
      </c>
      <c r="GQ23" s="113">
        <v>1304191</v>
      </c>
      <c r="GR23" s="116">
        <v>1471168</v>
      </c>
      <c r="GS23" s="110">
        <v>118800</v>
      </c>
      <c r="GT23" s="114">
        <v>897300</v>
      </c>
      <c r="GU23" s="113">
        <v>1016100</v>
      </c>
      <c r="GV23" s="110">
        <v>0</v>
      </c>
      <c r="GW23" s="114">
        <v>747051</v>
      </c>
      <c r="GX23" s="114">
        <v>1015912</v>
      </c>
      <c r="GY23" s="114">
        <v>496260</v>
      </c>
      <c r="GZ23" s="114">
        <v>287900</v>
      </c>
      <c r="HA23" s="114">
        <v>260415</v>
      </c>
      <c r="HB23" s="112">
        <v>2807538</v>
      </c>
      <c r="HC23" s="116">
        <v>3823638</v>
      </c>
      <c r="HD23" s="110">
        <v>1409885</v>
      </c>
      <c r="HE23" s="114">
        <v>1298603</v>
      </c>
      <c r="HF23" s="112">
        <v>2708488</v>
      </c>
      <c r="HG23" s="111">
        <v>0</v>
      </c>
      <c r="HH23" s="114">
        <v>18672490</v>
      </c>
      <c r="HI23" s="114">
        <v>20306176</v>
      </c>
      <c r="HJ23" s="114">
        <v>17784414</v>
      </c>
      <c r="HK23" s="114">
        <v>20375040</v>
      </c>
      <c r="HL23" s="114">
        <v>16933922</v>
      </c>
      <c r="HM23" s="113">
        <v>94072042</v>
      </c>
      <c r="HN23" s="109">
        <v>96780530</v>
      </c>
      <c r="HO23" s="115">
        <v>1477424</v>
      </c>
      <c r="HP23" s="114">
        <v>2905563</v>
      </c>
      <c r="HQ23" s="113">
        <v>4382987</v>
      </c>
      <c r="HR23" s="110">
        <v>0</v>
      </c>
      <c r="HS23" s="114">
        <v>22668076</v>
      </c>
      <c r="HT23" s="114">
        <v>21012560</v>
      </c>
      <c r="HU23" s="114">
        <v>15470543</v>
      </c>
      <c r="HV23" s="114">
        <v>10024614</v>
      </c>
      <c r="HW23" s="114">
        <v>5875573</v>
      </c>
      <c r="HX23" s="112">
        <v>75051366</v>
      </c>
      <c r="HY23" s="116">
        <v>79434353</v>
      </c>
      <c r="HZ23" s="131">
        <v>591515</v>
      </c>
      <c r="IA23" s="132">
        <v>2111957</v>
      </c>
      <c r="IB23" s="133">
        <v>2703472</v>
      </c>
      <c r="IC23" s="146">
        <v>0</v>
      </c>
      <c r="ID23" s="132">
        <v>34139753</v>
      </c>
      <c r="IE23" s="147">
        <v>45397702</v>
      </c>
      <c r="IF23" s="133">
        <v>55925006</v>
      </c>
      <c r="IG23" s="132">
        <v>39881585</v>
      </c>
      <c r="IH23" s="133">
        <v>25482212</v>
      </c>
      <c r="II23" s="148">
        <v>200826258</v>
      </c>
      <c r="IJ23" s="139">
        <v>203529730</v>
      </c>
      <c r="IK23" s="232">
        <v>0</v>
      </c>
      <c r="IL23" s="236">
        <v>0</v>
      </c>
      <c r="IM23" s="237">
        <v>0</v>
      </c>
      <c r="IN23" s="140"/>
      <c r="IO23" s="119">
        <v>135962</v>
      </c>
      <c r="IP23" s="119">
        <v>551764</v>
      </c>
      <c r="IQ23" s="119">
        <v>182806</v>
      </c>
      <c r="IR23" s="119">
        <v>250660</v>
      </c>
      <c r="IS23" s="119">
        <v>227502</v>
      </c>
      <c r="IT23" s="141">
        <v>1348694</v>
      </c>
      <c r="IU23" s="320">
        <v>1348694</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12982059</v>
      </c>
      <c r="JL23" s="119">
        <v>12205719</v>
      </c>
      <c r="JM23" s="119">
        <v>11281722</v>
      </c>
      <c r="JN23" s="119">
        <v>5105628</v>
      </c>
      <c r="JO23" s="119">
        <v>1449896</v>
      </c>
      <c r="JP23" s="120">
        <v>43025024</v>
      </c>
      <c r="JQ23" s="320">
        <v>43025024</v>
      </c>
      <c r="JR23" s="142">
        <v>0</v>
      </c>
      <c r="JS23" s="119">
        <v>0</v>
      </c>
      <c r="JT23" s="141">
        <v>0</v>
      </c>
      <c r="JU23" s="118">
        <v>0</v>
      </c>
      <c r="JV23" s="119">
        <v>776701</v>
      </c>
      <c r="JW23" s="119">
        <v>519329</v>
      </c>
      <c r="JX23" s="119">
        <v>2682655</v>
      </c>
      <c r="JY23" s="119">
        <v>1184676</v>
      </c>
      <c r="JZ23" s="119">
        <v>1370085</v>
      </c>
      <c r="KA23" s="120">
        <v>6533446</v>
      </c>
      <c r="KB23" s="320">
        <v>6533446</v>
      </c>
      <c r="KC23" s="234">
        <v>591515</v>
      </c>
      <c r="KD23" s="230">
        <v>1195058</v>
      </c>
      <c r="KE23" s="120">
        <v>1786573</v>
      </c>
      <c r="KF23" s="118">
        <v>0</v>
      </c>
      <c r="KG23" s="119">
        <v>5538529</v>
      </c>
      <c r="KH23" s="119">
        <v>9890917</v>
      </c>
      <c r="KI23" s="119">
        <v>10791113</v>
      </c>
      <c r="KJ23" s="119">
        <v>5720771</v>
      </c>
      <c r="KK23" s="119">
        <v>3457031</v>
      </c>
      <c r="KL23" s="120">
        <v>35398361</v>
      </c>
      <c r="KM23" s="143">
        <v>37184934</v>
      </c>
      <c r="KN23" s="232">
        <v>0</v>
      </c>
      <c r="KO23" s="236">
        <v>916899</v>
      </c>
      <c r="KP23" s="237">
        <v>916899</v>
      </c>
      <c r="KQ23" s="140"/>
      <c r="KR23" s="119">
        <v>12656588</v>
      </c>
      <c r="KS23" s="119">
        <v>17717730</v>
      </c>
      <c r="KT23" s="119">
        <v>23960548</v>
      </c>
      <c r="KU23" s="119">
        <v>15191862</v>
      </c>
      <c r="KV23" s="119">
        <v>7737018</v>
      </c>
      <c r="KW23" s="120">
        <v>77263746</v>
      </c>
      <c r="KX23" s="320">
        <v>78180645</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495322</v>
      </c>
      <c r="LP23" s="119">
        <v>1356813</v>
      </c>
      <c r="LQ23" s="119">
        <v>4986214</v>
      </c>
      <c r="LR23" s="119">
        <v>931602</v>
      </c>
      <c r="LS23" s="120">
        <v>7769951</v>
      </c>
      <c r="LT23" s="320">
        <v>7769951</v>
      </c>
      <c r="LU23" s="142">
        <v>0</v>
      </c>
      <c r="LV23" s="119">
        <v>0</v>
      </c>
      <c r="LW23" s="120">
        <v>0</v>
      </c>
      <c r="LX23" s="145"/>
      <c r="LY23" s="119">
        <v>2049914</v>
      </c>
      <c r="LZ23" s="119">
        <v>4016921</v>
      </c>
      <c r="MA23" s="119">
        <v>5669349</v>
      </c>
      <c r="MB23" s="119">
        <v>7441774</v>
      </c>
      <c r="MC23" s="119">
        <v>10309078</v>
      </c>
      <c r="MD23" s="120">
        <v>29487036</v>
      </c>
      <c r="ME23" s="121">
        <v>29487036</v>
      </c>
      <c r="MF23" s="142">
        <v>0</v>
      </c>
      <c r="MG23" s="119">
        <v>0</v>
      </c>
      <c r="MH23" s="120">
        <v>0</v>
      </c>
      <c r="MI23" s="145"/>
      <c r="MJ23" s="119">
        <v>9726714</v>
      </c>
      <c r="MK23" s="119">
        <v>17889090</v>
      </c>
      <c r="ML23" s="119">
        <v>75263407</v>
      </c>
      <c r="MM23" s="119">
        <v>134680776</v>
      </c>
      <c r="MN23" s="119">
        <v>103597019</v>
      </c>
      <c r="MO23" s="120">
        <v>341157006</v>
      </c>
      <c r="MP23" s="143">
        <v>341157006</v>
      </c>
      <c r="MQ23" s="142">
        <v>0</v>
      </c>
      <c r="MR23" s="119">
        <v>0</v>
      </c>
      <c r="MS23" s="120">
        <v>0</v>
      </c>
      <c r="MT23" s="145"/>
      <c r="MU23" s="119">
        <v>887396</v>
      </c>
      <c r="MV23" s="119">
        <v>2939076</v>
      </c>
      <c r="MW23" s="119">
        <v>43646382</v>
      </c>
      <c r="MX23" s="119">
        <v>99007464</v>
      </c>
      <c r="MY23" s="119">
        <v>70858184</v>
      </c>
      <c r="MZ23" s="120">
        <v>217338502</v>
      </c>
      <c r="NA23" s="143">
        <v>217338502</v>
      </c>
      <c r="NB23" s="142">
        <v>0</v>
      </c>
      <c r="NC23" s="119">
        <v>0</v>
      </c>
      <c r="ND23" s="120">
        <v>0</v>
      </c>
      <c r="NE23" s="145"/>
      <c r="NF23" s="119">
        <v>8839318</v>
      </c>
      <c r="NG23" s="119">
        <v>14950014</v>
      </c>
      <c r="NH23" s="119">
        <v>31195179</v>
      </c>
      <c r="NI23" s="119">
        <v>32691851</v>
      </c>
      <c r="NJ23" s="119">
        <v>23804452</v>
      </c>
      <c r="NK23" s="120">
        <v>111480814</v>
      </c>
      <c r="NL23" s="320">
        <v>111480814</v>
      </c>
      <c r="NM23" s="142">
        <v>0</v>
      </c>
      <c r="NN23" s="119">
        <v>0</v>
      </c>
      <c r="NO23" s="120">
        <v>0</v>
      </c>
      <c r="NP23" s="145"/>
      <c r="NQ23" s="119">
        <v>0</v>
      </c>
      <c r="NR23" s="119">
        <v>0</v>
      </c>
      <c r="NS23" s="119">
        <v>0</v>
      </c>
      <c r="NT23" s="119">
        <v>344755</v>
      </c>
      <c r="NU23" s="119">
        <v>1235987</v>
      </c>
      <c r="NV23" s="120">
        <v>1580742</v>
      </c>
      <c r="NW23" s="121">
        <v>1580742</v>
      </c>
      <c r="NX23" s="142">
        <v>0</v>
      </c>
      <c r="NY23" s="119">
        <v>0</v>
      </c>
      <c r="NZ23" s="120">
        <v>0</v>
      </c>
      <c r="OA23" s="145"/>
      <c r="OB23" s="119">
        <v>0</v>
      </c>
      <c r="OC23" s="119">
        <v>0</v>
      </c>
      <c r="OD23" s="119">
        <v>421846</v>
      </c>
      <c r="OE23" s="119">
        <v>2636706</v>
      </c>
      <c r="OF23" s="119">
        <v>7698396</v>
      </c>
      <c r="OG23" s="120">
        <v>10756948</v>
      </c>
      <c r="OH23" s="121">
        <v>10756948</v>
      </c>
      <c r="OI23" s="142">
        <v>7525005</v>
      </c>
      <c r="OJ23" s="119">
        <v>16771969</v>
      </c>
      <c r="OK23" s="141">
        <v>24296974</v>
      </c>
      <c r="OL23" s="118">
        <v>0</v>
      </c>
      <c r="OM23" s="119">
        <v>173123315</v>
      </c>
      <c r="ON23" s="119">
        <v>222932818</v>
      </c>
      <c r="OO23" s="119">
        <v>278916693</v>
      </c>
      <c r="OP23" s="119">
        <v>306641358</v>
      </c>
      <c r="OQ23" s="119">
        <v>227790907</v>
      </c>
      <c r="OR23" s="120">
        <v>1209405091</v>
      </c>
      <c r="OS23" s="143">
        <v>1233702065</v>
      </c>
    </row>
    <row r="24" spans="2:409" ht="21" customHeight="1" x14ac:dyDescent="0.2">
      <c r="B24" s="62" t="s">
        <v>19</v>
      </c>
      <c r="C24" s="110">
        <v>4970479</v>
      </c>
      <c r="D24" s="114">
        <v>9197481</v>
      </c>
      <c r="E24" s="113">
        <v>14167960</v>
      </c>
      <c r="F24" s="109">
        <v>0</v>
      </c>
      <c r="G24" s="114">
        <v>56772182</v>
      </c>
      <c r="H24" s="114">
        <v>70266168</v>
      </c>
      <c r="I24" s="114">
        <v>56830629</v>
      </c>
      <c r="J24" s="114">
        <v>46016748</v>
      </c>
      <c r="K24" s="114">
        <v>35738861</v>
      </c>
      <c r="L24" s="109">
        <v>265624588</v>
      </c>
      <c r="M24" s="116">
        <v>279792548</v>
      </c>
      <c r="N24" s="110">
        <v>1127385</v>
      </c>
      <c r="O24" s="114">
        <v>1808640</v>
      </c>
      <c r="P24" s="113">
        <v>2936025</v>
      </c>
      <c r="Q24" s="110">
        <v>0</v>
      </c>
      <c r="R24" s="114">
        <v>12643216</v>
      </c>
      <c r="S24" s="114">
        <v>17050267</v>
      </c>
      <c r="T24" s="114">
        <v>15849705</v>
      </c>
      <c r="U24" s="114">
        <v>17662735</v>
      </c>
      <c r="V24" s="114">
        <v>16162611</v>
      </c>
      <c r="W24" s="113">
        <v>79368534</v>
      </c>
      <c r="X24" s="116">
        <v>82304559</v>
      </c>
      <c r="Y24" s="110">
        <v>0</v>
      </c>
      <c r="Z24" s="114">
        <v>0</v>
      </c>
      <c r="AA24" s="113">
        <v>0</v>
      </c>
      <c r="AB24" s="110">
        <v>0</v>
      </c>
      <c r="AC24" s="114">
        <v>4960504</v>
      </c>
      <c r="AD24" s="114">
        <v>7606453</v>
      </c>
      <c r="AE24" s="114">
        <v>7683645</v>
      </c>
      <c r="AF24" s="114">
        <v>10025368</v>
      </c>
      <c r="AG24" s="114">
        <v>8422876</v>
      </c>
      <c r="AH24" s="113">
        <v>38698846</v>
      </c>
      <c r="AI24" s="116">
        <v>38698846</v>
      </c>
      <c r="AJ24" s="110">
        <v>0</v>
      </c>
      <c r="AK24" s="114">
        <v>0</v>
      </c>
      <c r="AL24" s="113">
        <v>0</v>
      </c>
      <c r="AM24" s="110">
        <v>0</v>
      </c>
      <c r="AN24" s="114">
        <v>271266</v>
      </c>
      <c r="AO24" s="114">
        <v>206730</v>
      </c>
      <c r="AP24" s="114">
        <v>795778</v>
      </c>
      <c r="AQ24" s="114">
        <v>1151167</v>
      </c>
      <c r="AR24" s="114">
        <v>1853702</v>
      </c>
      <c r="AS24" s="113">
        <v>4278643</v>
      </c>
      <c r="AT24" s="116">
        <v>4278643</v>
      </c>
      <c r="AU24" s="110">
        <v>705579</v>
      </c>
      <c r="AV24" s="114">
        <v>1356129</v>
      </c>
      <c r="AW24" s="113">
        <v>2061708</v>
      </c>
      <c r="AX24" s="110">
        <v>0</v>
      </c>
      <c r="AY24" s="114">
        <v>4665746</v>
      </c>
      <c r="AZ24" s="114">
        <v>6043506</v>
      </c>
      <c r="BA24" s="114">
        <v>4255674</v>
      </c>
      <c r="BB24" s="114">
        <v>3612127</v>
      </c>
      <c r="BC24" s="114">
        <v>3702299</v>
      </c>
      <c r="BD24" s="113">
        <v>22279352</v>
      </c>
      <c r="BE24" s="116">
        <v>24341060</v>
      </c>
      <c r="BF24" s="110">
        <v>0</v>
      </c>
      <c r="BG24" s="114">
        <v>89654</v>
      </c>
      <c r="BH24" s="112">
        <v>89654</v>
      </c>
      <c r="BI24" s="111">
        <v>0</v>
      </c>
      <c r="BJ24" s="114">
        <v>649483</v>
      </c>
      <c r="BK24" s="114">
        <v>341023</v>
      </c>
      <c r="BL24" s="114">
        <v>401952</v>
      </c>
      <c r="BM24" s="114">
        <v>389785</v>
      </c>
      <c r="BN24" s="114">
        <v>157045</v>
      </c>
      <c r="BO24" s="113">
        <v>1939288</v>
      </c>
      <c r="BP24" s="116">
        <v>2028942</v>
      </c>
      <c r="BQ24" s="110">
        <v>421806</v>
      </c>
      <c r="BR24" s="114">
        <v>362857</v>
      </c>
      <c r="BS24" s="113">
        <v>784663</v>
      </c>
      <c r="BT24" s="110">
        <v>0</v>
      </c>
      <c r="BU24" s="114">
        <v>2096217</v>
      </c>
      <c r="BV24" s="114">
        <v>2852555</v>
      </c>
      <c r="BW24" s="114">
        <v>2712656</v>
      </c>
      <c r="BX24" s="114">
        <v>2484288</v>
      </c>
      <c r="BY24" s="114">
        <v>2026689</v>
      </c>
      <c r="BZ24" s="113">
        <v>12172405</v>
      </c>
      <c r="CA24" s="116">
        <v>12957068</v>
      </c>
      <c r="CB24" s="110">
        <v>833422</v>
      </c>
      <c r="CC24" s="114">
        <v>2782097</v>
      </c>
      <c r="CD24" s="113">
        <v>3615519</v>
      </c>
      <c r="CE24" s="110">
        <v>0</v>
      </c>
      <c r="CF24" s="114">
        <v>18342846</v>
      </c>
      <c r="CG24" s="114">
        <v>24341501</v>
      </c>
      <c r="CH24" s="114">
        <v>16045421</v>
      </c>
      <c r="CI24" s="114">
        <v>8795024</v>
      </c>
      <c r="CJ24" s="114">
        <v>5182375</v>
      </c>
      <c r="CK24" s="113">
        <v>72707167</v>
      </c>
      <c r="CL24" s="116">
        <v>76322686</v>
      </c>
      <c r="CM24" s="110">
        <v>0</v>
      </c>
      <c r="CN24" s="114">
        <v>0</v>
      </c>
      <c r="CO24" s="113">
        <v>0</v>
      </c>
      <c r="CP24" s="111">
        <v>0</v>
      </c>
      <c r="CQ24" s="114">
        <v>13514045</v>
      </c>
      <c r="CR24" s="114">
        <v>17999782</v>
      </c>
      <c r="CS24" s="114">
        <v>11402723</v>
      </c>
      <c r="CT24" s="114">
        <v>6027242</v>
      </c>
      <c r="CU24" s="114">
        <v>3937941</v>
      </c>
      <c r="CV24" s="113">
        <v>52881733</v>
      </c>
      <c r="CW24" s="116">
        <v>52881733</v>
      </c>
      <c r="CX24" s="110">
        <v>833422</v>
      </c>
      <c r="CY24" s="114">
        <v>2782097</v>
      </c>
      <c r="CZ24" s="113">
        <v>3615519</v>
      </c>
      <c r="DA24" s="110">
        <v>0</v>
      </c>
      <c r="DB24" s="114">
        <v>4828801</v>
      </c>
      <c r="DC24" s="114">
        <v>6341719</v>
      </c>
      <c r="DD24" s="114">
        <v>4642698</v>
      </c>
      <c r="DE24" s="114">
        <v>2767782</v>
      </c>
      <c r="DF24" s="114">
        <v>1244434</v>
      </c>
      <c r="DG24" s="113">
        <v>19825434</v>
      </c>
      <c r="DH24" s="116">
        <v>23440953</v>
      </c>
      <c r="DI24" s="110">
        <v>0</v>
      </c>
      <c r="DJ24" s="114">
        <v>91098</v>
      </c>
      <c r="DK24" s="112">
        <v>91098</v>
      </c>
      <c r="DL24" s="111">
        <v>0</v>
      </c>
      <c r="DM24" s="114">
        <v>1230209</v>
      </c>
      <c r="DN24" s="114">
        <v>3701258</v>
      </c>
      <c r="DO24" s="114">
        <v>5016509</v>
      </c>
      <c r="DP24" s="114">
        <v>2482889</v>
      </c>
      <c r="DQ24" s="114">
        <v>2223096</v>
      </c>
      <c r="DR24" s="113">
        <v>14653961</v>
      </c>
      <c r="DS24" s="116">
        <v>14745059</v>
      </c>
      <c r="DT24" s="110">
        <v>0</v>
      </c>
      <c r="DU24" s="114">
        <v>62141</v>
      </c>
      <c r="DV24" s="113">
        <v>62141</v>
      </c>
      <c r="DW24" s="110">
        <v>0</v>
      </c>
      <c r="DX24" s="114">
        <v>1068396</v>
      </c>
      <c r="DY24" s="114">
        <v>2928822</v>
      </c>
      <c r="DZ24" s="114">
        <v>4542538</v>
      </c>
      <c r="EA24" s="114">
        <v>1535042</v>
      </c>
      <c r="EB24" s="114">
        <v>1621981</v>
      </c>
      <c r="EC24" s="113">
        <v>11696779</v>
      </c>
      <c r="ED24" s="116">
        <v>11758920</v>
      </c>
      <c r="EE24" s="110">
        <v>0</v>
      </c>
      <c r="EF24" s="112">
        <v>28957</v>
      </c>
      <c r="EG24" s="113">
        <v>28957</v>
      </c>
      <c r="EH24" s="110">
        <v>0</v>
      </c>
      <c r="EI24" s="114">
        <v>161813</v>
      </c>
      <c r="EJ24" s="114">
        <v>772436</v>
      </c>
      <c r="EK24" s="114">
        <v>473971</v>
      </c>
      <c r="EL24" s="114">
        <v>947847</v>
      </c>
      <c r="EM24" s="114">
        <v>601115</v>
      </c>
      <c r="EN24" s="112">
        <v>2957182</v>
      </c>
      <c r="EO24" s="116">
        <v>2986139</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1357687</v>
      </c>
      <c r="FM24" s="114">
        <v>1931372</v>
      </c>
      <c r="FN24" s="113">
        <v>3289059</v>
      </c>
      <c r="FO24" s="110">
        <v>0</v>
      </c>
      <c r="FP24" s="114">
        <v>3899634</v>
      </c>
      <c r="FQ24" s="114">
        <v>6430588</v>
      </c>
      <c r="FR24" s="114">
        <v>4726488</v>
      </c>
      <c r="FS24" s="114">
        <v>3738633</v>
      </c>
      <c r="FT24" s="114">
        <v>3559359</v>
      </c>
      <c r="FU24" s="113">
        <v>22354702</v>
      </c>
      <c r="FV24" s="116">
        <v>25643761</v>
      </c>
      <c r="FW24" s="115">
        <v>687469</v>
      </c>
      <c r="FX24" s="114">
        <v>1372408</v>
      </c>
      <c r="FY24" s="112">
        <v>2059877</v>
      </c>
      <c r="FZ24" s="111">
        <v>0</v>
      </c>
      <c r="GA24" s="114">
        <v>3294068</v>
      </c>
      <c r="GB24" s="114">
        <v>6056364</v>
      </c>
      <c r="GC24" s="114">
        <v>4519307</v>
      </c>
      <c r="GD24" s="114">
        <v>3512874</v>
      </c>
      <c r="GE24" s="114">
        <v>3428217</v>
      </c>
      <c r="GF24" s="113">
        <v>20810830</v>
      </c>
      <c r="GG24" s="318">
        <v>22870707</v>
      </c>
      <c r="GH24" s="115">
        <v>46710</v>
      </c>
      <c r="GI24" s="114">
        <v>13200</v>
      </c>
      <c r="GJ24" s="112">
        <v>59910</v>
      </c>
      <c r="GK24" s="111">
        <v>0</v>
      </c>
      <c r="GL24" s="114">
        <v>124030</v>
      </c>
      <c r="GM24" s="114">
        <v>298017</v>
      </c>
      <c r="GN24" s="114">
        <v>104292</v>
      </c>
      <c r="GO24" s="114">
        <v>49539</v>
      </c>
      <c r="GP24" s="114">
        <v>131142</v>
      </c>
      <c r="GQ24" s="113">
        <v>707020</v>
      </c>
      <c r="GR24" s="116">
        <v>766930</v>
      </c>
      <c r="GS24" s="110">
        <v>623508</v>
      </c>
      <c r="GT24" s="114">
        <v>545764</v>
      </c>
      <c r="GU24" s="113">
        <v>1169272</v>
      </c>
      <c r="GV24" s="110">
        <v>0</v>
      </c>
      <c r="GW24" s="114">
        <v>481536</v>
      </c>
      <c r="GX24" s="114">
        <v>76207</v>
      </c>
      <c r="GY24" s="114">
        <v>102889</v>
      </c>
      <c r="GZ24" s="114">
        <v>176220</v>
      </c>
      <c r="HA24" s="114">
        <v>0</v>
      </c>
      <c r="HB24" s="112">
        <v>836852</v>
      </c>
      <c r="HC24" s="116">
        <v>2006124</v>
      </c>
      <c r="HD24" s="110">
        <v>840681</v>
      </c>
      <c r="HE24" s="114">
        <v>1201192</v>
      </c>
      <c r="HF24" s="112">
        <v>2041873</v>
      </c>
      <c r="HG24" s="111">
        <v>0</v>
      </c>
      <c r="HH24" s="114">
        <v>10421328</v>
      </c>
      <c r="HI24" s="114">
        <v>10225119</v>
      </c>
      <c r="HJ24" s="114">
        <v>9665653</v>
      </c>
      <c r="HK24" s="114">
        <v>10044906</v>
      </c>
      <c r="HL24" s="114">
        <v>6426755</v>
      </c>
      <c r="HM24" s="113">
        <v>46783761</v>
      </c>
      <c r="HN24" s="109">
        <v>48825634</v>
      </c>
      <c r="HO24" s="115">
        <v>811304</v>
      </c>
      <c r="HP24" s="114">
        <v>1383082</v>
      </c>
      <c r="HQ24" s="113">
        <v>2194386</v>
      </c>
      <c r="HR24" s="110">
        <v>0</v>
      </c>
      <c r="HS24" s="114">
        <v>10234949</v>
      </c>
      <c r="HT24" s="114">
        <v>8517435</v>
      </c>
      <c r="HU24" s="114">
        <v>5526853</v>
      </c>
      <c r="HV24" s="114">
        <v>3292561</v>
      </c>
      <c r="HW24" s="114">
        <v>2184665</v>
      </c>
      <c r="HX24" s="112">
        <v>29756463</v>
      </c>
      <c r="HY24" s="116">
        <v>31950849</v>
      </c>
      <c r="HZ24" s="150">
        <v>50864</v>
      </c>
      <c r="IA24" s="135">
        <v>197219</v>
      </c>
      <c r="IB24" s="150">
        <v>248083</v>
      </c>
      <c r="IC24" s="134">
        <v>0</v>
      </c>
      <c r="ID24" s="135">
        <v>14226723</v>
      </c>
      <c r="IE24" s="136">
        <v>22249090</v>
      </c>
      <c r="IF24" s="137">
        <v>20557178</v>
      </c>
      <c r="IG24" s="135">
        <v>13451903</v>
      </c>
      <c r="IH24" s="137">
        <v>15901601</v>
      </c>
      <c r="II24" s="138">
        <v>86386495</v>
      </c>
      <c r="IJ24" s="150">
        <v>86634578</v>
      </c>
      <c r="IK24" s="232">
        <v>0</v>
      </c>
      <c r="IL24" s="236">
        <v>0</v>
      </c>
      <c r="IM24" s="237">
        <v>0</v>
      </c>
      <c r="IN24" s="140"/>
      <c r="IO24" s="119">
        <v>1036117</v>
      </c>
      <c r="IP24" s="119">
        <v>1281520</v>
      </c>
      <c r="IQ24" s="119">
        <v>405893</v>
      </c>
      <c r="IR24" s="119">
        <v>593386</v>
      </c>
      <c r="IS24" s="119">
        <v>1585203</v>
      </c>
      <c r="IT24" s="141">
        <v>4902119</v>
      </c>
      <c r="IU24" s="320">
        <v>4902119</v>
      </c>
      <c r="IV24" s="142">
        <v>0</v>
      </c>
      <c r="IW24" s="119">
        <v>0</v>
      </c>
      <c r="IX24" s="120">
        <v>0</v>
      </c>
      <c r="IY24" s="144"/>
      <c r="IZ24" s="119">
        <v>11459</v>
      </c>
      <c r="JA24" s="119">
        <v>42033</v>
      </c>
      <c r="JB24" s="119">
        <v>24614</v>
      </c>
      <c r="JC24" s="119">
        <v>80828</v>
      </c>
      <c r="JD24" s="119">
        <v>63249</v>
      </c>
      <c r="JE24" s="120">
        <v>222183</v>
      </c>
      <c r="JF24" s="121">
        <v>222183</v>
      </c>
      <c r="JG24" s="142">
        <v>0</v>
      </c>
      <c r="JH24" s="119">
        <v>0</v>
      </c>
      <c r="JI24" s="141">
        <v>0</v>
      </c>
      <c r="JJ24" s="118">
        <v>0</v>
      </c>
      <c r="JK24" s="119">
        <v>5905327</v>
      </c>
      <c r="JL24" s="119">
        <v>6084116</v>
      </c>
      <c r="JM24" s="119">
        <v>4032979</v>
      </c>
      <c r="JN24" s="119">
        <v>3073423</v>
      </c>
      <c r="JO24" s="119">
        <v>1483801</v>
      </c>
      <c r="JP24" s="120">
        <v>20579646</v>
      </c>
      <c r="JQ24" s="320">
        <v>20579646</v>
      </c>
      <c r="JR24" s="142">
        <v>0</v>
      </c>
      <c r="JS24" s="119">
        <v>0</v>
      </c>
      <c r="JT24" s="141">
        <v>0</v>
      </c>
      <c r="JU24" s="118">
        <v>0</v>
      </c>
      <c r="JV24" s="119">
        <v>1183997</v>
      </c>
      <c r="JW24" s="119">
        <v>1755007</v>
      </c>
      <c r="JX24" s="119">
        <v>2000631</v>
      </c>
      <c r="JY24" s="119">
        <v>345358</v>
      </c>
      <c r="JZ24" s="119">
        <v>161782</v>
      </c>
      <c r="KA24" s="120">
        <v>5446775</v>
      </c>
      <c r="KB24" s="320">
        <v>5446775</v>
      </c>
      <c r="KC24" s="234">
        <v>50864</v>
      </c>
      <c r="KD24" s="230">
        <v>197219</v>
      </c>
      <c r="KE24" s="120">
        <v>248083</v>
      </c>
      <c r="KF24" s="118">
        <v>0</v>
      </c>
      <c r="KG24" s="119">
        <v>3058985</v>
      </c>
      <c r="KH24" s="119">
        <v>6400195</v>
      </c>
      <c r="KI24" s="119">
        <v>5933401</v>
      </c>
      <c r="KJ24" s="119">
        <v>3773597</v>
      </c>
      <c r="KK24" s="119">
        <v>4416631</v>
      </c>
      <c r="KL24" s="120">
        <v>23582809</v>
      </c>
      <c r="KM24" s="143">
        <v>23830892</v>
      </c>
      <c r="KN24" s="232">
        <v>0</v>
      </c>
      <c r="KO24" s="236">
        <v>0</v>
      </c>
      <c r="KP24" s="237">
        <v>0</v>
      </c>
      <c r="KQ24" s="140"/>
      <c r="KR24" s="119">
        <v>2732592</v>
      </c>
      <c r="KS24" s="119">
        <v>6208716</v>
      </c>
      <c r="KT24" s="119">
        <v>7325641</v>
      </c>
      <c r="KU24" s="119">
        <v>4965313</v>
      </c>
      <c r="KV24" s="119">
        <v>4552758</v>
      </c>
      <c r="KW24" s="120">
        <v>25785020</v>
      </c>
      <c r="KX24" s="320">
        <v>25785020</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298246</v>
      </c>
      <c r="LZ24" s="119">
        <v>477503</v>
      </c>
      <c r="MA24" s="119">
        <v>834019</v>
      </c>
      <c r="MB24" s="119">
        <v>619998</v>
      </c>
      <c r="MC24" s="119">
        <v>3638177</v>
      </c>
      <c r="MD24" s="120">
        <v>5867943</v>
      </c>
      <c r="ME24" s="121">
        <v>5867943</v>
      </c>
      <c r="MF24" s="142">
        <v>0</v>
      </c>
      <c r="MG24" s="119">
        <v>0</v>
      </c>
      <c r="MH24" s="120">
        <v>0</v>
      </c>
      <c r="MI24" s="145"/>
      <c r="MJ24" s="119">
        <v>4213711</v>
      </c>
      <c r="MK24" s="119">
        <v>13772285</v>
      </c>
      <c r="ML24" s="119">
        <v>49500511</v>
      </c>
      <c r="MM24" s="119">
        <v>51074902</v>
      </c>
      <c r="MN24" s="119">
        <v>35277605</v>
      </c>
      <c r="MO24" s="120">
        <v>153839014</v>
      </c>
      <c r="MP24" s="143">
        <v>153839014</v>
      </c>
      <c r="MQ24" s="142">
        <v>0</v>
      </c>
      <c r="MR24" s="119">
        <v>0</v>
      </c>
      <c r="MS24" s="120">
        <v>0</v>
      </c>
      <c r="MT24" s="145"/>
      <c r="MU24" s="119">
        <v>0</v>
      </c>
      <c r="MV24" s="119">
        <v>1531675</v>
      </c>
      <c r="MW24" s="119">
        <v>27889855</v>
      </c>
      <c r="MX24" s="119">
        <v>34735747</v>
      </c>
      <c r="MY24" s="119">
        <v>24577372</v>
      </c>
      <c r="MZ24" s="120">
        <v>88734649</v>
      </c>
      <c r="NA24" s="143">
        <v>88734649</v>
      </c>
      <c r="NB24" s="142">
        <v>0</v>
      </c>
      <c r="NC24" s="119">
        <v>0</v>
      </c>
      <c r="ND24" s="120">
        <v>0</v>
      </c>
      <c r="NE24" s="145"/>
      <c r="NF24" s="119">
        <v>4213711</v>
      </c>
      <c r="NG24" s="119">
        <v>12240610</v>
      </c>
      <c r="NH24" s="119">
        <v>21610656</v>
      </c>
      <c r="NI24" s="119">
        <v>14870168</v>
      </c>
      <c r="NJ24" s="119">
        <v>8631641</v>
      </c>
      <c r="NK24" s="120">
        <v>61566786</v>
      </c>
      <c r="NL24" s="320">
        <v>61566786</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1468987</v>
      </c>
      <c r="OF24" s="119">
        <v>2068592</v>
      </c>
      <c r="OG24" s="120">
        <v>3537579</v>
      </c>
      <c r="OH24" s="121">
        <v>3537579</v>
      </c>
      <c r="OI24" s="142">
        <v>5021343</v>
      </c>
      <c r="OJ24" s="119">
        <v>9394700</v>
      </c>
      <c r="OK24" s="141">
        <v>14416043</v>
      </c>
      <c r="OL24" s="118">
        <v>0</v>
      </c>
      <c r="OM24" s="119">
        <v>75212616</v>
      </c>
      <c r="ON24" s="119">
        <v>106287543</v>
      </c>
      <c r="OO24" s="119">
        <v>126888318</v>
      </c>
      <c r="OP24" s="119">
        <v>110543553</v>
      </c>
      <c r="OQ24" s="119">
        <v>86918067</v>
      </c>
      <c r="OR24" s="120">
        <v>505850097</v>
      </c>
      <c r="OS24" s="143">
        <v>520266140</v>
      </c>
    </row>
    <row r="25" spans="2:409" ht="21" customHeight="1" x14ac:dyDescent="0.2">
      <c r="B25" s="62" t="s">
        <v>20</v>
      </c>
      <c r="C25" s="110">
        <v>5104057</v>
      </c>
      <c r="D25" s="114">
        <v>10892518</v>
      </c>
      <c r="E25" s="113">
        <v>15996575</v>
      </c>
      <c r="F25" s="110">
        <v>0</v>
      </c>
      <c r="G25" s="114">
        <v>81844285</v>
      </c>
      <c r="H25" s="114">
        <v>73850931</v>
      </c>
      <c r="I25" s="114">
        <v>74982476</v>
      </c>
      <c r="J25" s="114">
        <v>64111785</v>
      </c>
      <c r="K25" s="114">
        <v>34578425</v>
      </c>
      <c r="L25" s="173">
        <v>329367902</v>
      </c>
      <c r="M25" s="116">
        <v>345364477</v>
      </c>
      <c r="N25" s="110">
        <v>1719047</v>
      </c>
      <c r="O25" s="114">
        <v>3494805</v>
      </c>
      <c r="P25" s="113">
        <v>5213852</v>
      </c>
      <c r="Q25" s="110">
        <v>0</v>
      </c>
      <c r="R25" s="114">
        <v>24500174</v>
      </c>
      <c r="S25" s="114">
        <v>20768682</v>
      </c>
      <c r="T25" s="114">
        <v>23881447</v>
      </c>
      <c r="U25" s="114">
        <v>23082425</v>
      </c>
      <c r="V25" s="114">
        <v>16591716</v>
      </c>
      <c r="W25" s="113">
        <v>108824444</v>
      </c>
      <c r="X25" s="116">
        <v>114038296</v>
      </c>
      <c r="Y25" s="110">
        <v>0</v>
      </c>
      <c r="Z25" s="114">
        <v>0</v>
      </c>
      <c r="AA25" s="113">
        <v>0</v>
      </c>
      <c r="AB25" s="110">
        <v>0</v>
      </c>
      <c r="AC25" s="114">
        <v>10041277</v>
      </c>
      <c r="AD25" s="114">
        <v>7663715</v>
      </c>
      <c r="AE25" s="114">
        <v>13584283</v>
      </c>
      <c r="AF25" s="114">
        <v>12798691</v>
      </c>
      <c r="AG25" s="114">
        <v>9177193</v>
      </c>
      <c r="AH25" s="113">
        <v>53265159</v>
      </c>
      <c r="AI25" s="116">
        <v>53265159</v>
      </c>
      <c r="AJ25" s="110">
        <v>0</v>
      </c>
      <c r="AK25" s="114">
        <v>0</v>
      </c>
      <c r="AL25" s="113">
        <v>0</v>
      </c>
      <c r="AM25" s="110">
        <v>0</v>
      </c>
      <c r="AN25" s="114">
        <v>37419</v>
      </c>
      <c r="AO25" s="114">
        <v>230118</v>
      </c>
      <c r="AP25" s="114">
        <v>665612</v>
      </c>
      <c r="AQ25" s="114">
        <v>1453163</v>
      </c>
      <c r="AR25" s="114">
        <v>2387692</v>
      </c>
      <c r="AS25" s="113">
        <v>4774004</v>
      </c>
      <c r="AT25" s="116">
        <v>4774004</v>
      </c>
      <c r="AU25" s="110">
        <v>1005305</v>
      </c>
      <c r="AV25" s="114">
        <v>2123100</v>
      </c>
      <c r="AW25" s="113">
        <v>3128405</v>
      </c>
      <c r="AX25" s="110">
        <v>0</v>
      </c>
      <c r="AY25" s="114">
        <v>8820438</v>
      </c>
      <c r="AZ25" s="114">
        <v>7568891</v>
      </c>
      <c r="BA25" s="114">
        <v>4742139</v>
      </c>
      <c r="BB25" s="114">
        <v>4272853</v>
      </c>
      <c r="BC25" s="114">
        <v>2843845</v>
      </c>
      <c r="BD25" s="113">
        <v>28248166</v>
      </c>
      <c r="BE25" s="116">
        <v>31376571</v>
      </c>
      <c r="BF25" s="110">
        <v>276858</v>
      </c>
      <c r="BG25" s="114">
        <v>988676</v>
      </c>
      <c r="BH25" s="112">
        <v>1265534</v>
      </c>
      <c r="BI25" s="111">
        <v>0</v>
      </c>
      <c r="BJ25" s="114">
        <v>2008207</v>
      </c>
      <c r="BK25" s="114">
        <v>2261806</v>
      </c>
      <c r="BL25" s="114">
        <v>1199403</v>
      </c>
      <c r="BM25" s="114">
        <v>1214767</v>
      </c>
      <c r="BN25" s="114">
        <v>272820</v>
      </c>
      <c r="BO25" s="113">
        <v>6957003</v>
      </c>
      <c r="BP25" s="116">
        <v>8222537</v>
      </c>
      <c r="BQ25" s="110">
        <v>436884</v>
      </c>
      <c r="BR25" s="114">
        <v>383029</v>
      </c>
      <c r="BS25" s="113">
        <v>819913</v>
      </c>
      <c r="BT25" s="110">
        <v>0</v>
      </c>
      <c r="BU25" s="114">
        <v>3592833</v>
      </c>
      <c r="BV25" s="114">
        <v>3044152</v>
      </c>
      <c r="BW25" s="114">
        <v>3690010</v>
      </c>
      <c r="BX25" s="114">
        <v>3342951</v>
      </c>
      <c r="BY25" s="114">
        <v>1910166</v>
      </c>
      <c r="BZ25" s="113">
        <v>15580112</v>
      </c>
      <c r="CA25" s="116">
        <v>16400025</v>
      </c>
      <c r="CB25" s="110">
        <v>403570</v>
      </c>
      <c r="CC25" s="114">
        <v>1317175</v>
      </c>
      <c r="CD25" s="113">
        <v>1720745</v>
      </c>
      <c r="CE25" s="110">
        <v>0</v>
      </c>
      <c r="CF25" s="114">
        <v>23469054</v>
      </c>
      <c r="CG25" s="114">
        <v>23324787</v>
      </c>
      <c r="CH25" s="114">
        <v>17633189</v>
      </c>
      <c r="CI25" s="114">
        <v>12105200</v>
      </c>
      <c r="CJ25" s="114">
        <v>3947953</v>
      </c>
      <c r="CK25" s="113">
        <v>80480183</v>
      </c>
      <c r="CL25" s="116">
        <v>82200928</v>
      </c>
      <c r="CM25" s="110">
        <v>0</v>
      </c>
      <c r="CN25" s="114">
        <v>0</v>
      </c>
      <c r="CO25" s="113">
        <v>0</v>
      </c>
      <c r="CP25" s="111">
        <v>0</v>
      </c>
      <c r="CQ25" s="114">
        <v>16104620</v>
      </c>
      <c r="CR25" s="114">
        <v>15625769</v>
      </c>
      <c r="CS25" s="114">
        <v>12800384</v>
      </c>
      <c r="CT25" s="114">
        <v>8641206</v>
      </c>
      <c r="CU25" s="114">
        <v>3055773</v>
      </c>
      <c r="CV25" s="113">
        <v>56227752</v>
      </c>
      <c r="CW25" s="116">
        <v>56227752</v>
      </c>
      <c r="CX25" s="110">
        <v>403570</v>
      </c>
      <c r="CY25" s="114">
        <v>1317175</v>
      </c>
      <c r="CZ25" s="113">
        <v>1720745</v>
      </c>
      <c r="DA25" s="110">
        <v>0</v>
      </c>
      <c r="DB25" s="114">
        <v>7364434</v>
      </c>
      <c r="DC25" s="114">
        <v>7699018</v>
      </c>
      <c r="DD25" s="114">
        <v>4832805</v>
      </c>
      <c r="DE25" s="114">
        <v>3463994</v>
      </c>
      <c r="DF25" s="114">
        <v>892180</v>
      </c>
      <c r="DG25" s="113">
        <v>24252431</v>
      </c>
      <c r="DH25" s="116">
        <v>25973176</v>
      </c>
      <c r="DI25" s="110">
        <v>0</v>
      </c>
      <c r="DJ25" s="114">
        <v>184537</v>
      </c>
      <c r="DK25" s="112">
        <v>184537</v>
      </c>
      <c r="DL25" s="111">
        <v>0</v>
      </c>
      <c r="DM25" s="114">
        <v>3250718</v>
      </c>
      <c r="DN25" s="114">
        <v>4525586</v>
      </c>
      <c r="DO25" s="114">
        <v>9565405</v>
      </c>
      <c r="DP25" s="114">
        <v>8038963</v>
      </c>
      <c r="DQ25" s="114">
        <v>2267405</v>
      </c>
      <c r="DR25" s="113">
        <v>27648077</v>
      </c>
      <c r="DS25" s="116">
        <v>27832614</v>
      </c>
      <c r="DT25" s="110">
        <v>0</v>
      </c>
      <c r="DU25" s="114">
        <v>184537</v>
      </c>
      <c r="DV25" s="113">
        <v>184537</v>
      </c>
      <c r="DW25" s="110">
        <v>0</v>
      </c>
      <c r="DX25" s="114">
        <v>3054287</v>
      </c>
      <c r="DY25" s="114">
        <v>4196350</v>
      </c>
      <c r="DZ25" s="114">
        <v>9157016</v>
      </c>
      <c r="EA25" s="114">
        <v>7557728</v>
      </c>
      <c r="EB25" s="114">
        <v>1939363</v>
      </c>
      <c r="EC25" s="113">
        <v>25904744</v>
      </c>
      <c r="ED25" s="116">
        <v>26089281</v>
      </c>
      <c r="EE25" s="110">
        <v>0</v>
      </c>
      <c r="EF25" s="112">
        <v>0</v>
      </c>
      <c r="EG25" s="113">
        <v>0</v>
      </c>
      <c r="EH25" s="110">
        <v>0</v>
      </c>
      <c r="EI25" s="114">
        <v>196431</v>
      </c>
      <c r="EJ25" s="114">
        <v>329236</v>
      </c>
      <c r="EK25" s="114">
        <v>408389</v>
      </c>
      <c r="EL25" s="114">
        <v>481235</v>
      </c>
      <c r="EM25" s="114">
        <v>328042</v>
      </c>
      <c r="EN25" s="112">
        <v>1743333</v>
      </c>
      <c r="EO25" s="116">
        <v>1743333</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1309016</v>
      </c>
      <c r="FM25" s="114">
        <v>2801437</v>
      </c>
      <c r="FN25" s="113">
        <v>4110453</v>
      </c>
      <c r="FO25" s="110">
        <v>0</v>
      </c>
      <c r="FP25" s="114">
        <v>6058125</v>
      </c>
      <c r="FQ25" s="114">
        <v>7519288</v>
      </c>
      <c r="FR25" s="114">
        <v>5970106</v>
      </c>
      <c r="FS25" s="114">
        <v>5580464</v>
      </c>
      <c r="FT25" s="114">
        <v>2962333</v>
      </c>
      <c r="FU25" s="113">
        <v>28090316</v>
      </c>
      <c r="FV25" s="116">
        <v>32200769</v>
      </c>
      <c r="FW25" s="115">
        <v>649386</v>
      </c>
      <c r="FX25" s="114">
        <v>1976542</v>
      </c>
      <c r="FY25" s="112">
        <v>2625928</v>
      </c>
      <c r="FZ25" s="111">
        <v>0</v>
      </c>
      <c r="GA25" s="114">
        <v>4734361</v>
      </c>
      <c r="GB25" s="114">
        <v>6594420</v>
      </c>
      <c r="GC25" s="114">
        <v>5283500</v>
      </c>
      <c r="GD25" s="114">
        <v>5029394</v>
      </c>
      <c r="GE25" s="114">
        <v>2874073</v>
      </c>
      <c r="GF25" s="113">
        <v>24515748</v>
      </c>
      <c r="GG25" s="318">
        <v>27141676</v>
      </c>
      <c r="GH25" s="115">
        <v>87930</v>
      </c>
      <c r="GI25" s="114">
        <v>197640</v>
      </c>
      <c r="GJ25" s="112">
        <v>285570</v>
      </c>
      <c r="GK25" s="111">
        <v>0</v>
      </c>
      <c r="GL25" s="114">
        <v>423675</v>
      </c>
      <c r="GM25" s="114">
        <v>68208</v>
      </c>
      <c r="GN25" s="114">
        <v>198096</v>
      </c>
      <c r="GO25" s="114">
        <v>251370</v>
      </c>
      <c r="GP25" s="114">
        <v>88260</v>
      </c>
      <c r="GQ25" s="113">
        <v>1029609</v>
      </c>
      <c r="GR25" s="116">
        <v>1315179</v>
      </c>
      <c r="GS25" s="110">
        <v>571700</v>
      </c>
      <c r="GT25" s="114">
        <v>627255</v>
      </c>
      <c r="GU25" s="113">
        <v>1198955</v>
      </c>
      <c r="GV25" s="110">
        <v>0</v>
      </c>
      <c r="GW25" s="114">
        <v>900089</v>
      </c>
      <c r="GX25" s="114">
        <v>856660</v>
      </c>
      <c r="GY25" s="114">
        <v>488510</v>
      </c>
      <c r="GZ25" s="114">
        <v>299700</v>
      </c>
      <c r="HA25" s="114">
        <v>0</v>
      </c>
      <c r="HB25" s="112">
        <v>2544959</v>
      </c>
      <c r="HC25" s="116">
        <v>3743914</v>
      </c>
      <c r="HD25" s="110">
        <v>750886</v>
      </c>
      <c r="HE25" s="114">
        <v>1085395</v>
      </c>
      <c r="HF25" s="112">
        <v>1836281</v>
      </c>
      <c r="HG25" s="111">
        <v>0</v>
      </c>
      <c r="HH25" s="114">
        <v>11008271</v>
      </c>
      <c r="HI25" s="114">
        <v>9410506</v>
      </c>
      <c r="HJ25" s="114">
        <v>11352029</v>
      </c>
      <c r="HK25" s="114">
        <v>10953003</v>
      </c>
      <c r="HL25" s="114">
        <v>7042281</v>
      </c>
      <c r="HM25" s="113">
        <v>49766090</v>
      </c>
      <c r="HN25" s="109">
        <v>51602371</v>
      </c>
      <c r="HO25" s="115">
        <v>921538</v>
      </c>
      <c r="HP25" s="114">
        <v>2009169</v>
      </c>
      <c r="HQ25" s="113">
        <v>2930707</v>
      </c>
      <c r="HR25" s="110">
        <v>0</v>
      </c>
      <c r="HS25" s="114">
        <v>13557943</v>
      </c>
      <c r="HT25" s="114">
        <v>8302082</v>
      </c>
      <c r="HU25" s="114">
        <v>6580300</v>
      </c>
      <c r="HV25" s="114">
        <v>4351730</v>
      </c>
      <c r="HW25" s="114">
        <v>1766737</v>
      </c>
      <c r="HX25" s="112">
        <v>34558792</v>
      </c>
      <c r="HY25" s="116">
        <v>37489499</v>
      </c>
      <c r="HZ25" s="131">
        <v>41234</v>
      </c>
      <c r="IA25" s="132">
        <v>64157</v>
      </c>
      <c r="IB25" s="133">
        <v>105391</v>
      </c>
      <c r="IC25" s="146">
        <v>0</v>
      </c>
      <c r="ID25" s="132">
        <v>14314508</v>
      </c>
      <c r="IE25" s="147">
        <v>12788544</v>
      </c>
      <c r="IF25" s="133">
        <v>18045866</v>
      </c>
      <c r="IG25" s="132">
        <v>10265314</v>
      </c>
      <c r="IH25" s="133">
        <v>5273352</v>
      </c>
      <c r="II25" s="148">
        <v>60687584</v>
      </c>
      <c r="IJ25" s="139">
        <v>60792975</v>
      </c>
      <c r="IK25" s="232">
        <v>0</v>
      </c>
      <c r="IL25" s="236">
        <v>0</v>
      </c>
      <c r="IM25" s="237">
        <v>0</v>
      </c>
      <c r="IN25" s="140"/>
      <c r="IO25" s="119">
        <v>88369</v>
      </c>
      <c r="IP25" s="119">
        <v>87345</v>
      </c>
      <c r="IQ25" s="119">
        <v>0</v>
      </c>
      <c r="IR25" s="119">
        <v>0</v>
      </c>
      <c r="IS25" s="119">
        <v>556705</v>
      </c>
      <c r="IT25" s="141">
        <v>732419</v>
      </c>
      <c r="IU25" s="320">
        <v>732419</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7432730</v>
      </c>
      <c r="JL25" s="119">
        <v>4650358</v>
      </c>
      <c r="JM25" s="119">
        <v>4678931</v>
      </c>
      <c r="JN25" s="119">
        <v>2272827</v>
      </c>
      <c r="JO25" s="119">
        <v>169864</v>
      </c>
      <c r="JP25" s="120">
        <v>19204710</v>
      </c>
      <c r="JQ25" s="320">
        <v>19204710</v>
      </c>
      <c r="JR25" s="142">
        <v>0</v>
      </c>
      <c r="JS25" s="119">
        <v>0</v>
      </c>
      <c r="JT25" s="141">
        <v>0</v>
      </c>
      <c r="JU25" s="118">
        <v>0</v>
      </c>
      <c r="JV25" s="119">
        <v>20580</v>
      </c>
      <c r="JW25" s="119">
        <v>332674</v>
      </c>
      <c r="JX25" s="119">
        <v>443906</v>
      </c>
      <c r="JY25" s="119">
        <v>0</v>
      </c>
      <c r="JZ25" s="119">
        <v>387391</v>
      </c>
      <c r="KA25" s="120">
        <v>1184551</v>
      </c>
      <c r="KB25" s="320">
        <v>1184551</v>
      </c>
      <c r="KC25" s="234">
        <v>41234</v>
      </c>
      <c r="KD25" s="230">
        <v>64157</v>
      </c>
      <c r="KE25" s="120">
        <v>105391</v>
      </c>
      <c r="KF25" s="118">
        <v>0</v>
      </c>
      <c r="KG25" s="119">
        <v>2148043</v>
      </c>
      <c r="KH25" s="119">
        <v>2216866</v>
      </c>
      <c r="KI25" s="119">
        <v>2634211</v>
      </c>
      <c r="KJ25" s="119">
        <v>1139657</v>
      </c>
      <c r="KK25" s="119">
        <v>310739</v>
      </c>
      <c r="KL25" s="120">
        <v>8449516</v>
      </c>
      <c r="KM25" s="143">
        <v>8554907</v>
      </c>
      <c r="KN25" s="232">
        <v>0</v>
      </c>
      <c r="KO25" s="236">
        <v>0</v>
      </c>
      <c r="KP25" s="237">
        <v>0</v>
      </c>
      <c r="KQ25" s="140"/>
      <c r="KR25" s="119">
        <v>4624786</v>
      </c>
      <c r="KS25" s="119">
        <v>5501301</v>
      </c>
      <c r="KT25" s="119">
        <v>10288818</v>
      </c>
      <c r="KU25" s="119">
        <v>6852830</v>
      </c>
      <c r="KV25" s="119">
        <v>3848653</v>
      </c>
      <c r="KW25" s="120">
        <v>31116388</v>
      </c>
      <c r="KX25" s="320">
        <v>31116388</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3503301</v>
      </c>
      <c r="MK25" s="119">
        <v>18338532</v>
      </c>
      <c r="ML25" s="119">
        <v>44639890</v>
      </c>
      <c r="MM25" s="119">
        <v>64960408</v>
      </c>
      <c r="MN25" s="119">
        <v>37257754</v>
      </c>
      <c r="MO25" s="120">
        <v>168699885</v>
      </c>
      <c r="MP25" s="143">
        <v>168699885</v>
      </c>
      <c r="MQ25" s="142">
        <v>0</v>
      </c>
      <c r="MR25" s="119">
        <v>0</v>
      </c>
      <c r="MS25" s="120">
        <v>0</v>
      </c>
      <c r="MT25" s="145"/>
      <c r="MU25" s="119">
        <v>582382</v>
      </c>
      <c r="MV25" s="119">
        <v>6864286</v>
      </c>
      <c r="MW25" s="119">
        <v>32870293</v>
      </c>
      <c r="MX25" s="119">
        <v>50655396</v>
      </c>
      <c r="MY25" s="119">
        <v>29085763</v>
      </c>
      <c r="MZ25" s="120">
        <v>120058120</v>
      </c>
      <c r="NA25" s="143">
        <v>120058120</v>
      </c>
      <c r="NB25" s="142">
        <v>0</v>
      </c>
      <c r="NC25" s="119">
        <v>0</v>
      </c>
      <c r="ND25" s="120">
        <v>0</v>
      </c>
      <c r="NE25" s="145"/>
      <c r="NF25" s="119">
        <v>2920919</v>
      </c>
      <c r="NG25" s="119">
        <v>11474246</v>
      </c>
      <c r="NH25" s="119">
        <v>11769597</v>
      </c>
      <c r="NI25" s="119">
        <v>13582062</v>
      </c>
      <c r="NJ25" s="119">
        <v>6297328</v>
      </c>
      <c r="NK25" s="120">
        <v>46044152</v>
      </c>
      <c r="NL25" s="320">
        <v>46044152</v>
      </c>
      <c r="NM25" s="142">
        <v>0</v>
      </c>
      <c r="NN25" s="119">
        <v>0</v>
      </c>
      <c r="NO25" s="120">
        <v>0</v>
      </c>
      <c r="NP25" s="145"/>
      <c r="NQ25" s="119">
        <v>0</v>
      </c>
      <c r="NR25" s="119">
        <v>0</v>
      </c>
      <c r="NS25" s="119">
        <v>0</v>
      </c>
      <c r="NT25" s="119">
        <v>297216</v>
      </c>
      <c r="NU25" s="119">
        <v>0</v>
      </c>
      <c r="NV25" s="120">
        <v>297216</v>
      </c>
      <c r="NW25" s="121">
        <v>297216</v>
      </c>
      <c r="NX25" s="142">
        <v>0</v>
      </c>
      <c r="NY25" s="119">
        <v>0</v>
      </c>
      <c r="NZ25" s="120">
        <v>0</v>
      </c>
      <c r="OA25" s="145"/>
      <c r="OB25" s="119">
        <v>0</v>
      </c>
      <c r="OC25" s="119">
        <v>0</v>
      </c>
      <c r="OD25" s="119">
        <v>0</v>
      </c>
      <c r="OE25" s="119">
        <v>425734</v>
      </c>
      <c r="OF25" s="119">
        <v>1874663</v>
      </c>
      <c r="OG25" s="120">
        <v>2300397</v>
      </c>
      <c r="OH25" s="121">
        <v>2300397</v>
      </c>
      <c r="OI25" s="142">
        <v>5145291</v>
      </c>
      <c r="OJ25" s="119">
        <v>10956675</v>
      </c>
      <c r="OK25" s="141">
        <v>16101966</v>
      </c>
      <c r="OL25" s="118">
        <v>0</v>
      </c>
      <c r="OM25" s="119">
        <v>99662094</v>
      </c>
      <c r="ON25" s="119">
        <v>104978007</v>
      </c>
      <c r="OO25" s="119">
        <v>137668232</v>
      </c>
      <c r="OP25" s="119">
        <v>139337507</v>
      </c>
      <c r="OQ25" s="119">
        <v>77109531</v>
      </c>
      <c r="OR25" s="120">
        <v>558755371</v>
      </c>
      <c r="OS25" s="143">
        <v>574857337</v>
      </c>
    </row>
    <row r="26" spans="2:409" ht="21" customHeight="1" x14ac:dyDescent="0.2">
      <c r="B26" s="62" t="s">
        <v>21</v>
      </c>
      <c r="C26" s="110">
        <v>5820280</v>
      </c>
      <c r="D26" s="114">
        <v>11339862</v>
      </c>
      <c r="E26" s="113">
        <v>17160142</v>
      </c>
      <c r="F26" s="109">
        <v>0</v>
      </c>
      <c r="G26" s="114">
        <v>64114559</v>
      </c>
      <c r="H26" s="114">
        <v>96194254</v>
      </c>
      <c r="I26" s="114">
        <v>85366349</v>
      </c>
      <c r="J26" s="114">
        <v>71554241</v>
      </c>
      <c r="K26" s="114">
        <v>51833828</v>
      </c>
      <c r="L26" s="173">
        <v>369063231</v>
      </c>
      <c r="M26" s="116">
        <v>386223373</v>
      </c>
      <c r="N26" s="110">
        <v>1785093</v>
      </c>
      <c r="O26" s="114">
        <v>3592549</v>
      </c>
      <c r="P26" s="113">
        <v>5377642</v>
      </c>
      <c r="Q26" s="110">
        <v>0</v>
      </c>
      <c r="R26" s="114">
        <v>19049927</v>
      </c>
      <c r="S26" s="114">
        <v>33787373</v>
      </c>
      <c r="T26" s="114">
        <v>28489495</v>
      </c>
      <c r="U26" s="114">
        <v>31509513</v>
      </c>
      <c r="V26" s="114">
        <v>26638870</v>
      </c>
      <c r="W26" s="113">
        <v>139475178</v>
      </c>
      <c r="X26" s="116">
        <v>144852820</v>
      </c>
      <c r="Y26" s="110">
        <v>0</v>
      </c>
      <c r="Z26" s="114">
        <v>0</v>
      </c>
      <c r="AA26" s="113">
        <v>0</v>
      </c>
      <c r="AB26" s="110">
        <v>0</v>
      </c>
      <c r="AC26" s="114">
        <v>7802509</v>
      </c>
      <c r="AD26" s="114">
        <v>17333923</v>
      </c>
      <c r="AE26" s="114">
        <v>16666120</v>
      </c>
      <c r="AF26" s="114">
        <v>19923251</v>
      </c>
      <c r="AG26" s="114">
        <v>16919450</v>
      </c>
      <c r="AH26" s="113">
        <v>78645253</v>
      </c>
      <c r="AI26" s="116">
        <v>78645253</v>
      </c>
      <c r="AJ26" s="110">
        <v>28764</v>
      </c>
      <c r="AK26" s="114">
        <v>0</v>
      </c>
      <c r="AL26" s="113">
        <v>28764</v>
      </c>
      <c r="AM26" s="110">
        <v>0</v>
      </c>
      <c r="AN26" s="114">
        <v>28398</v>
      </c>
      <c r="AO26" s="114">
        <v>264384</v>
      </c>
      <c r="AP26" s="114">
        <v>739650</v>
      </c>
      <c r="AQ26" s="114">
        <v>1940183</v>
      </c>
      <c r="AR26" s="114">
        <v>2186650</v>
      </c>
      <c r="AS26" s="113">
        <v>5159265</v>
      </c>
      <c r="AT26" s="116">
        <v>5188029</v>
      </c>
      <c r="AU26" s="110">
        <v>846052</v>
      </c>
      <c r="AV26" s="114">
        <v>2254825</v>
      </c>
      <c r="AW26" s="113">
        <v>3100877</v>
      </c>
      <c r="AX26" s="110">
        <v>0</v>
      </c>
      <c r="AY26" s="114">
        <v>7174003</v>
      </c>
      <c r="AZ26" s="114">
        <v>10584921</v>
      </c>
      <c r="BA26" s="114">
        <v>5912991</v>
      </c>
      <c r="BB26" s="114">
        <v>5786880</v>
      </c>
      <c r="BC26" s="114">
        <v>4418948</v>
      </c>
      <c r="BD26" s="113">
        <v>33877743</v>
      </c>
      <c r="BE26" s="116">
        <v>36978620</v>
      </c>
      <c r="BF26" s="110">
        <v>393596</v>
      </c>
      <c r="BG26" s="114">
        <v>793927</v>
      </c>
      <c r="BH26" s="112">
        <v>1187523</v>
      </c>
      <c r="BI26" s="111">
        <v>0</v>
      </c>
      <c r="BJ26" s="114">
        <v>588003</v>
      </c>
      <c r="BK26" s="114">
        <v>1200189</v>
      </c>
      <c r="BL26" s="114">
        <v>590327</v>
      </c>
      <c r="BM26" s="114">
        <v>338792</v>
      </c>
      <c r="BN26" s="114">
        <v>344290</v>
      </c>
      <c r="BO26" s="113">
        <v>3061601</v>
      </c>
      <c r="BP26" s="116">
        <v>4249124</v>
      </c>
      <c r="BQ26" s="110">
        <v>516681</v>
      </c>
      <c r="BR26" s="114">
        <v>543797</v>
      </c>
      <c r="BS26" s="113">
        <v>1060478</v>
      </c>
      <c r="BT26" s="110">
        <v>0</v>
      </c>
      <c r="BU26" s="114">
        <v>3457014</v>
      </c>
      <c r="BV26" s="114">
        <v>4403956</v>
      </c>
      <c r="BW26" s="114">
        <v>4580407</v>
      </c>
      <c r="BX26" s="114">
        <v>3520407</v>
      </c>
      <c r="BY26" s="114">
        <v>2769532</v>
      </c>
      <c r="BZ26" s="113">
        <v>18731316</v>
      </c>
      <c r="CA26" s="116">
        <v>19791794</v>
      </c>
      <c r="CB26" s="110">
        <v>643594</v>
      </c>
      <c r="CC26" s="114">
        <v>1834094</v>
      </c>
      <c r="CD26" s="113">
        <v>2477688</v>
      </c>
      <c r="CE26" s="110">
        <v>0</v>
      </c>
      <c r="CF26" s="114">
        <v>17198550</v>
      </c>
      <c r="CG26" s="114">
        <v>26903544</v>
      </c>
      <c r="CH26" s="114">
        <v>19104659</v>
      </c>
      <c r="CI26" s="114">
        <v>9967296</v>
      </c>
      <c r="CJ26" s="114">
        <v>4351953</v>
      </c>
      <c r="CK26" s="113">
        <v>77526002</v>
      </c>
      <c r="CL26" s="116">
        <v>80003690</v>
      </c>
      <c r="CM26" s="110">
        <v>0</v>
      </c>
      <c r="CN26" s="114">
        <v>0</v>
      </c>
      <c r="CO26" s="113">
        <v>0</v>
      </c>
      <c r="CP26" s="111">
        <v>0</v>
      </c>
      <c r="CQ26" s="114">
        <v>14565461</v>
      </c>
      <c r="CR26" s="114">
        <v>22640565</v>
      </c>
      <c r="CS26" s="114">
        <v>16888463</v>
      </c>
      <c r="CT26" s="114">
        <v>8816931</v>
      </c>
      <c r="CU26" s="114">
        <v>3533270</v>
      </c>
      <c r="CV26" s="113">
        <v>66444690</v>
      </c>
      <c r="CW26" s="116">
        <v>66444690</v>
      </c>
      <c r="CX26" s="110">
        <v>643594</v>
      </c>
      <c r="CY26" s="114">
        <v>1834094</v>
      </c>
      <c r="CZ26" s="113">
        <v>2477688</v>
      </c>
      <c r="DA26" s="110">
        <v>0</v>
      </c>
      <c r="DB26" s="114">
        <v>2633089</v>
      </c>
      <c r="DC26" s="114">
        <v>4262979</v>
      </c>
      <c r="DD26" s="114">
        <v>2216196</v>
      </c>
      <c r="DE26" s="114">
        <v>1150365</v>
      </c>
      <c r="DF26" s="114">
        <v>818683</v>
      </c>
      <c r="DG26" s="113">
        <v>11081312</v>
      </c>
      <c r="DH26" s="116">
        <v>13559000</v>
      </c>
      <c r="DI26" s="110">
        <v>53388</v>
      </c>
      <c r="DJ26" s="114">
        <v>89243</v>
      </c>
      <c r="DK26" s="112">
        <v>142631</v>
      </c>
      <c r="DL26" s="111">
        <v>0</v>
      </c>
      <c r="DM26" s="114">
        <v>1998867</v>
      </c>
      <c r="DN26" s="114">
        <v>3195722</v>
      </c>
      <c r="DO26" s="114">
        <v>8661159</v>
      </c>
      <c r="DP26" s="114">
        <v>7215749</v>
      </c>
      <c r="DQ26" s="114">
        <v>5381050</v>
      </c>
      <c r="DR26" s="113">
        <v>26452547</v>
      </c>
      <c r="DS26" s="116">
        <v>26595178</v>
      </c>
      <c r="DT26" s="110">
        <v>53388</v>
      </c>
      <c r="DU26" s="114">
        <v>89243</v>
      </c>
      <c r="DV26" s="113">
        <v>142631</v>
      </c>
      <c r="DW26" s="110">
        <v>0</v>
      </c>
      <c r="DX26" s="114">
        <v>1877732</v>
      </c>
      <c r="DY26" s="114">
        <v>3048586</v>
      </c>
      <c r="DZ26" s="114">
        <v>8433672</v>
      </c>
      <c r="EA26" s="114">
        <v>6695372</v>
      </c>
      <c r="EB26" s="114">
        <v>5381050</v>
      </c>
      <c r="EC26" s="113">
        <v>25436412</v>
      </c>
      <c r="ED26" s="116">
        <v>25579043</v>
      </c>
      <c r="EE26" s="110">
        <v>0</v>
      </c>
      <c r="EF26" s="112">
        <v>0</v>
      </c>
      <c r="EG26" s="113">
        <v>0</v>
      </c>
      <c r="EH26" s="110">
        <v>0</v>
      </c>
      <c r="EI26" s="114">
        <v>121135</v>
      </c>
      <c r="EJ26" s="114">
        <v>147136</v>
      </c>
      <c r="EK26" s="114">
        <v>227487</v>
      </c>
      <c r="EL26" s="114">
        <v>520377</v>
      </c>
      <c r="EM26" s="114">
        <v>0</v>
      </c>
      <c r="EN26" s="112">
        <v>1016135</v>
      </c>
      <c r="EO26" s="116">
        <v>1016135</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1457303</v>
      </c>
      <c r="FM26" s="114">
        <v>2682012</v>
      </c>
      <c r="FN26" s="113">
        <v>4139315</v>
      </c>
      <c r="FO26" s="110">
        <v>0</v>
      </c>
      <c r="FP26" s="114">
        <v>3494708</v>
      </c>
      <c r="FQ26" s="114">
        <v>9251056</v>
      </c>
      <c r="FR26" s="114">
        <v>6135363</v>
      </c>
      <c r="FS26" s="114">
        <v>5705123</v>
      </c>
      <c r="FT26" s="114">
        <v>3680809</v>
      </c>
      <c r="FU26" s="113">
        <v>28267059</v>
      </c>
      <c r="FV26" s="116">
        <v>32406374</v>
      </c>
      <c r="FW26" s="115">
        <v>854341</v>
      </c>
      <c r="FX26" s="114">
        <v>2231032</v>
      </c>
      <c r="FY26" s="112">
        <v>3085373</v>
      </c>
      <c r="FZ26" s="111">
        <v>0</v>
      </c>
      <c r="GA26" s="114">
        <v>2814292</v>
      </c>
      <c r="GB26" s="114">
        <v>8856249</v>
      </c>
      <c r="GC26" s="114">
        <v>5886147</v>
      </c>
      <c r="GD26" s="114">
        <v>5440073</v>
      </c>
      <c r="GE26" s="114">
        <v>3545629</v>
      </c>
      <c r="GF26" s="113">
        <v>26542390</v>
      </c>
      <c r="GG26" s="318">
        <v>29627763</v>
      </c>
      <c r="GH26" s="115">
        <v>48312</v>
      </c>
      <c r="GI26" s="114">
        <v>51300</v>
      </c>
      <c r="GJ26" s="112">
        <v>99612</v>
      </c>
      <c r="GK26" s="111">
        <v>0</v>
      </c>
      <c r="GL26" s="114">
        <v>217575</v>
      </c>
      <c r="GM26" s="114">
        <v>30060</v>
      </c>
      <c r="GN26" s="114">
        <v>105666</v>
      </c>
      <c r="GO26" s="114">
        <v>127044</v>
      </c>
      <c r="GP26" s="114">
        <v>135180</v>
      </c>
      <c r="GQ26" s="113">
        <v>615525</v>
      </c>
      <c r="GR26" s="116">
        <v>715137</v>
      </c>
      <c r="GS26" s="110">
        <v>554650</v>
      </c>
      <c r="GT26" s="114">
        <v>399680</v>
      </c>
      <c r="GU26" s="113">
        <v>954330</v>
      </c>
      <c r="GV26" s="110">
        <v>0</v>
      </c>
      <c r="GW26" s="114">
        <v>462841</v>
      </c>
      <c r="GX26" s="114">
        <v>364747</v>
      </c>
      <c r="GY26" s="114">
        <v>143550</v>
      </c>
      <c r="GZ26" s="114">
        <v>138006</v>
      </c>
      <c r="HA26" s="114">
        <v>0</v>
      </c>
      <c r="HB26" s="112">
        <v>1109144</v>
      </c>
      <c r="HC26" s="116">
        <v>2063474</v>
      </c>
      <c r="HD26" s="110">
        <v>714287</v>
      </c>
      <c r="HE26" s="114">
        <v>1247623</v>
      </c>
      <c r="HF26" s="112">
        <v>1961910</v>
      </c>
      <c r="HG26" s="111">
        <v>0</v>
      </c>
      <c r="HH26" s="114">
        <v>10959126</v>
      </c>
      <c r="HI26" s="114">
        <v>9967169</v>
      </c>
      <c r="HJ26" s="114">
        <v>14810277</v>
      </c>
      <c r="HK26" s="114">
        <v>11913683</v>
      </c>
      <c r="HL26" s="114">
        <v>8813442</v>
      </c>
      <c r="HM26" s="113">
        <v>56463697</v>
      </c>
      <c r="HN26" s="109">
        <v>58425607</v>
      </c>
      <c r="HO26" s="115">
        <v>1166615</v>
      </c>
      <c r="HP26" s="114">
        <v>1894341</v>
      </c>
      <c r="HQ26" s="113">
        <v>3060956</v>
      </c>
      <c r="HR26" s="110">
        <v>0</v>
      </c>
      <c r="HS26" s="114">
        <v>11413381</v>
      </c>
      <c r="HT26" s="114">
        <v>13089390</v>
      </c>
      <c r="HU26" s="114">
        <v>8165396</v>
      </c>
      <c r="HV26" s="114">
        <v>5242877</v>
      </c>
      <c r="HW26" s="114">
        <v>2967704</v>
      </c>
      <c r="HX26" s="112">
        <v>40878748</v>
      </c>
      <c r="HY26" s="116">
        <v>43939704</v>
      </c>
      <c r="HZ26" s="150">
        <v>0</v>
      </c>
      <c r="IA26" s="135">
        <v>0</v>
      </c>
      <c r="IB26" s="150">
        <v>0</v>
      </c>
      <c r="IC26" s="134">
        <v>0</v>
      </c>
      <c r="ID26" s="135">
        <v>15125218</v>
      </c>
      <c r="IE26" s="136">
        <v>21847316</v>
      </c>
      <c r="IF26" s="137">
        <v>20474158</v>
      </c>
      <c r="IG26" s="135">
        <v>10180782</v>
      </c>
      <c r="IH26" s="137">
        <v>6989581</v>
      </c>
      <c r="II26" s="138">
        <v>74617055</v>
      </c>
      <c r="IJ26" s="150">
        <v>74617055</v>
      </c>
      <c r="IK26" s="232">
        <v>0</v>
      </c>
      <c r="IL26" s="236">
        <v>0</v>
      </c>
      <c r="IM26" s="237">
        <v>0</v>
      </c>
      <c r="IN26" s="140"/>
      <c r="IO26" s="119">
        <v>205096</v>
      </c>
      <c r="IP26" s="119">
        <v>916565</v>
      </c>
      <c r="IQ26" s="119">
        <v>647548</v>
      </c>
      <c r="IR26" s="119">
        <v>1235605</v>
      </c>
      <c r="IS26" s="119">
        <v>0</v>
      </c>
      <c r="IT26" s="141">
        <v>3004814</v>
      </c>
      <c r="IU26" s="320">
        <v>3004814</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8107418</v>
      </c>
      <c r="JL26" s="119">
        <v>10029740</v>
      </c>
      <c r="JM26" s="119">
        <v>6320802</v>
      </c>
      <c r="JN26" s="119">
        <v>2700447</v>
      </c>
      <c r="JO26" s="119">
        <v>1428837</v>
      </c>
      <c r="JP26" s="120">
        <v>28587244</v>
      </c>
      <c r="JQ26" s="320">
        <v>28587244</v>
      </c>
      <c r="JR26" s="142">
        <v>0</v>
      </c>
      <c r="JS26" s="119">
        <v>0</v>
      </c>
      <c r="JT26" s="141">
        <v>0</v>
      </c>
      <c r="JU26" s="118">
        <v>0</v>
      </c>
      <c r="JV26" s="119">
        <v>0</v>
      </c>
      <c r="JW26" s="119">
        <v>0</v>
      </c>
      <c r="JX26" s="119">
        <v>147277</v>
      </c>
      <c r="JY26" s="119">
        <v>11790</v>
      </c>
      <c r="JZ26" s="119">
        <v>111566</v>
      </c>
      <c r="KA26" s="120">
        <v>270633</v>
      </c>
      <c r="KB26" s="320">
        <v>270633</v>
      </c>
      <c r="KC26" s="234">
        <v>0</v>
      </c>
      <c r="KD26" s="230">
        <v>0</v>
      </c>
      <c r="KE26" s="120">
        <v>0</v>
      </c>
      <c r="KF26" s="118">
        <v>0</v>
      </c>
      <c r="KG26" s="119">
        <v>1197496</v>
      </c>
      <c r="KH26" s="119">
        <v>1165296</v>
      </c>
      <c r="KI26" s="119">
        <v>4244393</v>
      </c>
      <c r="KJ26" s="119">
        <v>1944483</v>
      </c>
      <c r="KK26" s="119">
        <v>1157096</v>
      </c>
      <c r="KL26" s="120">
        <v>9708764</v>
      </c>
      <c r="KM26" s="143">
        <v>9708764</v>
      </c>
      <c r="KN26" s="232">
        <v>0</v>
      </c>
      <c r="KO26" s="236">
        <v>0</v>
      </c>
      <c r="KP26" s="237">
        <v>0</v>
      </c>
      <c r="KQ26" s="140"/>
      <c r="KR26" s="119">
        <v>5325726</v>
      </c>
      <c r="KS26" s="119">
        <v>9141550</v>
      </c>
      <c r="KT26" s="119">
        <v>9114138</v>
      </c>
      <c r="KU26" s="119">
        <v>3670201</v>
      </c>
      <c r="KV26" s="119">
        <v>2543621</v>
      </c>
      <c r="KW26" s="120">
        <v>29795236</v>
      </c>
      <c r="KX26" s="320">
        <v>29795236</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289482</v>
      </c>
      <c r="LZ26" s="119">
        <v>594165</v>
      </c>
      <c r="MA26" s="119">
        <v>0</v>
      </c>
      <c r="MB26" s="119">
        <v>618256</v>
      </c>
      <c r="MC26" s="119">
        <v>1748461</v>
      </c>
      <c r="MD26" s="120">
        <v>3250364</v>
      </c>
      <c r="ME26" s="121">
        <v>3250364</v>
      </c>
      <c r="MF26" s="142">
        <v>0</v>
      </c>
      <c r="MG26" s="119">
        <v>0</v>
      </c>
      <c r="MH26" s="120">
        <v>0</v>
      </c>
      <c r="MI26" s="145"/>
      <c r="MJ26" s="119">
        <v>5835639</v>
      </c>
      <c r="MK26" s="119">
        <v>9354123</v>
      </c>
      <c r="ML26" s="119">
        <v>50607657</v>
      </c>
      <c r="MM26" s="119">
        <v>62660413</v>
      </c>
      <c r="MN26" s="119">
        <v>51218112</v>
      </c>
      <c r="MO26" s="120">
        <v>179675944</v>
      </c>
      <c r="MP26" s="143">
        <v>179675944</v>
      </c>
      <c r="MQ26" s="142">
        <v>0</v>
      </c>
      <c r="MR26" s="119">
        <v>0</v>
      </c>
      <c r="MS26" s="120">
        <v>0</v>
      </c>
      <c r="MT26" s="145"/>
      <c r="MU26" s="119">
        <v>1485127</v>
      </c>
      <c r="MV26" s="119">
        <v>2531170</v>
      </c>
      <c r="MW26" s="119">
        <v>40076868</v>
      </c>
      <c r="MX26" s="119">
        <v>46140510</v>
      </c>
      <c r="MY26" s="119">
        <v>38745469</v>
      </c>
      <c r="MZ26" s="120">
        <v>128979144</v>
      </c>
      <c r="NA26" s="143">
        <v>128979144</v>
      </c>
      <c r="NB26" s="142">
        <v>0</v>
      </c>
      <c r="NC26" s="119">
        <v>0</v>
      </c>
      <c r="ND26" s="120">
        <v>0</v>
      </c>
      <c r="NE26" s="145"/>
      <c r="NF26" s="119">
        <v>4350512</v>
      </c>
      <c r="NG26" s="119">
        <v>6822953</v>
      </c>
      <c r="NH26" s="119">
        <v>9851498</v>
      </c>
      <c r="NI26" s="119">
        <v>13467384</v>
      </c>
      <c r="NJ26" s="119">
        <v>6653901</v>
      </c>
      <c r="NK26" s="120">
        <v>41146248</v>
      </c>
      <c r="NL26" s="320">
        <v>41146248</v>
      </c>
      <c r="NM26" s="142">
        <v>0</v>
      </c>
      <c r="NN26" s="119">
        <v>0</v>
      </c>
      <c r="NO26" s="120">
        <v>0</v>
      </c>
      <c r="NP26" s="145"/>
      <c r="NQ26" s="119">
        <v>0</v>
      </c>
      <c r="NR26" s="119">
        <v>0</v>
      </c>
      <c r="NS26" s="119">
        <v>327034</v>
      </c>
      <c r="NT26" s="119">
        <v>593154</v>
      </c>
      <c r="NU26" s="119">
        <v>317453</v>
      </c>
      <c r="NV26" s="120">
        <v>1237641</v>
      </c>
      <c r="NW26" s="121">
        <v>1237641</v>
      </c>
      <c r="NX26" s="142">
        <v>0</v>
      </c>
      <c r="NY26" s="119">
        <v>0</v>
      </c>
      <c r="NZ26" s="120">
        <v>0</v>
      </c>
      <c r="OA26" s="145"/>
      <c r="OB26" s="119">
        <v>0</v>
      </c>
      <c r="OC26" s="119">
        <v>0</v>
      </c>
      <c r="OD26" s="119">
        <v>352257</v>
      </c>
      <c r="OE26" s="119">
        <v>2459365</v>
      </c>
      <c r="OF26" s="119">
        <v>5501289</v>
      </c>
      <c r="OG26" s="120">
        <v>8312911</v>
      </c>
      <c r="OH26" s="121">
        <v>8312911</v>
      </c>
      <c r="OI26" s="142">
        <v>5820280</v>
      </c>
      <c r="OJ26" s="119">
        <v>11339862</v>
      </c>
      <c r="OK26" s="141">
        <v>17160142</v>
      </c>
      <c r="OL26" s="118">
        <v>0</v>
      </c>
      <c r="OM26" s="119">
        <v>85075416</v>
      </c>
      <c r="ON26" s="119">
        <v>127395693</v>
      </c>
      <c r="OO26" s="119">
        <v>156448164</v>
      </c>
      <c r="OP26" s="119">
        <v>144395436</v>
      </c>
      <c r="OQ26" s="119">
        <v>110041521</v>
      </c>
      <c r="OR26" s="120">
        <v>623356230</v>
      </c>
      <c r="OS26" s="143">
        <v>640516372</v>
      </c>
    </row>
    <row r="27" spans="2:409" ht="21" customHeight="1" x14ac:dyDescent="0.2">
      <c r="B27" s="62" t="s">
        <v>22</v>
      </c>
      <c r="C27" s="110">
        <v>1131652</v>
      </c>
      <c r="D27" s="114">
        <v>3088208</v>
      </c>
      <c r="E27" s="113">
        <v>4219860</v>
      </c>
      <c r="F27" s="109">
        <v>0</v>
      </c>
      <c r="G27" s="114">
        <v>23917868</v>
      </c>
      <c r="H27" s="114">
        <v>28391154</v>
      </c>
      <c r="I27" s="114">
        <v>24844925</v>
      </c>
      <c r="J27" s="114">
        <v>21136007</v>
      </c>
      <c r="K27" s="114">
        <v>16578287</v>
      </c>
      <c r="L27" s="173">
        <v>114868241</v>
      </c>
      <c r="M27" s="116">
        <v>119088101</v>
      </c>
      <c r="N27" s="110">
        <v>132816</v>
      </c>
      <c r="O27" s="114">
        <v>375563</v>
      </c>
      <c r="P27" s="113">
        <v>508379</v>
      </c>
      <c r="Q27" s="110">
        <v>0</v>
      </c>
      <c r="R27" s="114">
        <v>4494212</v>
      </c>
      <c r="S27" s="114">
        <v>6560019</v>
      </c>
      <c r="T27" s="114">
        <v>5428174</v>
      </c>
      <c r="U27" s="114">
        <v>5675195</v>
      </c>
      <c r="V27" s="114">
        <v>8185553</v>
      </c>
      <c r="W27" s="113">
        <v>30343153</v>
      </c>
      <c r="X27" s="116">
        <v>30851532</v>
      </c>
      <c r="Y27" s="110">
        <v>0</v>
      </c>
      <c r="Z27" s="114">
        <v>0</v>
      </c>
      <c r="AA27" s="113">
        <v>0</v>
      </c>
      <c r="AB27" s="110">
        <v>0</v>
      </c>
      <c r="AC27" s="114">
        <v>1818314</v>
      </c>
      <c r="AD27" s="114">
        <v>2808437</v>
      </c>
      <c r="AE27" s="114">
        <v>2497253</v>
      </c>
      <c r="AF27" s="114">
        <v>3013150</v>
      </c>
      <c r="AG27" s="114">
        <v>5134769</v>
      </c>
      <c r="AH27" s="113">
        <v>15271923</v>
      </c>
      <c r="AI27" s="116">
        <v>15271923</v>
      </c>
      <c r="AJ27" s="110">
        <v>0</v>
      </c>
      <c r="AK27" s="114">
        <v>0</v>
      </c>
      <c r="AL27" s="113">
        <v>0</v>
      </c>
      <c r="AM27" s="110">
        <v>0</v>
      </c>
      <c r="AN27" s="114">
        <v>13361</v>
      </c>
      <c r="AO27" s="114">
        <v>38835</v>
      </c>
      <c r="AP27" s="114">
        <v>323028</v>
      </c>
      <c r="AQ27" s="114">
        <v>667142</v>
      </c>
      <c r="AR27" s="114">
        <v>1090445</v>
      </c>
      <c r="AS27" s="113">
        <v>2132811</v>
      </c>
      <c r="AT27" s="116">
        <v>2132811</v>
      </c>
      <c r="AU27" s="110">
        <v>95772</v>
      </c>
      <c r="AV27" s="114">
        <v>212828</v>
      </c>
      <c r="AW27" s="113">
        <v>308600</v>
      </c>
      <c r="AX27" s="110">
        <v>0</v>
      </c>
      <c r="AY27" s="114">
        <v>1724526</v>
      </c>
      <c r="AZ27" s="114">
        <v>2274440</v>
      </c>
      <c r="BA27" s="114">
        <v>1393332</v>
      </c>
      <c r="BB27" s="114">
        <v>1193703</v>
      </c>
      <c r="BC27" s="114">
        <v>1373882</v>
      </c>
      <c r="BD27" s="113">
        <v>7959883</v>
      </c>
      <c r="BE27" s="116">
        <v>8268483</v>
      </c>
      <c r="BF27" s="110">
        <v>0</v>
      </c>
      <c r="BG27" s="114">
        <v>69228</v>
      </c>
      <c r="BH27" s="112">
        <v>69228</v>
      </c>
      <c r="BI27" s="111">
        <v>0</v>
      </c>
      <c r="BJ27" s="114">
        <v>148598</v>
      </c>
      <c r="BK27" s="114">
        <v>521509</v>
      </c>
      <c r="BL27" s="114">
        <v>263805</v>
      </c>
      <c r="BM27" s="114">
        <v>80419</v>
      </c>
      <c r="BN27" s="114">
        <v>164046</v>
      </c>
      <c r="BO27" s="113">
        <v>1178377</v>
      </c>
      <c r="BP27" s="116">
        <v>1247605</v>
      </c>
      <c r="BQ27" s="110">
        <v>37044</v>
      </c>
      <c r="BR27" s="114">
        <v>93507</v>
      </c>
      <c r="BS27" s="113">
        <v>130551</v>
      </c>
      <c r="BT27" s="110">
        <v>0</v>
      </c>
      <c r="BU27" s="114">
        <v>789413</v>
      </c>
      <c r="BV27" s="114">
        <v>916798</v>
      </c>
      <c r="BW27" s="114">
        <v>950756</v>
      </c>
      <c r="BX27" s="114">
        <v>720781</v>
      </c>
      <c r="BY27" s="114">
        <v>422411</v>
      </c>
      <c r="BZ27" s="113">
        <v>3800159</v>
      </c>
      <c r="CA27" s="116">
        <v>3930710</v>
      </c>
      <c r="CB27" s="110">
        <v>39412</v>
      </c>
      <c r="CC27" s="114">
        <v>249824</v>
      </c>
      <c r="CD27" s="113">
        <v>289236</v>
      </c>
      <c r="CE27" s="110">
        <v>0</v>
      </c>
      <c r="CF27" s="114">
        <v>7147819</v>
      </c>
      <c r="CG27" s="114">
        <v>9313507</v>
      </c>
      <c r="CH27" s="114">
        <v>4910823</v>
      </c>
      <c r="CI27" s="114">
        <v>4592885</v>
      </c>
      <c r="CJ27" s="114">
        <v>2515978</v>
      </c>
      <c r="CK27" s="113">
        <v>28481012</v>
      </c>
      <c r="CL27" s="116">
        <v>28770248</v>
      </c>
      <c r="CM27" s="110">
        <v>0</v>
      </c>
      <c r="CN27" s="114">
        <v>0</v>
      </c>
      <c r="CO27" s="113">
        <v>0</v>
      </c>
      <c r="CP27" s="111">
        <v>0</v>
      </c>
      <c r="CQ27" s="114">
        <v>6008623</v>
      </c>
      <c r="CR27" s="114">
        <v>7746752</v>
      </c>
      <c r="CS27" s="114">
        <v>3689642</v>
      </c>
      <c r="CT27" s="114">
        <v>3459819</v>
      </c>
      <c r="CU27" s="114">
        <v>1963246</v>
      </c>
      <c r="CV27" s="113">
        <v>22868082</v>
      </c>
      <c r="CW27" s="116">
        <v>22868082</v>
      </c>
      <c r="CX27" s="110">
        <v>39412</v>
      </c>
      <c r="CY27" s="114">
        <v>249824</v>
      </c>
      <c r="CZ27" s="113">
        <v>289236</v>
      </c>
      <c r="DA27" s="110">
        <v>0</v>
      </c>
      <c r="DB27" s="114">
        <v>1139196</v>
      </c>
      <c r="DC27" s="114">
        <v>1566755</v>
      </c>
      <c r="DD27" s="114">
        <v>1221181</v>
      </c>
      <c r="DE27" s="114">
        <v>1133066</v>
      </c>
      <c r="DF27" s="114">
        <v>552732</v>
      </c>
      <c r="DG27" s="113">
        <v>5612930</v>
      </c>
      <c r="DH27" s="116">
        <v>5902166</v>
      </c>
      <c r="DI27" s="110">
        <v>0</v>
      </c>
      <c r="DJ27" s="114">
        <v>16131</v>
      </c>
      <c r="DK27" s="112">
        <v>16131</v>
      </c>
      <c r="DL27" s="111">
        <v>0</v>
      </c>
      <c r="DM27" s="114">
        <v>602371</v>
      </c>
      <c r="DN27" s="114">
        <v>1345241</v>
      </c>
      <c r="DO27" s="114">
        <v>4306041</v>
      </c>
      <c r="DP27" s="114">
        <v>1961754</v>
      </c>
      <c r="DQ27" s="114">
        <v>1041446</v>
      </c>
      <c r="DR27" s="113">
        <v>9256853</v>
      </c>
      <c r="DS27" s="116">
        <v>9272984</v>
      </c>
      <c r="DT27" s="110">
        <v>0</v>
      </c>
      <c r="DU27" s="114">
        <v>16131</v>
      </c>
      <c r="DV27" s="113">
        <v>16131</v>
      </c>
      <c r="DW27" s="110">
        <v>0</v>
      </c>
      <c r="DX27" s="114">
        <v>456643</v>
      </c>
      <c r="DY27" s="114">
        <v>1240575</v>
      </c>
      <c r="DZ27" s="114">
        <v>3432460</v>
      </c>
      <c r="EA27" s="114">
        <v>1663272</v>
      </c>
      <c r="EB27" s="114">
        <v>1016382</v>
      </c>
      <c r="EC27" s="113">
        <v>7809332</v>
      </c>
      <c r="ED27" s="116">
        <v>7825463</v>
      </c>
      <c r="EE27" s="110">
        <v>0</v>
      </c>
      <c r="EF27" s="112">
        <v>0</v>
      </c>
      <c r="EG27" s="113">
        <v>0</v>
      </c>
      <c r="EH27" s="110">
        <v>0</v>
      </c>
      <c r="EI27" s="114">
        <v>145728</v>
      </c>
      <c r="EJ27" s="114">
        <v>104666</v>
      </c>
      <c r="EK27" s="114">
        <v>873581</v>
      </c>
      <c r="EL27" s="114">
        <v>298482</v>
      </c>
      <c r="EM27" s="114">
        <v>25064</v>
      </c>
      <c r="EN27" s="112">
        <v>1447521</v>
      </c>
      <c r="EO27" s="116">
        <v>1447521</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408280</v>
      </c>
      <c r="FM27" s="114">
        <v>1042633</v>
      </c>
      <c r="FN27" s="113">
        <v>1450913</v>
      </c>
      <c r="FO27" s="110">
        <v>0</v>
      </c>
      <c r="FP27" s="114">
        <v>1584739</v>
      </c>
      <c r="FQ27" s="114">
        <v>3029448</v>
      </c>
      <c r="FR27" s="114">
        <v>2258831</v>
      </c>
      <c r="FS27" s="114">
        <v>1767182</v>
      </c>
      <c r="FT27" s="114">
        <v>1689512</v>
      </c>
      <c r="FU27" s="113">
        <v>10329712</v>
      </c>
      <c r="FV27" s="116">
        <v>11780625</v>
      </c>
      <c r="FW27" s="115">
        <v>228280</v>
      </c>
      <c r="FX27" s="114">
        <v>882057</v>
      </c>
      <c r="FY27" s="112">
        <v>1110337</v>
      </c>
      <c r="FZ27" s="111">
        <v>0</v>
      </c>
      <c r="GA27" s="114">
        <v>1376803</v>
      </c>
      <c r="GB27" s="114">
        <v>2981928</v>
      </c>
      <c r="GC27" s="114">
        <v>2140631</v>
      </c>
      <c r="GD27" s="114">
        <v>1714622</v>
      </c>
      <c r="GE27" s="114">
        <v>1485761</v>
      </c>
      <c r="GF27" s="113">
        <v>9699745</v>
      </c>
      <c r="GG27" s="318">
        <v>10810082</v>
      </c>
      <c r="GH27" s="115">
        <v>0</v>
      </c>
      <c r="GI27" s="114">
        <v>34936</v>
      </c>
      <c r="GJ27" s="112">
        <v>34936</v>
      </c>
      <c r="GK27" s="111">
        <v>0</v>
      </c>
      <c r="GL27" s="114">
        <v>47340</v>
      </c>
      <c r="GM27" s="114">
        <v>47520</v>
      </c>
      <c r="GN27" s="114">
        <v>93000</v>
      </c>
      <c r="GO27" s="114">
        <v>52560</v>
      </c>
      <c r="GP27" s="114">
        <v>0</v>
      </c>
      <c r="GQ27" s="113">
        <v>240420</v>
      </c>
      <c r="GR27" s="116">
        <v>275356</v>
      </c>
      <c r="GS27" s="110">
        <v>180000</v>
      </c>
      <c r="GT27" s="114">
        <v>125640</v>
      </c>
      <c r="GU27" s="113">
        <v>305640</v>
      </c>
      <c r="GV27" s="110">
        <v>0</v>
      </c>
      <c r="GW27" s="114">
        <v>160596</v>
      </c>
      <c r="GX27" s="114">
        <v>0</v>
      </c>
      <c r="GY27" s="114">
        <v>25200</v>
      </c>
      <c r="GZ27" s="114">
        <v>0</v>
      </c>
      <c r="HA27" s="114">
        <v>203751</v>
      </c>
      <c r="HB27" s="112">
        <v>389547</v>
      </c>
      <c r="HC27" s="116">
        <v>695187</v>
      </c>
      <c r="HD27" s="110">
        <v>324764</v>
      </c>
      <c r="HE27" s="114">
        <v>731931</v>
      </c>
      <c r="HF27" s="112">
        <v>1056695</v>
      </c>
      <c r="HG27" s="111">
        <v>0</v>
      </c>
      <c r="HH27" s="114">
        <v>5133865</v>
      </c>
      <c r="HI27" s="114">
        <v>3555026</v>
      </c>
      <c r="HJ27" s="114">
        <v>5213842</v>
      </c>
      <c r="HK27" s="114">
        <v>5272434</v>
      </c>
      <c r="HL27" s="114">
        <v>1898063</v>
      </c>
      <c r="HM27" s="113">
        <v>21073230</v>
      </c>
      <c r="HN27" s="109">
        <v>22129925</v>
      </c>
      <c r="HO27" s="115">
        <v>226380</v>
      </c>
      <c r="HP27" s="114">
        <v>672126</v>
      </c>
      <c r="HQ27" s="113">
        <v>898506</v>
      </c>
      <c r="HR27" s="110">
        <v>0</v>
      </c>
      <c r="HS27" s="114">
        <v>4954862</v>
      </c>
      <c r="HT27" s="114">
        <v>4587913</v>
      </c>
      <c r="HU27" s="114">
        <v>2727214</v>
      </c>
      <c r="HV27" s="114">
        <v>1866557</v>
      </c>
      <c r="HW27" s="114">
        <v>1247735</v>
      </c>
      <c r="HX27" s="112">
        <v>15384281</v>
      </c>
      <c r="HY27" s="116">
        <v>16282787</v>
      </c>
      <c r="HZ27" s="131">
        <v>95427</v>
      </c>
      <c r="IA27" s="132">
        <v>444094</v>
      </c>
      <c r="IB27" s="133">
        <v>539521</v>
      </c>
      <c r="IC27" s="146">
        <v>0</v>
      </c>
      <c r="ID27" s="132">
        <v>12070807</v>
      </c>
      <c r="IE27" s="147">
        <v>14953756</v>
      </c>
      <c r="IF27" s="133">
        <v>11476519</v>
      </c>
      <c r="IG27" s="132">
        <v>12098431</v>
      </c>
      <c r="IH27" s="133">
        <v>4387068</v>
      </c>
      <c r="II27" s="148">
        <v>54986581</v>
      </c>
      <c r="IJ27" s="139">
        <v>55526102</v>
      </c>
      <c r="IK27" s="232">
        <v>0</v>
      </c>
      <c r="IL27" s="236">
        <v>0</v>
      </c>
      <c r="IM27" s="237">
        <v>0</v>
      </c>
      <c r="IN27" s="140"/>
      <c r="IO27" s="119">
        <v>103229</v>
      </c>
      <c r="IP27" s="119">
        <v>598957</v>
      </c>
      <c r="IQ27" s="119">
        <v>830391</v>
      </c>
      <c r="IR27" s="119">
        <v>226197</v>
      </c>
      <c r="IS27" s="119">
        <v>0</v>
      </c>
      <c r="IT27" s="141">
        <v>1758774</v>
      </c>
      <c r="IU27" s="320">
        <v>1758774</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6200197</v>
      </c>
      <c r="JL27" s="119">
        <v>6406909</v>
      </c>
      <c r="JM27" s="119">
        <v>2856546</v>
      </c>
      <c r="JN27" s="119">
        <v>2163417</v>
      </c>
      <c r="JO27" s="119">
        <v>831456</v>
      </c>
      <c r="JP27" s="120">
        <v>18458525</v>
      </c>
      <c r="JQ27" s="320">
        <v>18458525</v>
      </c>
      <c r="JR27" s="142">
        <v>15723</v>
      </c>
      <c r="JS27" s="119">
        <v>0</v>
      </c>
      <c r="JT27" s="141">
        <v>15723</v>
      </c>
      <c r="JU27" s="118">
        <v>0</v>
      </c>
      <c r="JV27" s="119">
        <v>374337</v>
      </c>
      <c r="JW27" s="119">
        <v>629190</v>
      </c>
      <c r="JX27" s="119">
        <v>270568</v>
      </c>
      <c r="JY27" s="119">
        <v>540011</v>
      </c>
      <c r="JZ27" s="119">
        <v>134055</v>
      </c>
      <c r="KA27" s="120">
        <v>1948161</v>
      </c>
      <c r="KB27" s="320">
        <v>1963884</v>
      </c>
      <c r="KC27" s="234">
        <v>79704</v>
      </c>
      <c r="KD27" s="230">
        <v>444094</v>
      </c>
      <c r="KE27" s="120">
        <v>523798</v>
      </c>
      <c r="KF27" s="118">
        <v>0</v>
      </c>
      <c r="KG27" s="119">
        <v>2221292</v>
      </c>
      <c r="KH27" s="119">
        <v>3281801</v>
      </c>
      <c r="KI27" s="119">
        <v>3944475</v>
      </c>
      <c r="KJ27" s="119">
        <v>2102328</v>
      </c>
      <c r="KK27" s="119">
        <v>859842</v>
      </c>
      <c r="KL27" s="120">
        <v>12409738</v>
      </c>
      <c r="KM27" s="143">
        <v>12933536</v>
      </c>
      <c r="KN27" s="232">
        <v>0</v>
      </c>
      <c r="KO27" s="236">
        <v>0</v>
      </c>
      <c r="KP27" s="237">
        <v>0</v>
      </c>
      <c r="KQ27" s="140"/>
      <c r="KR27" s="119">
        <v>3171752</v>
      </c>
      <c r="KS27" s="119">
        <v>4036899</v>
      </c>
      <c r="KT27" s="119">
        <v>2817306</v>
      </c>
      <c r="KU27" s="119">
        <v>1783728</v>
      </c>
      <c r="KV27" s="119">
        <v>521145</v>
      </c>
      <c r="KW27" s="120">
        <v>12330830</v>
      </c>
      <c r="KX27" s="320">
        <v>12330830</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757233</v>
      </c>
      <c r="LQ27" s="119">
        <v>5282750</v>
      </c>
      <c r="LR27" s="119">
        <v>2040570</v>
      </c>
      <c r="LS27" s="120">
        <v>8080553</v>
      </c>
      <c r="LT27" s="320">
        <v>8080553</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2936936</v>
      </c>
      <c r="MK27" s="119">
        <v>7589151</v>
      </c>
      <c r="ML27" s="119">
        <v>16815217</v>
      </c>
      <c r="MM27" s="119">
        <v>27328339</v>
      </c>
      <c r="MN27" s="119">
        <v>14351225</v>
      </c>
      <c r="MO27" s="120">
        <v>69020868</v>
      </c>
      <c r="MP27" s="143">
        <v>69020868</v>
      </c>
      <c r="MQ27" s="142">
        <v>0</v>
      </c>
      <c r="MR27" s="119">
        <v>0</v>
      </c>
      <c r="MS27" s="120">
        <v>0</v>
      </c>
      <c r="MT27" s="145"/>
      <c r="MU27" s="119">
        <v>400526</v>
      </c>
      <c r="MV27" s="119">
        <v>287325</v>
      </c>
      <c r="MW27" s="119">
        <v>9467592</v>
      </c>
      <c r="MX27" s="119">
        <v>15403529</v>
      </c>
      <c r="MY27" s="119">
        <v>8554981</v>
      </c>
      <c r="MZ27" s="120">
        <v>34113953</v>
      </c>
      <c r="NA27" s="143">
        <v>34113953</v>
      </c>
      <c r="NB27" s="142">
        <v>0</v>
      </c>
      <c r="NC27" s="119">
        <v>0</v>
      </c>
      <c r="ND27" s="120">
        <v>0</v>
      </c>
      <c r="NE27" s="145"/>
      <c r="NF27" s="119">
        <v>2536410</v>
      </c>
      <c r="NG27" s="119">
        <v>7301826</v>
      </c>
      <c r="NH27" s="119">
        <v>7347625</v>
      </c>
      <c r="NI27" s="119">
        <v>9117037</v>
      </c>
      <c r="NJ27" s="119">
        <v>4212805</v>
      </c>
      <c r="NK27" s="120">
        <v>30515703</v>
      </c>
      <c r="NL27" s="320">
        <v>30515703</v>
      </c>
      <c r="NM27" s="142">
        <v>0</v>
      </c>
      <c r="NN27" s="119">
        <v>0</v>
      </c>
      <c r="NO27" s="120">
        <v>0</v>
      </c>
      <c r="NP27" s="145"/>
      <c r="NQ27" s="119">
        <v>0</v>
      </c>
      <c r="NR27" s="119">
        <v>0</v>
      </c>
      <c r="NS27" s="119">
        <v>0</v>
      </c>
      <c r="NT27" s="119">
        <v>0</v>
      </c>
      <c r="NU27" s="119">
        <v>816020</v>
      </c>
      <c r="NV27" s="120">
        <v>816020</v>
      </c>
      <c r="NW27" s="121">
        <v>816020</v>
      </c>
      <c r="NX27" s="142">
        <v>0</v>
      </c>
      <c r="NY27" s="119">
        <v>0</v>
      </c>
      <c r="NZ27" s="120">
        <v>0</v>
      </c>
      <c r="OA27" s="145"/>
      <c r="OB27" s="119">
        <v>0</v>
      </c>
      <c r="OC27" s="119">
        <v>0</v>
      </c>
      <c r="OD27" s="119">
        <v>0</v>
      </c>
      <c r="OE27" s="119">
        <v>2807773</v>
      </c>
      <c r="OF27" s="119">
        <v>767419</v>
      </c>
      <c r="OG27" s="120">
        <v>3575192</v>
      </c>
      <c r="OH27" s="121">
        <v>3575192</v>
      </c>
      <c r="OI27" s="142">
        <v>1227079</v>
      </c>
      <c r="OJ27" s="119">
        <v>3532302</v>
      </c>
      <c r="OK27" s="141">
        <v>4759381</v>
      </c>
      <c r="OL27" s="118">
        <v>0</v>
      </c>
      <c r="OM27" s="119">
        <v>38925611</v>
      </c>
      <c r="ON27" s="119">
        <v>50934061</v>
      </c>
      <c r="OO27" s="119">
        <v>53136661</v>
      </c>
      <c r="OP27" s="119">
        <v>60562777</v>
      </c>
      <c r="OQ27" s="119">
        <v>35316580</v>
      </c>
      <c r="OR27" s="120">
        <v>238875690</v>
      </c>
      <c r="OS27" s="143">
        <v>243635071</v>
      </c>
    </row>
    <row r="28" spans="2:409" ht="21" customHeight="1" x14ac:dyDescent="0.2">
      <c r="B28" s="62" t="s">
        <v>23</v>
      </c>
      <c r="C28" s="110">
        <v>3006927</v>
      </c>
      <c r="D28" s="114">
        <v>5885316</v>
      </c>
      <c r="E28" s="113">
        <v>8892243</v>
      </c>
      <c r="F28" s="109">
        <v>0</v>
      </c>
      <c r="G28" s="114">
        <v>47922211</v>
      </c>
      <c r="H28" s="114">
        <v>56133247</v>
      </c>
      <c r="I28" s="114">
        <v>44429821</v>
      </c>
      <c r="J28" s="114">
        <v>53630539</v>
      </c>
      <c r="K28" s="114">
        <v>31680078</v>
      </c>
      <c r="L28" s="173">
        <v>233795896</v>
      </c>
      <c r="M28" s="116">
        <v>242688139</v>
      </c>
      <c r="N28" s="110">
        <v>1091904</v>
      </c>
      <c r="O28" s="114">
        <v>1795915</v>
      </c>
      <c r="P28" s="113">
        <v>2887819</v>
      </c>
      <c r="Q28" s="110">
        <v>0</v>
      </c>
      <c r="R28" s="114">
        <v>11818991</v>
      </c>
      <c r="S28" s="114">
        <v>14056398</v>
      </c>
      <c r="T28" s="114">
        <v>11953716</v>
      </c>
      <c r="U28" s="114">
        <v>16346550</v>
      </c>
      <c r="V28" s="114">
        <v>12182431</v>
      </c>
      <c r="W28" s="113">
        <v>66358086</v>
      </c>
      <c r="X28" s="116">
        <v>69245905</v>
      </c>
      <c r="Y28" s="110">
        <v>0</v>
      </c>
      <c r="Z28" s="114">
        <v>0</v>
      </c>
      <c r="AA28" s="113">
        <v>0</v>
      </c>
      <c r="AB28" s="110">
        <v>0</v>
      </c>
      <c r="AC28" s="114">
        <v>5138049</v>
      </c>
      <c r="AD28" s="114">
        <v>6136109</v>
      </c>
      <c r="AE28" s="114">
        <v>7122821</v>
      </c>
      <c r="AF28" s="114">
        <v>9459927</v>
      </c>
      <c r="AG28" s="114">
        <v>6628641</v>
      </c>
      <c r="AH28" s="113">
        <v>34485547</v>
      </c>
      <c r="AI28" s="116">
        <v>34485547</v>
      </c>
      <c r="AJ28" s="110">
        <v>0</v>
      </c>
      <c r="AK28" s="114">
        <v>0</v>
      </c>
      <c r="AL28" s="113">
        <v>0</v>
      </c>
      <c r="AM28" s="110">
        <v>0</v>
      </c>
      <c r="AN28" s="114">
        <v>40917</v>
      </c>
      <c r="AO28" s="114">
        <v>172707</v>
      </c>
      <c r="AP28" s="114">
        <v>226726</v>
      </c>
      <c r="AQ28" s="114">
        <v>541754</v>
      </c>
      <c r="AR28" s="114">
        <v>1246790</v>
      </c>
      <c r="AS28" s="113">
        <v>2228894</v>
      </c>
      <c r="AT28" s="116">
        <v>2228894</v>
      </c>
      <c r="AU28" s="110">
        <v>916858</v>
      </c>
      <c r="AV28" s="114">
        <v>1490842</v>
      </c>
      <c r="AW28" s="113">
        <v>2407700</v>
      </c>
      <c r="AX28" s="110">
        <v>0</v>
      </c>
      <c r="AY28" s="114">
        <v>3738068</v>
      </c>
      <c r="AZ28" s="114">
        <v>5125440</v>
      </c>
      <c r="BA28" s="114">
        <v>2315813</v>
      </c>
      <c r="BB28" s="114">
        <v>3372728</v>
      </c>
      <c r="BC28" s="114">
        <v>2215469</v>
      </c>
      <c r="BD28" s="113">
        <v>16767518</v>
      </c>
      <c r="BE28" s="116">
        <v>19175218</v>
      </c>
      <c r="BF28" s="110">
        <v>65395</v>
      </c>
      <c r="BG28" s="114">
        <v>170163</v>
      </c>
      <c r="BH28" s="112">
        <v>235558</v>
      </c>
      <c r="BI28" s="111">
        <v>0</v>
      </c>
      <c r="BJ28" s="114">
        <v>367146</v>
      </c>
      <c r="BK28" s="114">
        <v>809403</v>
      </c>
      <c r="BL28" s="114">
        <v>275880</v>
      </c>
      <c r="BM28" s="114">
        <v>321681</v>
      </c>
      <c r="BN28" s="114">
        <v>277326</v>
      </c>
      <c r="BO28" s="113">
        <v>2051436</v>
      </c>
      <c r="BP28" s="116">
        <v>2286994</v>
      </c>
      <c r="BQ28" s="110">
        <v>109651</v>
      </c>
      <c r="BR28" s="114">
        <v>134910</v>
      </c>
      <c r="BS28" s="113">
        <v>244561</v>
      </c>
      <c r="BT28" s="110">
        <v>0</v>
      </c>
      <c r="BU28" s="114">
        <v>2534811</v>
      </c>
      <c r="BV28" s="114">
        <v>1812739</v>
      </c>
      <c r="BW28" s="114">
        <v>2012476</v>
      </c>
      <c r="BX28" s="114">
        <v>2650460</v>
      </c>
      <c r="BY28" s="114">
        <v>1814205</v>
      </c>
      <c r="BZ28" s="113">
        <v>10824691</v>
      </c>
      <c r="CA28" s="116">
        <v>11069252</v>
      </c>
      <c r="CB28" s="110">
        <v>72149</v>
      </c>
      <c r="CC28" s="114">
        <v>455738</v>
      </c>
      <c r="CD28" s="113">
        <v>527887</v>
      </c>
      <c r="CE28" s="110">
        <v>0</v>
      </c>
      <c r="CF28" s="114">
        <v>16550836</v>
      </c>
      <c r="CG28" s="114">
        <v>19767209</v>
      </c>
      <c r="CH28" s="114">
        <v>14115730</v>
      </c>
      <c r="CI28" s="114">
        <v>11553977</v>
      </c>
      <c r="CJ28" s="114">
        <v>4085663</v>
      </c>
      <c r="CK28" s="113">
        <v>66073415</v>
      </c>
      <c r="CL28" s="116">
        <v>66601302</v>
      </c>
      <c r="CM28" s="110">
        <v>0</v>
      </c>
      <c r="CN28" s="114">
        <v>0</v>
      </c>
      <c r="CO28" s="113">
        <v>0</v>
      </c>
      <c r="CP28" s="111">
        <v>0</v>
      </c>
      <c r="CQ28" s="114">
        <v>14480985</v>
      </c>
      <c r="CR28" s="114">
        <v>16694652</v>
      </c>
      <c r="CS28" s="114">
        <v>11135974</v>
      </c>
      <c r="CT28" s="114">
        <v>8692008</v>
      </c>
      <c r="CU28" s="114">
        <v>3594177</v>
      </c>
      <c r="CV28" s="113">
        <v>54597796</v>
      </c>
      <c r="CW28" s="116">
        <v>54597796</v>
      </c>
      <c r="CX28" s="110">
        <v>72149</v>
      </c>
      <c r="CY28" s="114">
        <v>455738</v>
      </c>
      <c r="CZ28" s="113">
        <v>527887</v>
      </c>
      <c r="DA28" s="110">
        <v>0</v>
      </c>
      <c r="DB28" s="114">
        <v>2069851</v>
      </c>
      <c r="DC28" s="114">
        <v>3072557</v>
      </c>
      <c r="DD28" s="114">
        <v>2979756</v>
      </c>
      <c r="DE28" s="114">
        <v>2861969</v>
      </c>
      <c r="DF28" s="114">
        <v>491486</v>
      </c>
      <c r="DG28" s="113">
        <v>11475619</v>
      </c>
      <c r="DH28" s="116">
        <v>12003506</v>
      </c>
      <c r="DI28" s="110">
        <v>47597</v>
      </c>
      <c r="DJ28" s="114">
        <v>156546</v>
      </c>
      <c r="DK28" s="112">
        <v>204143</v>
      </c>
      <c r="DL28" s="111">
        <v>0</v>
      </c>
      <c r="DM28" s="114">
        <v>735929</v>
      </c>
      <c r="DN28" s="114">
        <v>3220821</v>
      </c>
      <c r="DO28" s="114">
        <v>3795782</v>
      </c>
      <c r="DP28" s="114">
        <v>4953051</v>
      </c>
      <c r="DQ28" s="114">
        <v>2208723</v>
      </c>
      <c r="DR28" s="113">
        <v>14914306</v>
      </c>
      <c r="DS28" s="116">
        <v>15118449</v>
      </c>
      <c r="DT28" s="110">
        <v>47597</v>
      </c>
      <c r="DU28" s="114">
        <v>130422</v>
      </c>
      <c r="DV28" s="113">
        <v>178019</v>
      </c>
      <c r="DW28" s="110">
        <v>0</v>
      </c>
      <c r="DX28" s="114">
        <v>705959</v>
      </c>
      <c r="DY28" s="114">
        <v>3048797</v>
      </c>
      <c r="DZ28" s="114">
        <v>3707781</v>
      </c>
      <c r="EA28" s="114">
        <v>4723944</v>
      </c>
      <c r="EB28" s="114">
        <v>1824581</v>
      </c>
      <c r="EC28" s="113">
        <v>14011062</v>
      </c>
      <c r="ED28" s="116">
        <v>14189081</v>
      </c>
      <c r="EE28" s="110">
        <v>0</v>
      </c>
      <c r="EF28" s="112">
        <v>26124</v>
      </c>
      <c r="EG28" s="113">
        <v>26124</v>
      </c>
      <c r="EH28" s="110">
        <v>0</v>
      </c>
      <c r="EI28" s="114">
        <v>29970</v>
      </c>
      <c r="EJ28" s="114">
        <v>172024</v>
      </c>
      <c r="EK28" s="114">
        <v>88001</v>
      </c>
      <c r="EL28" s="114">
        <v>229107</v>
      </c>
      <c r="EM28" s="114">
        <v>384142</v>
      </c>
      <c r="EN28" s="112">
        <v>903244</v>
      </c>
      <c r="EO28" s="116">
        <v>929368</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845098</v>
      </c>
      <c r="FM28" s="114">
        <v>1944687</v>
      </c>
      <c r="FN28" s="113">
        <v>2789785</v>
      </c>
      <c r="FO28" s="110">
        <v>0</v>
      </c>
      <c r="FP28" s="114">
        <v>2810619</v>
      </c>
      <c r="FQ28" s="114">
        <v>5800602</v>
      </c>
      <c r="FR28" s="114">
        <v>3540647</v>
      </c>
      <c r="FS28" s="114">
        <v>3598012</v>
      </c>
      <c r="FT28" s="114">
        <v>2070292</v>
      </c>
      <c r="FU28" s="113">
        <v>17820172</v>
      </c>
      <c r="FV28" s="116">
        <v>20609957</v>
      </c>
      <c r="FW28" s="115">
        <v>499498</v>
      </c>
      <c r="FX28" s="114">
        <v>1412027</v>
      </c>
      <c r="FY28" s="112">
        <v>1911525</v>
      </c>
      <c r="FZ28" s="111">
        <v>0</v>
      </c>
      <c r="GA28" s="114">
        <v>2385769</v>
      </c>
      <c r="GB28" s="114">
        <v>5214512</v>
      </c>
      <c r="GC28" s="114">
        <v>3007986</v>
      </c>
      <c r="GD28" s="114">
        <v>3430342</v>
      </c>
      <c r="GE28" s="114">
        <v>1938292</v>
      </c>
      <c r="GF28" s="113">
        <v>15976901</v>
      </c>
      <c r="GG28" s="318">
        <v>17888426</v>
      </c>
      <c r="GH28" s="115">
        <v>0</v>
      </c>
      <c r="GI28" s="114">
        <v>17671</v>
      </c>
      <c r="GJ28" s="112">
        <v>17671</v>
      </c>
      <c r="GK28" s="111">
        <v>0</v>
      </c>
      <c r="GL28" s="114">
        <v>11550</v>
      </c>
      <c r="GM28" s="114">
        <v>131500</v>
      </c>
      <c r="GN28" s="114">
        <v>30830</v>
      </c>
      <c r="GO28" s="114">
        <v>68220</v>
      </c>
      <c r="GP28" s="114">
        <v>24000</v>
      </c>
      <c r="GQ28" s="113">
        <v>266100</v>
      </c>
      <c r="GR28" s="116">
        <v>283771</v>
      </c>
      <c r="GS28" s="110">
        <v>345600</v>
      </c>
      <c r="GT28" s="114">
        <v>514989</v>
      </c>
      <c r="GU28" s="113">
        <v>860589</v>
      </c>
      <c r="GV28" s="110">
        <v>0</v>
      </c>
      <c r="GW28" s="114">
        <v>413300</v>
      </c>
      <c r="GX28" s="114">
        <v>454590</v>
      </c>
      <c r="GY28" s="114">
        <v>501831</v>
      </c>
      <c r="GZ28" s="114">
        <v>99450</v>
      </c>
      <c r="HA28" s="114">
        <v>108000</v>
      </c>
      <c r="HB28" s="112">
        <v>1577171</v>
      </c>
      <c r="HC28" s="116">
        <v>2437760</v>
      </c>
      <c r="HD28" s="110">
        <v>327901</v>
      </c>
      <c r="HE28" s="114">
        <v>284603</v>
      </c>
      <c r="HF28" s="112">
        <v>612504</v>
      </c>
      <c r="HG28" s="111">
        <v>0</v>
      </c>
      <c r="HH28" s="114">
        <v>7891970</v>
      </c>
      <c r="HI28" s="114">
        <v>6121461</v>
      </c>
      <c r="HJ28" s="114">
        <v>6702567</v>
      </c>
      <c r="HK28" s="114">
        <v>13396190</v>
      </c>
      <c r="HL28" s="114">
        <v>9387506</v>
      </c>
      <c r="HM28" s="113">
        <v>43499694</v>
      </c>
      <c r="HN28" s="109">
        <v>44112198</v>
      </c>
      <c r="HO28" s="115">
        <v>622278</v>
      </c>
      <c r="HP28" s="114">
        <v>1247827</v>
      </c>
      <c r="HQ28" s="113">
        <v>1870105</v>
      </c>
      <c r="HR28" s="110">
        <v>0</v>
      </c>
      <c r="HS28" s="114">
        <v>8113866</v>
      </c>
      <c r="HT28" s="114">
        <v>7166756</v>
      </c>
      <c r="HU28" s="114">
        <v>4321379</v>
      </c>
      <c r="HV28" s="114">
        <v>3782759</v>
      </c>
      <c r="HW28" s="114">
        <v>1745463</v>
      </c>
      <c r="HX28" s="112">
        <v>25130223</v>
      </c>
      <c r="HY28" s="116">
        <v>27000328</v>
      </c>
      <c r="HZ28" s="150">
        <v>0</v>
      </c>
      <c r="IA28" s="135">
        <v>0</v>
      </c>
      <c r="IB28" s="150">
        <v>0</v>
      </c>
      <c r="IC28" s="134">
        <v>0</v>
      </c>
      <c r="ID28" s="135">
        <v>11419380</v>
      </c>
      <c r="IE28" s="136">
        <v>6414852</v>
      </c>
      <c r="IF28" s="137">
        <v>8423477</v>
      </c>
      <c r="IG28" s="135">
        <v>5955050</v>
      </c>
      <c r="IH28" s="137">
        <v>4637863</v>
      </c>
      <c r="II28" s="138">
        <v>36850622</v>
      </c>
      <c r="IJ28" s="150">
        <v>36850622</v>
      </c>
      <c r="IK28" s="232">
        <v>0</v>
      </c>
      <c r="IL28" s="236">
        <v>0</v>
      </c>
      <c r="IM28" s="237">
        <v>0</v>
      </c>
      <c r="IN28" s="140"/>
      <c r="IO28" s="119">
        <v>0</v>
      </c>
      <c r="IP28" s="119">
        <v>108765</v>
      </c>
      <c r="IQ28" s="119">
        <v>0</v>
      </c>
      <c r="IR28" s="119">
        <v>0</v>
      </c>
      <c r="IS28" s="119">
        <v>577643</v>
      </c>
      <c r="IT28" s="141">
        <v>686408</v>
      </c>
      <c r="IU28" s="320">
        <v>686408</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3427285</v>
      </c>
      <c r="JL28" s="119">
        <v>1792297</v>
      </c>
      <c r="JM28" s="119">
        <v>1677002</v>
      </c>
      <c r="JN28" s="119">
        <v>1523086</v>
      </c>
      <c r="JO28" s="119">
        <v>1090395</v>
      </c>
      <c r="JP28" s="120">
        <v>9510065</v>
      </c>
      <c r="JQ28" s="320">
        <v>9510065</v>
      </c>
      <c r="JR28" s="142">
        <v>0</v>
      </c>
      <c r="JS28" s="119">
        <v>0</v>
      </c>
      <c r="JT28" s="141">
        <v>0</v>
      </c>
      <c r="JU28" s="118">
        <v>0</v>
      </c>
      <c r="JV28" s="119">
        <v>0</v>
      </c>
      <c r="JW28" s="119">
        <v>4604</v>
      </c>
      <c r="JX28" s="119">
        <v>354132</v>
      </c>
      <c r="JY28" s="119">
        <v>286236</v>
      </c>
      <c r="JZ28" s="119">
        <v>0</v>
      </c>
      <c r="KA28" s="120">
        <v>644972</v>
      </c>
      <c r="KB28" s="320">
        <v>644972</v>
      </c>
      <c r="KC28" s="234">
        <v>0</v>
      </c>
      <c r="KD28" s="230">
        <v>0</v>
      </c>
      <c r="KE28" s="120">
        <v>0</v>
      </c>
      <c r="KF28" s="118">
        <v>0</v>
      </c>
      <c r="KG28" s="119">
        <v>779286</v>
      </c>
      <c r="KH28" s="119">
        <v>761581</v>
      </c>
      <c r="KI28" s="119">
        <v>789991</v>
      </c>
      <c r="KJ28" s="119">
        <v>390451</v>
      </c>
      <c r="KK28" s="119">
        <v>614416</v>
      </c>
      <c r="KL28" s="120">
        <v>3335725</v>
      </c>
      <c r="KM28" s="143">
        <v>3335725</v>
      </c>
      <c r="KN28" s="232">
        <v>0</v>
      </c>
      <c r="KO28" s="236">
        <v>0</v>
      </c>
      <c r="KP28" s="237">
        <v>0</v>
      </c>
      <c r="KQ28" s="140"/>
      <c r="KR28" s="119">
        <v>7212809</v>
      </c>
      <c r="KS28" s="119">
        <v>3747605</v>
      </c>
      <c r="KT28" s="119">
        <v>5602352</v>
      </c>
      <c r="KU28" s="119">
        <v>3435410</v>
      </c>
      <c r="KV28" s="119">
        <v>2355409</v>
      </c>
      <c r="KW28" s="120">
        <v>22353585</v>
      </c>
      <c r="KX28" s="320">
        <v>22353585</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319867</v>
      </c>
      <c r="MC28" s="119">
        <v>0</v>
      </c>
      <c r="MD28" s="120">
        <v>319867</v>
      </c>
      <c r="ME28" s="121">
        <v>319867</v>
      </c>
      <c r="MF28" s="142">
        <v>0</v>
      </c>
      <c r="MG28" s="119">
        <v>0</v>
      </c>
      <c r="MH28" s="120">
        <v>0</v>
      </c>
      <c r="MI28" s="145"/>
      <c r="MJ28" s="119">
        <v>4200287</v>
      </c>
      <c r="MK28" s="119">
        <v>8153674</v>
      </c>
      <c r="ML28" s="119">
        <v>30657512</v>
      </c>
      <c r="MM28" s="119">
        <v>45641068</v>
      </c>
      <c r="MN28" s="119">
        <v>42851498</v>
      </c>
      <c r="MO28" s="120">
        <v>131504039</v>
      </c>
      <c r="MP28" s="143">
        <v>131504039</v>
      </c>
      <c r="MQ28" s="142">
        <v>0</v>
      </c>
      <c r="MR28" s="119">
        <v>0</v>
      </c>
      <c r="MS28" s="120">
        <v>0</v>
      </c>
      <c r="MT28" s="145"/>
      <c r="MU28" s="119">
        <v>615943</v>
      </c>
      <c r="MV28" s="119">
        <v>2215804</v>
      </c>
      <c r="MW28" s="119">
        <v>21763208</v>
      </c>
      <c r="MX28" s="119">
        <v>29045594</v>
      </c>
      <c r="MY28" s="119">
        <v>28537653</v>
      </c>
      <c r="MZ28" s="120">
        <v>82178202</v>
      </c>
      <c r="NA28" s="143">
        <v>82178202</v>
      </c>
      <c r="NB28" s="142">
        <v>0</v>
      </c>
      <c r="NC28" s="119">
        <v>0</v>
      </c>
      <c r="ND28" s="120">
        <v>0</v>
      </c>
      <c r="NE28" s="145"/>
      <c r="NF28" s="119">
        <v>3584344</v>
      </c>
      <c r="NG28" s="119">
        <v>5937870</v>
      </c>
      <c r="NH28" s="119">
        <v>8894304</v>
      </c>
      <c r="NI28" s="119">
        <v>15611738</v>
      </c>
      <c r="NJ28" s="119">
        <v>10923763</v>
      </c>
      <c r="NK28" s="120">
        <v>44952019</v>
      </c>
      <c r="NL28" s="320">
        <v>44952019</v>
      </c>
      <c r="NM28" s="142">
        <v>0</v>
      </c>
      <c r="NN28" s="119">
        <v>0</v>
      </c>
      <c r="NO28" s="120">
        <v>0</v>
      </c>
      <c r="NP28" s="145"/>
      <c r="NQ28" s="119">
        <v>0</v>
      </c>
      <c r="NR28" s="119">
        <v>0</v>
      </c>
      <c r="NS28" s="119">
        <v>0</v>
      </c>
      <c r="NT28" s="119">
        <v>253046</v>
      </c>
      <c r="NU28" s="119">
        <v>467832</v>
      </c>
      <c r="NV28" s="120">
        <v>720878</v>
      </c>
      <c r="NW28" s="121">
        <v>720878</v>
      </c>
      <c r="NX28" s="142">
        <v>0</v>
      </c>
      <c r="NY28" s="119">
        <v>0</v>
      </c>
      <c r="NZ28" s="120">
        <v>0</v>
      </c>
      <c r="OA28" s="145"/>
      <c r="OB28" s="119">
        <v>0</v>
      </c>
      <c r="OC28" s="119">
        <v>0</v>
      </c>
      <c r="OD28" s="119">
        <v>0</v>
      </c>
      <c r="OE28" s="119">
        <v>730690</v>
      </c>
      <c r="OF28" s="119">
        <v>2922250</v>
      </c>
      <c r="OG28" s="120">
        <v>3652940</v>
      </c>
      <c r="OH28" s="121">
        <v>3652940</v>
      </c>
      <c r="OI28" s="142">
        <v>3006927</v>
      </c>
      <c r="OJ28" s="119">
        <v>5885316</v>
      </c>
      <c r="OK28" s="141">
        <v>8892243</v>
      </c>
      <c r="OL28" s="118">
        <v>0</v>
      </c>
      <c r="OM28" s="119">
        <v>63541878</v>
      </c>
      <c r="ON28" s="119">
        <v>70701773</v>
      </c>
      <c r="OO28" s="119">
        <v>83510810</v>
      </c>
      <c r="OP28" s="119">
        <v>105226657</v>
      </c>
      <c r="OQ28" s="119">
        <v>79169439</v>
      </c>
      <c r="OR28" s="120">
        <v>402150557</v>
      </c>
      <c r="OS28" s="143">
        <v>411042800</v>
      </c>
    </row>
    <row r="29" spans="2:409" ht="21" customHeight="1" x14ac:dyDescent="0.2">
      <c r="B29" s="62" t="s">
        <v>24</v>
      </c>
      <c r="C29" s="110">
        <v>2387501</v>
      </c>
      <c r="D29" s="114">
        <v>3458742</v>
      </c>
      <c r="E29" s="113">
        <v>5846243</v>
      </c>
      <c r="F29" s="109">
        <v>0</v>
      </c>
      <c r="G29" s="114">
        <v>23989521</v>
      </c>
      <c r="H29" s="114">
        <v>25964118</v>
      </c>
      <c r="I29" s="114">
        <v>22420988</v>
      </c>
      <c r="J29" s="114">
        <v>23049151</v>
      </c>
      <c r="K29" s="114">
        <v>22154973</v>
      </c>
      <c r="L29" s="173">
        <v>117578751</v>
      </c>
      <c r="M29" s="116">
        <v>123424994</v>
      </c>
      <c r="N29" s="110">
        <v>498329</v>
      </c>
      <c r="O29" s="114">
        <v>939936</v>
      </c>
      <c r="P29" s="113">
        <v>1438265</v>
      </c>
      <c r="Q29" s="110">
        <v>0</v>
      </c>
      <c r="R29" s="114">
        <v>4769164</v>
      </c>
      <c r="S29" s="114">
        <v>7066912</v>
      </c>
      <c r="T29" s="114">
        <v>7026433</v>
      </c>
      <c r="U29" s="114">
        <v>8086218</v>
      </c>
      <c r="V29" s="114">
        <v>10380615</v>
      </c>
      <c r="W29" s="113">
        <v>37329342</v>
      </c>
      <c r="X29" s="116">
        <v>38767607</v>
      </c>
      <c r="Y29" s="110">
        <v>0</v>
      </c>
      <c r="Z29" s="114">
        <v>0</v>
      </c>
      <c r="AA29" s="113">
        <v>0</v>
      </c>
      <c r="AB29" s="110">
        <v>0</v>
      </c>
      <c r="AC29" s="114">
        <v>1925882</v>
      </c>
      <c r="AD29" s="114">
        <v>3191730</v>
      </c>
      <c r="AE29" s="114">
        <v>4092754</v>
      </c>
      <c r="AF29" s="114">
        <v>4616392</v>
      </c>
      <c r="AG29" s="114">
        <v>5976830</v>
      </c>
      <c r="AH29" s="113">
        <v>19803588</v>
      </c>
      <c r="AI29" s="116">
        <v>19803588</v>
      </c>
      <c r="AJ29" s="110">
        <v>0</v>
      </c>
      <c r="AK29" s="114">
        <v>0</v>
      </c>
      <c r="AL29" s="113">
        <v>0</v>
      </c>
      <c r="AM29" s="110">
        <v>0</v>
      </c>
      <c r="AN29" s="114">
        <v>0</v>
      </c>
      <c r="AO29" s="114">
        <v>144400</v>
      </c>
      <c r="AP29" s="114">
        <v>357157</v>
      </c>
      <c r="AQ29" s="114">
        <v>590398</v>
      </c>
      <c r="AR29" s="114">
        <v>1428998</v>
      </c>
      <c r="AS29" s="113">
        <v>2520953</v>
      </c>
      <c r="AT29" s="116">
        <v>2520953</v>
      </c>
      <c r="AU29" s="110">
        <v>308381</v>
      </c>
      <c r="AV29" s="114">
        <v>781176</v>
      </c>
      <c r="AW29" s="113">
        <v>1089557</v>
      </c>
      <c r="AX29" s="110">
        <v>0</v>
      </c>
      <c r="AY29" s="114">
        <v>1763326</v>
      </c>
      <c r="AZ29" s="114">
        <v>2444643</v>
      </c>
      <c r="BA29" s="114">
        <v>1606276</v>
      </c>
      <c r="BB29" s="114">
        <v>1527029</v>
      </c>
      <c r="BC29" s="114">
        <v>1749677</v>
      </c>
      <c r="BD29" s="113">
        <v>9090951</v>
      </c>
      <c r="BE29" s="116">
        <v>10180508</v>
      </c>
      <c r="BF29" s="110">
        <v>0</v>
      </c>
      <c r="BG29" s="114">
        <v>23395</v>
      </c>
      <c r="BH29" s="112">
        <v>23395</v>
      </c>
      <c r="BI29" s="111">
        <v>0</v>
      </c>
      <c r="BJ29" s="114">
        <v>125544</v>
      </c>
      <c r="BK29" s="114">
        <v>261547</v>
      </c>
      <c r="BL29" s="114">
        <v>0</v>
      </c>
      <c r="BM29" s="114">
        <v>207407</v>
      </c>
      <c r="BN29" s="114">
        <v>117380</v>
      </c>
      <c r="BO29" s="113">
        <v>711878</v>
      </c>
      <c r="BP29" s="116">
        <v>735273</v>
      </c>
      <c r="BQ29" s="110">
        <v>189948</v>
      </c>
      <c r="BR29" s="114">
        <v>135365</v>
      </c>
      <c r="BS29" s="113">
        <v>325313</v>
      </c>
      <c r="BT29" s="110">
        <v>0</v>
      </c>
      <c r="BU29" s="114">
        <v>954412</v>
      </c>
      <c r="BV29" s="114">
        <v>1024592</v>
      </c>
      <c r="BW29" s="114">
        <v>970246</v>
      </c>
      <c r="BX29" s="114">
        <v>1144992</v>
      </c>
      <c r="BY29" s="114">
        <v>1107730</v>
      </c>
      <c r="BZ29" s="113">
        <v>5201972</v>
      </c>
      <c r="CA29" s="116">
        <v>5527285</v>
      </c>
      <c r="CB29" s="110">
        <v>195657</v>
      </c>
      <c r="CC29" s="114">
        <v>457348</v>
      </c>
      <c r="CD29" s="113">
        <v>653005</v>
      </c>
      <c r="CE29" s="110">
        <v>0</v>
      </c>
      <c r="CF29" s="114">
        <v>8088958</v>
      </c>
      <c r="CG29" s="114">
        <v>7551511</v>
      </c>
      <c r="CH29" s="114">
        <v>5143471</v>
      </c>
      <c r="CI29" s="114">
        <v>3424973</v>
      </c>
      <c r="CJ29" s="114">
        <v>2596093</v>
      </c>
      <c r="CK29" s="113">
        <v>26805006</v>
      </c>
      <c r="CL29" s="116">
        <v>27458011</v>
      </c>
      <c r="CM29" s="110">
        <v>0</v>
      </c>
      <c r="CN29" s="114">
        <v>0</v>
      </c>
      <c r="CO29" s="113">
        <v>0</v>
      </c>
      <c r="CP29" s="111">
        <v>0</v>
      </c>
      <c r="CQ29" s="114">
        <v>6040180</v>
      </c>
      <c r="CR29" s="114">
        <v>5296308</v>
      </c>
      <c r="CS29" s="114">
        <v>3541976</v>
      </c>
      <c r="CT29" s="114">
        <v>2760545</v>
      </c>
      <c r="CU29" s="114">
        <v>790667</v>
      </c>
      <c r="CV29" s="113">
        <v>18429676</v>
      </c>
      <c r="CW29" s="116">
        <v>18429676</v>
      </c>
      <c r="CX29" s="110">
        <v>195657</v>
      </c>
      <c r="CY29" s="114">
        <v>457348</v>
      </c>
      <c r="CZ29" s="113">
        <v>653005</v>
      </c>
      <c r="DA29" s="110">
        <v>0</v>
      </c>
      <c r="DB29" s="114">
        <v>2048778</v>
      </c>
      <c r="DC29" s="114">
        <v>2255203</v>
      </c>
      <c r="DD29" s="114">
        <v>1601495</v>
      </c>
      <c r="DE29" s="114">
        <v>664428</v>
      </c>
      <c r="DF29" s="114">
        <v>1805426</v>
      </c>
      <c r="DG29" s="113">
        <v>8375330</v>
      </c>
      <c r="DH29" s="116">
        <v>9028335</v>
      </c>
      <c r="DI29" s="110">
        <v>45982</v>
      </c>
      <c r="DJ29" s="114">
        <v>46083</v>
      </c>
      <c r="DK29" s="112">
        <v>92065</v>
      </c>
      <c r="DL29" s="111">
        <v>0</v>
      </c>
      <c r="DM29" s="114">
        <v>897642</v>
      </c>
      <c r="DN29" s="114">
        <v>1348158</v>
      </c>
      <c r="DO29" s="114">
        <v>1985639</v>
      </c>
      <c r="DP29" s="114">
        <v>1428902</v>
      </c>
      <c r="DQ29" s="114">
        <v>891929</v>
      </c>
      <c r="DR29" s="113">
        <v>6552270</v>
      </c>
      <c r="DS29" s="116">
        <v>6644335</v>
      </c>
      <c r="DT29" s="110">
        <v>45982</v>
      </c>
      <c r="DU29" s="114">
        <v>46083</v>
      </c>
      <c r="DV29" s="113">
        <v>92065</v>
      </c>
      <c r="DW29" s="110">
        <v>0</v>
      </c>
      <c r="DX29" s="114">
        <v>729941</v>
      </c>
      <c r="DY29" s="114">
        <v>1142197</v>
      </c>
      <c r="DZ29" s="114">
        <v>1861744</v>
      </c>
      <c r="EA29" s="114">
        <v>1383686</v>
      </c>
      <c r="EB29" s="114">
        <v>729009</v>
      </c>
      <c r="EC29" s="113">
        <v>5846577</v>
      </c>
      <c r="ED29" s="116">
        <v>5938642</v>
      </c>
      <c r="EE29" s="110">
        <v>0</v>
      </c>
      <c r="EF29" s="112">
        <v>0</v>
      </c>
      <c r="EG29" s="113">
        <v>0</v>
      </c>
      <c r="EH29" s="110">
        <v>0</v>
      </c>
      <c r="EI29" s="114">
        <v>167701</v>
      </c>
      <c r="EJ29" s="114">
        <v>205961</v>
      </c>
      <c r="EK29" s="114">
        <v>123895</v>
      </c>
      <c r="EL29" s="114">
        <v>45216</v>
      </c>
      <c r="EM29" s="114">
        <v>162920</v>
      </c>
      <c r="EN29" s="112">
        <v>705693</v>
      </c>
      <c r="EO29" s="116">
        <v>705693</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511453</v>
      </c>
      <c r="FM29" s="114">
        <v>858675</v>
      </c>
      <c r="FN29" s="113">
        <v>1370128</v>
      </c>
      <c r="FO29" s="110">
        <v>0</v>
      </c>
      <c r="FP29" s="114">
        <v>1258979</v>
      </c>
      <c r="FQ29" s="114">
        <v>2140069</v>
      </c>
      <c r="FR29" s="114">
        <v>1587668</v>
      </c>
      <c r="FS29" s="114">
        <v>1394006</v>
      </c>
      <c r="FT29" s="114">
        <v>1411573</v>
      </c>
      <c r="FU29" s="113">
        <v>7792295</v>
      </c>
      <c r="FV29" s="116">
        <v>9162423</v>
      </c>
      <c r="FW29" s="115">
        <v>339588</v>
      </c>
      <c r="FX29" s="114">
        <v>418331</v>
      </c>
      <c r="FY29" s="112">
        <v>757919</v>
      </c>
      <c r="FZ29" s="111">
        <v>0</v>
      </c>
      <c r="GA29" s="114">
        <v>877320</v>
      </c>
      <c r="GB29" s="114">
        <v>2039167</v>
      </c>
      <c r="GC29" s="114">
        <v>1587668</v>
      </c>
      <c r="GD29" s="114">
        <v>1311886</v>
      </c>
      <c r="GE29" s="114">
        <v>1411573</v>
      </c>
      <c r="GF29" s="113">
        <v>7227614</v>
      </c>
      <c r="GG29" s="318">
        <v>7985533</v>
      </c>
      <c r="GH29" s="115">
        <v>72765</v>
      </c>
      <c r="GI29" s="114">
        <v>94094</v>
      </c>
      <c r="GJ29" s="112">
        <v>166859</v>
      </c>
      <c r="GK29" s="111">
        <v>0</v>
      </c>
      <c r="GL29" s="114">
        <v>55875</v>
      </c>
      <c r="GM29" s="114">
        <v>100902</v>
      </c>
      <c r="GN29" s="114">
        <v>0</v>
      </c>
      <c r="GO29" s="114">
        <v>40260</v>
      </c>
      <c r="GP29" s="114">
        <v>0</v>
      </c>
      <c r="GQ29" s="113">
        <v>197037</v>
      </c>
      <c r="GR29" s="116">
        <v>363896</v>
      </c>
      <c r="GS29" s="110">
        <v>99100</v>
      </c>
      <c r="GT29" s="114">
        <v>346250</v>
      </c>
      <c r="GU29" s="113">
        <v>445350</v>
      </c>
      <c r="GV29" s="110">
        <v>0</v>
      </c>
      <c r="GW29" s="114">
        <v>325784</v>
      </c>
      <c r="GX29" s="114">
        <v>0</v>
      </c>
      <c r="GY29" s="114">
        <v>0</v>
      </c>
      <c r="GZ29" s="114">
        <v>41860</v>
      </c>
      <c r="HA29" s="114">
        <v>0</v>
      </c>
      <c r="HB29" s="112">
        <v>367644</v>
      </c>
      <c r="HC29" s="116">
        <v>812994</v>
      </c>
      <c r="HD29" s="110">
        <v>681217</v>
      </c>
      <c r="HE29" s="114">
        <v>686893</v>
      </c>
      <c r="HF29" s="112">
        <v>1368110</v>
      </c>
      <c r="HG29" s="111">
        <v>0</v>
      </c>
      <c r="HH29" s="114">
        <v>5136396</v>
      </c>
      <c r="HI29" s="114">
        <v>5042130</v>
      </c>
      <c r="HJ29" s="114">
        <v>4470999</v>
      </c>
      <c r="HK29" s="114">
        <v>7484411</v>
      </c>
      <c r="HL29" s="114">
        <v>5895167</v>
      </c>
      <c r="HM29" s="113">
        <v>28029103</v>
      </c>
      <c r="HN29" s="109">
        <v>29397213</v>
      </c>
      <c r="HO29" s="115">
        <v>454863</v>
      </c>
      <c r="HP29" s="114">
        <v>469807</v>
      </c>
      <c r="HQ29" s="113">
        <v>924670</v>
      </c>
      <c r="HR29" s="110">
        <v>0</v>
      </c>
      <c r="HS29" s="114">
        <v>3838382</v>
      </c>
      <c r="HT29" s="114">
        <v>2815338</v>
      </c>
      <c r="HU29" s="114">
        <v>2206778</v>
      </c>
      <c r="HV29" s="114">
        <v>1230641</v>
      </c>
      <c r="HW29" s="114">
        <v>979596</v>
      </c>
      <c r="HX29" s="112">
        <v>11070735</v>
      </c>
      <c r="HY29" s="116">
        <v>11995405</v>
      </c>
      <c r="HZ29" s="131">
        <v>138793</v>
      </c>
      <c r="IA29" s="132">
        <v>402045</v>
      </c>
      <c r="IB29" s="133">
        <v>540838</v>
      </c>
      <c r="IC29" s="146">
        <v>0</v>
      </c>
      <c r="ID29" s="132">
        <v>4201342</v>
      </c>
      <c r="IE29" s="147">
        <v>4483432</v>
      </c>
      <c r="IF29" s="133">
        <v>5606086</v>
      </c>
      <c r="IG29" s="132">
        <v>3673314</v>
      </c>
      <c r="IH29" s="133">
        <v>1739651</v>
      </c>
      <c r="II29" s="148">
        <v>19703825</v>
      </c>
      <c r="IJ29" s="139">
        <v>20244663</v>
      </c>
      <c r="IK29" s="232">
        <v>0</v>
      </c>
      <c r="IL29" s="236">
        <v>0</v>
      </c>
      <c r="IM29" s="237">
        <v>0</v>
      </c>
      <c r="IN29" s="140"/>
      <c r="IO29" s="119">
        <v>203767</v>
      </c>
      <c r="IP29" s="119">
        <v>345425</v>
      </c>
      <c r="IQ29" s="119">
        <v>344853</v>
      </c>
      <c r="IR29" s="119">
        <v>189329</v>
      </c>
      <c r="IS29" s="119">
        <v>0</v>
      </c>
      <c r="IT29" s="141">
        <v>1083374</v>
      </c>
      <c r="IU29" s="320">
        <v>1083374</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376882</v>
      </c>
      <c r="JL29" s="119">
        <v>1359226</v>
      </c>
      <c r="JM29" s="119">
        <v>1253792</v>
      </c>
      <c r="JN29" s="119">
        <v>387833</v>
      </c>
      <c r="JO29" s="119">
        <v>123763</v>
      </c>
      <c r="JP29" s="120">
        <v>4501496</v>
      </c>
      <c r="JQ29" s="320">
        <v>4501496</v>
      </c>
      <c r="JR29" s="142">
        <v>0</v>
      </c>
      <c r="JS29" s="119">
        <v>0</v>
      </c>
      <c r="JT29" s="141">
        <v>0</v>
      </c>
      <c r="JU29" s="118">
        <v>0</v>
      </c>
      <c r="JV29" s="119">
        <v>659991</v>
      </c>
      <c r="JW29" s="119">
        <v>188681</v>
      </c>
      <c r="JX29" s="119">
        <v>517933</v>
      </c>
      <c r="JY29" s="119">
        <v>232794</v>
      </c>
      <c r="JZ29" s="119">
        <v>116050</v>
      </c>
      <c r="KA29" s="120">
        <v>1715449</v>
      </c>
      <c r="KB29" s="320">
        <v>1715449</v>
      </c>
      <c r="KC29" s="234">
        <v>138793</v>
      </c>
      <c r="KD29" s="230">
        <v>402045</v>
      </c>
      <c r="KE29" s="120">
        <v>540838</v>
      </c>
      <c r="KF29" s="118">
        <v>0</v>
      </c>
      <c r="KG29" s="119">
        <v>1729813</v>
      </c>
      <c r="KH29" s="119">
        <v>1631234</v>
      </c>
      <c r="KI29" s="119">
        <v>1624379</v>
      </c>
      <c r="KJ29" s="119">
        <v>853053</v>
      </c>
      <c r="KK29" s="119">
        <v>303109</v>
      </c>
      <c r="KL29" s="120">
        <v>6141588</v>
      </c>
      <c r="KM29" s="143">
        <v>6682426</v>
      </c>
      <c r="KN29" s="232">
        <v>0</v>
      </c>
      <c r="KO29" s="236">
        <v>0</v>
      </c>
      <c r="KP29" s="237">
        <v>0</v>
      </c>
      <c r="KQ29" s="140"/>
      <c r="KR29" s="119">
        <v>230889</v>
      </c>
      <c r="KS29" s="119">
        <v>958866</v>
      </c>
      <c r="KT29" s="119">
        <v>1865129</v>
      </c>
      <c r="KU29" s="119">
        <v>2010305</v>
      </c>
      <c r="KV29" s="119">
        <v>1196729</v>
      </c>
      <c r="KW29" s="120">
        <v>6261918</v>
      </c>
      <c r="KX29" s="320">
        <v>6261918</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2524061</v>
      </c>
      <c r="MK29" s="119">
        <v>3313293</v>
      </c>
      <c r="ML29" s="119">
        <v>12939964</v>
      </c>
      <c r="MM29" s="119">
        <v>26522473</v>
      </c>
      <c r="MN29" s="119">
        <v>18620683</v>
      </c>
      <c r="MO29" s="120">
        <v>63920474</v>
      </c>
      <c r="MP29" s="143">
        <v>63920474</v>
      </c>
      <c r="MQ29" s="142">
        <v>0</v>
      </c>
      <c r="MR29" s="119">
        <v>0</v>
      </c>
      <c r="MS29" s="120">
        <v>0</v>
      </c>
      <c r="MT29" s="145"/>
      <c r="MU29" s="119">
        <v>0</v>
      </c>
      <c r="MV29" s="119">
        <v>0</v>
      </c>
      <c r="MW29" s="119">
        <v>6820756</v>
      </c>
      <c r="MX29" s="119">
        <v>17445843</v>
      </c>
      <c r="MY29" s="119">
        <v>15459392</v>
      </c>
      <c r="MZ29" s="120">
        <v>39725991</v>
      </c>
      <c r="NA29" s="143">
        <v>39725991</v>
      </c>
      <c r="NB29" s="142">
        <v>0</v>
      </c>
      <c r="NC29" s="119">
        <v>0</v>
      </c>
      <c r="ND29" s="120">
        <v>0</v>
      </c>
      <c r="NE29" s="145"/>
      <c r="NF29" s="119">
        <v>2524061</v>
      </c>
      <c r="NG29" s="119">
        <v>3313293</v>
      </c>
      <c r="NH29" s="119">
        <v>6119208</v>
      </c>
      <c r="NI29" s="119">
        <v>9076630</v>
      </c>
      <c r="NJ29" s="119">
        <v>3161291</v>
      </c>
      <c r="NK29" s="120">
        <v>24194483</v>
      </c>
      <c r="NL29" s="320">
        <v>24194483</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526294</v>
      </c>
      <c r="OJ29" s="119">
        <v>3860787</v>
      </c>
      <c r="OK29" s="141">
        <v>6387081</v>
      </c>
      <c r="OL29" s="118">
        <v>0</v>
      </c>
      <c r="OM29" s="119">
        <v>30714924</v>
      </c>
      <c r="ON29" s="119">
        <v>33760843</v>
      </c>
      <c r="OO29" s="119">
        <v>40967038</v>
      </c>
      <c r="OP29" s="119">
        <v>53244938</v>
      </c>
      <c r="OQ29" s="119">
        <v>42515307</v>
      </c>
      <c r="OR29" s="120">
        <v>201203050</v>
      </c>
      <c r="OS29" s="143">
        <v>207590131</v>
      </c>
    </row>
    <row r="30" spans="2:409" ht="21" customHeight="1" x14ac:dyDescent="0.2">
      <c r="B30" s="62" t="s">
        <v>25</v>
      </c>
      <c r="C30" s="110">
        <v>2271837</v>
      </c>
      <c r="D30" s="114">
        <v>4752075</v>
      </c>
      <c r="E30" s="113">
        <v>7023912</v>
      </c>
      <c r="F30" s="109">
        <v>0</v>
      </c>
      <c r="G30" s="114">
        <v>25267906</v>
      </c>
      <c r="H30" s="114">
        <v>32756623</v>
      </c>
      <c r="I30" s="114">
        <v>23835465</v>
      </c>
      <c r="J30" s="114">
        <v>26081738</v>
      </c>
      <c r="K30" s="114">
        <v>14230943</v>
      </c>
      <c r="L30" s="173">
        <v>122172675</v>
      </c>
      <c r="M30" s="116">
        <v>129196587</v>
      </c>
      <c r="N30" s="110">
        <v>560663</v>
      </c>
      <c r="O30" s="114">
        <v>1524281</v>
      </c>
      <c r="P30" s="113">
        <v>2084944</v>
      </c>
      <c r="Q30" s="110">
        <v>0</v>
      </c>
      <c r="R30" s="114">
        <v>6975661</v>
      </c>
      <c r="S30" s="114">
        <v>10184160</v>
      </c>
      <c r="T30" s="114">
        <v>7976137</v>
      </c>
      <c r="U30" s="114">
        <v>9962239</v>
      </c>
      <c r="V30" s="114">
        <v>7876615</v>
      </c>
      <c r="W30" s="113">
        <v>42974812</v>
      </c>
      <c r="X30" s="116">
        <v>45059756</v>
      </c>
      <c r="Y30" s="110">
        <v>0</v>
      </c>
      <c r="Z30" s="114">
        <v>0</v>
      </c>
      <c r="AA30" s="113">
        <v>0</v>
      </c>
      <c r="AB30" s="110">
        <v>0</v>
      </c>
      <c r="AC30" s="114">
        <v>3681550</v>
      </c>
      <c r="AD30" s="114">
        <v>5187142</v>
      </c>
      <c r="AE30" s="114">
        <v>4597465</v>
      </c>
      <c r="AF30" s="114">
        <v>6374822</v>
      </c>
      <c r="AG30" s="114">
        <v>4695535</v>
      </c>
      <c r="AH30" s="113">
        <v>24536514</v>
      </c>
      <c r="AI30" s="116">
        <v>24536514</v>
      </c>
      <c r="AJ30" s="110">
        <v>0</v>
      </c>
      <c r="AK30" s="114">
        <v>0</v>
      </c>
      <c r="AL30" s="113">
        <v>0</v>
      </c>
      <c r="AM30" s="110">
        <v>0</v>
      </c>
      <c r="AN30" s="114">
        <v>107364</v>
      </c>
      <c r="AO30" s="114">
        <v>762952</v>
      </c>
      <c r="AP30" s="114">
        <v>711849</v>
      </c>
      <c r="AQ30" s="114">
        <v>1032681</v>
      </c>
      <c r="AR30" s="114">
        <v>1397688</v>
      </c>
      <c r="AS30" s="113">
        <v>4012534</v>
      </c>
      <c r="AT30" s="116">
        <v>4012534</v>
      </c>
      <c r="AU30" s="110">
        <v>448124</v>
      </c>
      <c r="AV30" s="114">
        <v>1171312</v>
      </c>
      <c r="AW30" s="113">
        <v>1619436</v>
      </c>
      <c r="AX30" s="110">
        <v>0</v>
      </c>
      <c r="AY30" s="114">
        <v>2455658</v>
      </c>
      <c r="AZ30" s="114">
        <v>2851423</v>
      </c>
      <c r="BA30" s="114">
        <v>1599600</v>
      </c>
      <c r="BB30" s="114">
        <v>1444072</v>
      </c>
      <c r="BC30" s="114">
        <v>1084524</v>
      </c>
      <c r="BD30" s="113">
        <v>9435277</v>
      </c>
      <c r="BE30" s="116">
        <v>11054713</v>
      </c>
      <c r="BF30" s="110">
        <v>23395</v>
      </c>
      <c r="BG30" s="114">
        <v>169688</v>
      </c>
      <c r="BH30" s="112">
        <v>193083</v>
      </c>
      <c r="BI30" s="111">
        <v>0</v>
      </c>
      <c r="BJ30" s="114">
        <v>0</v>
      </c>
      <c r="BK30" s="114">
        <v>399003</v>
      </c>
      <c r="BL30" s="114">
        <v>308169</v>
      </c>
      <c r="BM30" s="114">
        <v>155478</v>
      </c>
      <c r="BN30" s="114">
        <v>152142</v>
      </c>
      <c r="BO30" s="113">
        <v>1014792</v>
      </c>
      <c r="BP30" s="116">
        <v>1207875</v>
      </c>
      <c r="BQ30" s="110">
        <v>89144</v>
      </c>
      <c r="BR30" s="114">
        <v>183281</v>
      </c>
      <c r="BS30" s="113">
        <v>272425</v>
      </c>
      <c r="BT30" s="110">
        <v>0</v>
      </c>
      <c r="BU30" s="114">
        <v>731089</v>
      </c>
      <c r="BV30" s="114">
        <v>983640</v>
      </c>
      <c r="BW30" s="114">
        <v>759054</v>
      </c>
      <c r="BX30" s="114">
        <v>955186</v>
      </c>
      <c r="BY30" s="114">
        <v>546726</v>
      </c>
      <c r="BZ30" s="113">
        <v>3975695</v>
      </c>
      <c r="CA30" s="116">
        <v>4248120</v>
      </c>
      <c r="CB30" s="110">
        <v>232505</v>
      </c>
      <c r="CC30" s="114">
        <v>849494</v>
      </c>
      <c r="CD30" s="113">
        <v>1081999</v>
      </c>
      <c r="CE30" s="110">
        <v>0</v>
      </c>
      <c r="CF30" s="114">
        <v>9025914</v>
      </c>
      <c r="CG30" s="114">
        <v>10709032</v>
      </c>
      <c r="CH30" s="114">
        <v>7040923</v>
      </c>
      <c r="CI30" s="114">
        <v>6479467</v>
      </c>
      <c r="CJ30" s="114">
        <v>1235883</v>
      </c>
      <c r="CK30" s="113">
        <v>34491219</v>
      </c>
      <c r="CL30" s="116">
        <v>35573218</v>
      </c>
      <c r="CM30" s="110">
        <v>0</v>
      </c>
      <c r="CN30" s="114">
        <v>0</v>
      </c>
      <c r="CO30" s="113">
        <v>0</v>
      </c>
      <c r="CP30" s="111">
        <v>0</v>
      </c>
      <c r="CQ30" s="114">
        <v>7290819</v>
      </c>
      <c r="CR30" s="114">
        <v>6772178</v>
      </c>
      <c r="CS30" s="114">
        <v>5343216</v>
      </c>
      <c r="CT30" s="114">
        <v>4822725</v>
      </c>
      <c r="CU30" s="114">
        <v>1021329</v>
      </c>
      <c r="CV30" s="113">
        <v>25250267</v>
      </c>
      <c r="CW30" s="116">
        <v>25250267</v>
      </c>
      <c r="CX30" s="110">
        <v>232505</v>
      </c>
      <c r="CY30" s="114">
        <v>849494</v>
      </c>
      <c r="CZ30" s="113">
        <v>1081999</v>
      </c>
      <c r="DA30" s="110">
        <v>0</v>
      </c>
      <c r="DB30" s="114">
        <v>1735095</v>
      </c>
      <c r="DC30" s="114">
        <v>3936854</v>
      </c>
      <c r="DD30" s="114">
        <v>1697707</v>
      </c>
      <c r="DE30" s="114">
        <v>1656742</v>
      </c>
      <c r="DF30" s="114">
        <v>214554</v>
      </c>
      <c r="DG30" s="113">
        <v>9240952</v>
      </c>
      <c r="DH30" s="116">
        <v>10322951</v>
      </c>
      <c r="DI30" s="110">
        <v>60983</v>
      </c>
      <c r="DJ30" s="114">
        <v>52512</v>
      </c>
      <c r="DK30" s="112">
        <v>113495</v>
      </c>
      <c r="DL30" s="111">
        <v>0</v>
      </c>
      <c r="DM30" s="114">
        <v>923777</v>
      </c>
      <c r="DN30" s="114">
        <v>2380328</v>
      </c>
      <c r="DO30" s="114">
        <v>1935231</v>
      </c>
      <c r="DP30" s="114">
        <v>1248936</v>
      </c>
      <c r="DQ30" s="114">
        <v>351115</v>
      </c>
      <c r="DR30" s="113">
        <v>6839387</v>
      </c>
      <c r="DS30" s="116">
        <v>6952882</v>
      </c>
      <c r="DT30" s="110">
        <v>60983</v>
      </c>
      <c r="DU30" s="114">
        <v>52512</v>
      </c>
      <c r="DV30" s="113">
        <v>113495</v>
      </c>
      <c r="DW30" s="110">
        <v>0</v>
      </c>
      <c r="DX30" s="114">
        <v>564049</v>
      </c>
      <c r="DY30" s="114">
        <v>1743132</v>
      </c>
      <c r="DZ30" s="114">
        <v>1687364</v>
      </c>
      <c r="EA30" s="114">
        <v>881016</v>
      </c>
      <c r="EB30" s="114">
        <v>297323</v>
      </c>
      <c r="EC30" s="113">
        <v>5172884</v>
      </c>
      <c r="ED30" s="116">
        <v>5286379</v>
      </c>
      <c r="EE30" s="110">
        <v>0</v>
      </c>
      <c r="EF30" s="112">
        <v>0</v>
      </c>
      <c r="EG30" s="113">
        <v>0</v>
      </c>
      <c r="EH30" s="110">
        <v>0</v>
      </c>
      <c r="EI30" s="114">
        <v>359728</v>
      </c>
      <c r="EJ30" s="114">
        <v>637196</v>
      </c>
      <c r="EK30" s="114">
        <v>247867</v>
      </c>
      <c r="EL30" s="114">
        <v>367920</v>
      </c>
      <c r="EM30" s="114">
        <v>53792</v>
      </c>
      <c r="EN30" s="112">
        <v>1666503</v>
      </c>
      <c r="EO30" s="116">
        <v>1666503</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768062</v>
      </c>
      <c r="FM30" s="114">
        <v>1163448</v>
      </c>
      <c r="FN30" s="113">
        <v>1931510</v>
      </c>
      <c r="FO30" s="110">
        <v>0</v>
      </c>
      <c r="FP30" s="114">
        <v>1328847</v>
      </c>
      <c r="FQ30" s="114">
        <v>3304565</v>
      </c>
      <c r="FR30" s="114">
        <v>2260055</v>
      </c>
      <c r="FS30" s="114">
        <v>2141260</v>
      </c>
      <c r="FT30" s="114">
        <v>1066988</v>
      </c>
      <c r="FU30" s="113">
        <v>10101715</v>
      </c>
      <c r="FV30" s="116">
        <v>12033225</v>
      </c>
      <c r="FW30" s="115">
        <v>386352</v>
      </c>
      <c r="FX30" s="114">
        <v>844868</v>
      </c>
      <c r="FY30" s="112">
        <v>1231220</v>
      </c>
      <c r="FZ30" s="111">
        <v>0</v>
      </c>
      <c r="GA30" s="114">
        <v>937657</v>
      </c>
      <c r="GB30" s="114">
        <v>3111179</v>
      </c>
      <c r="GC30" s="114">
        <v>1957817</v>
      </c>
      <c r="GD30" s="114">
        <v>2035420</v>
      </c>
      <c r="GE30" s="114">
        <v>912188</v>
      </c>
      <c r="GF30" s="113">
        <v>8954261</v>
      </c>
      <c r="GG30" s="318">
        <v>10185481</v>
      </c>
      <c r="GH30" s="115">
        <v>0</v>
      </c>
      <c r="GI30" s="114">
        <v>43560</v>
      </c>
      <c r="GJ30" s="112">
        <v>43560</v>
      </c>
      <c r="GK30" s="111">
        <v>0</v>
      </c>
      <c r="GL30" s="114">
        <v>224190</v>
      </c>
      <c r="GM30" s="114">
        <v>146586</v>
      </c>
      <c r="GN30" s="114">
        <v>253638</v>
      </c>
      <c r="GO30" s="114">
        <v>67140</v>
      </c>
      <c r="GP30" s="114">
        <v>29700</v>
      </c>
      <c r="GQ30" s="113">
        <v>721254</v>
      </c>
      <c r="GR30" s="116">
        <v>764814</v>
      </c>
      <c r="GS30" s="110">
        <v>381710</v>
      </c>
      <c r="GT30" s="114">
        <v>275020</v>
      </c>
      <c r="GU30" s="113">
        <v>656730</v>
      </c>
      <c r="GV30" s="110">
        <v>0</v>
      </c>
      <c r="GW30" s="114">
        <v>167000</v>
      </c>
      <c r="GX30" s="114">
        <v>46800</v>
      </c>
      <c r="GY30" s="114">
        <v>48600</v>
      </c>
      <c r="GZ30" s="114">
        <v>38700</v>
      </c>
      <c r="HA30" s="114">
        <v>125100</v>
      </c>
      <c r="HB30" s="112">
        <v>426200</v>
      </c>
      <c r="HC30" s="116">
        <v>1082930</v>
      </c>
      <c r="HD30" s="110">
        <v>227626</v>
      </c>
      <c r="HE30" s="114">
        <v>365462</v>
      </c>
      <c r="HF30" s="112">
        <v>593088</v>
      </c>
      <c r="HG30" s="111">
        <v>0</v>
      </c>
      <c r="HH30" s="114">
        <v>2529599</v>
      </c>
      <c r="HI30" s="114">
        <v>2279638</v>
      </c>
      <c r="HJ30" s="114">
        <v>2055437</v>
      </c>
      <c r="HK30" s="114">
        <v>4234521</v>
      </c>
      <c r="HL30" s="114">
        <v>2933538</v>
      </c>
      <c r="HM30" s="113">
        <v>14032733</v>
      </c>
      <c r="HN30" s="109">
        <v>14625821</v>
      </c>
      <c r="HO30" s="115">
        <v>421998</v>
      </c>
      <c r="HP30" s="114">
        <v>796878</v>
      </c>
      <c r="HQ30" s="113">
        <v>1218876</v>
      </c>
      <c r="HR30" s="110">
        <v>0</v>
      </c>
      <c r="HS30" s="114">
        <v>4484108</v>
      </c>
      <c r="HT30" s="114">
        <v>3898900</v>
      </c>
      <c r="HU30" s="114">
        <v>2567682</v>
      </c>
      <c r="HV30" s="114">
        <v>2015315</v>
      </c>
      <c r="HW30" s="114">
        <v>766804</v>
      </c>
      <c r="HX30" s="112">
        <v>13732809</v>
      </c>
      <c r="HY30" s="116">
        <v>14951685</v>
      </c>
      <c r="HZ30" s="150">
        <v>87720</v>
      </c>
      <c r="IA30" s="135">
        <v>0</v>
      </c>
      <c r="IB30" s="150">
        <v>87720</v>
      </c>
      <c r="IC30" s="134">
        <v>0</v>
      </c>
      <c r="ID30" s="135">
        <v>5633913</v>
      </c>
      <c r="IE30" s="136">
        <v>5827072</v>
      </c>
      <c r="IF30" s="137">
        <v>3515197</v>
      </c>
      <c r="IG30" s="135">
        <v>1893924</v>
      </c>
      <c r="IH30" s="137">
        <v>59965</v>
      </c>
      <c r="II30" s="138">
        <v>16930071</v>
      </c>
      <c r="IJ30" s="150">
        <v>17017791</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4027739</v>
      </c>
      <c r="JL30" s="119">
        <v>1787551</v>
      </c>
      <c r="JM30" s="119">
        <v>1246449</v>
      </c>
      <c r="JN30" s="119">
        <v>340920</v>
      </c>
      <c r="JO30" s="119">
        <v>59965</v>
      </c>
      <c r="JP30" s="120">
        <v>7462624</v>
      </c>
      <c r="JQ30" s="320">
        <v>7462624</v>
      </c>
      <c r="JR30" s="142">
        <v>0</v>
      </c>
      <c r="JS30" s="119">
        <v>0</v>
      </c>
      <c r="JT30" s="141">
        <v>0</v>
      </c>
      <c r="JU30" s="118">
        <v>0</v>
      </c>
      <c r="JV30" s="119">
        <v>0</v>
      </c>
      <c r="JW30" s="119">
        <v>0</v>
      </c>
      <c r="JX30" s="119">
        <v>0</v>
      </c>
      <c r="JY30" s="119">
        <v>0</v>
      </c>
      <c r="JZ30" s="119">
        <v>0</v>
      </c>
      <c r="KA30" s="120">
        <v>0</v>
      </c>
      <c r="KB30" s="320">
        <v>0</v>
      </c>
      <c r="KC30" s="234">
        <v>87720</v>
      </c>
      <c r="KD30" s="230">
        <v>0</v>
      </c>
      <c r="KE30" s="120">
        <v>87720</v>
      </c>
      <c r="KF30" s="118">
        <v>0</v>
      </c>
      <c r="KG30" s="119">
        <v>239044</v>
      </c>
      <c r="KH30" s="119">
        <v>1541943</v>
      </c>
      <c r="KI30" s="119">
        <v>236376</v>
      </c>
      <c r="KJ30" s="119">
        <v>0</v>
      </c>
      <c r="KK30" s="119">
        <v>0</v>
      </c>
      <c r="KL30" s="120">
        <v>2017363</v>
      </c>
      <c r="KM30" s="143">
        <v>2105083</v>
      </c>
      <c r="KN30" s="232">
        <v>0</v>
      </c>
      <c r="KO30" s="236">
        <v>0</v>
      </c>
      <c r="KP30" s="237">
        <v>0</v>
      </c>
      <c r="KQ30" s="140"/>
      <c r="KR30" s="119">
        <v>1367130</v>
      </c>
      <c r="KS30" s="119">
        <v>2497578</v>
      </c>
      <c r="KT30" s="119">
        <v>2032372</v>
      </c>
      <c r="KU30" s="119">
        <v>1553004</v>
      </c>
      <c r="KV30" s="119">
        <v>0</v>
      </c>
      <c r="KW30" s="120">
        <v>7450084</v>
      </c>
      <c r="KX30" s="320">
        <v>7450084</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3889512</v>
      </c>
      <c r="MK30" s="119">
        <v>6071178</v>
      </c>
      <c r="ML30" s="119">
        <v>18369668</v>
      </c>
      <c r="MM30" s="119">
        <v>32876631</v>
      </c>
      <c r="MN30" s="119">
        <v>20436482</v>
      </c>
      <c r="MO30" s="120">
        <v>81643471</v>
      </c>
      <c r="MP30" s="143">
        <v>81643471</v>
      </c>
      <c r="MQ30" s="142">
        <v>0</v>
      </c>
      <c r="MR30" s="119">
        <v>0</v>
      </c>
      <c r="MS30" s="120">
        <v>0</v>
      </c>
      <c r="MT30" s="145"/>
      <c r="MU30" s="119">
        <v>389894</v>
      </c>
      <c r="MV30" s="119">
        <v>1249488</v>
      </c>
      <c r="MW30" s="119">
        <v>13757328</v>
      </c>
      <c r="MX30" s="119">
        <v>18194403</v>
      </c>
      <c r="MY30" s="119">
        <v>14100574</v>
      </c>
      <c r="MZ30" s="120">
        <v>47691687</v>
      </c>
      <c r="NA30" s="143">
        <v>47691687</v>
      </c>
      <c r="NB30" s="142">
        <v>0</v>
      </c>
      <c r="NC30" s="119">
        <v>0</v>
      </c>
      <c r="ND30" s="120">
        <v>0</v>
      </c>
      <c r="NE30" s="145"/>
      <c r="NF30" s="119">
        <v>3499618</v>
      </c>
      <c r="NG30" s="119">
        <v>4821690</v>
      </c>
      <c r="NH30" s="119">
        <v>4612340</v>
      </c>
      <c r="NI30" s="119">
        <v>14014043</v>
      </c>
      <c r="NJ30" s="119">
        <v>5562414</v>
      </c>
      <c r="NK30" s="120">
        <v>32510105</v>
      </c>
      <c r="NL30" s="320">
        <v>32510105</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668185</v>
      </c>
      <c r="OF30" s="119">
        <v>773494</v>
      </c>
      <c r="OG30" s="120">
        <v>1441679</v>
      </c>
      <c r="OH30" s="121">
        <v>1441679</v>
      </c>
      <c r="OI30" s="142">
        <v>2359557</v>
      </c>
      <c r="OJ30" s="119">
        <v>4752075</v>
      </c>
      <c r="OK30" s="141">
        <v>7111632</v>
      </c>
      <c r="OL30" s="118">
        <v>0</v>
      </c>
      <c r="OM30" s="119">
        <v>34791331</v>
      </c>
      <c r="ON30" s="119">
        <v>44654873</v>
      </c>
      <c r="OO30" s="119">
        <v>45720330</v>
      </c>
      <c r="OP30" s="119">
        <v>60852293</v>
      </c>
      <c r="OQ30" s="119">
        <v>34727390</v>
      </c>
      <c r="OR30" s="120">
        <v>220746217</v>
      </c>
      <c r="OS30" s="143">
        <v>227857849</v>
      </c>
    </row>
    <row r="31" spans="2:409" ht="21" customHeight="1" x14ac:dyDescent="0.2">
      <c r="B31" s="62" t="s">
        <v>26</v>
      </c>
      <c r="C31" s="110">
        <v>1811464</v>
      </c>
      <c r="D31" s="114">
        <v>2360587</v>
      </c>
      <c r="E31" s="113">
        <v>4172051</v>
      </c>
      <c r="F31" s="109">
        <v>0</v>
      </c>
      <c r="G31" s="114">
        <v>22384213</v>
      </c>
      <c r="H31" s="114">
        <v>24526876</v>
      </c>
      <c r="I31" s="114">
        <v>22066162</v>
      </c>
      <c r="J31" s="114">
        <v>19086305</v>
      </c>
      <c r="K31" s="114">
        <v>17918126</v>
      </c>
      <c r="L31" s="173">
        <v>105981682</v>
      </c>
      <c r="M31" s="116">
        <v>110153733</v>
      </c>
      <c r="N31" s="110">
        <v>445490</v>
      </c>
      <c r="O31" s="114">
        <v>431414</v>
      </c>
      <c r="P31" s="113">
        <v>876904</v>
      </c>
      <c r="Q31" s="110">
        <v>0</v>
      </c>
      <c r="R31" s="114">
        <v>5983145</v>
      </c>
      <c r="S31" s="114">
        <v>6475581</v>
      </c>
      <c r="T31" s="114">
        <v>6632358</v>
      </c>
      <c r="U31" s="114">
        <v>7496605</v>
      </c>
      <c r="V31" s="114">
        <v>9269137</v>
      </c>
      <c r="W31" s="113">
        <v>35856826</v>
      </c>
      <c r="X31" s="116">
        <v>36733730</v>
      </c>
      <c r="Y31" s="110">
        <v>0</v>
      </c>
      <c r="Z31" s="114">
        <v>0</v>
      </c>
      <c r="AA31" s="113">
        <v>0</v>
      </c>
      <c r="AB31" s="110">
        <v>0</v>
      </c>
      <c r="AC31" s="114">
        <v>2669850</v>
      </c>
      <c r="AD31" s="114">
        <v>3476194</v>
      </c>
      <c r="AE31" s="114">
        <v>3669948</v>
      </c>
      <c r="AF31" s="114">
        <v>3989773</v>
      </c>
      <c r="AG31" s="114">
        <v>5860635</v>
      </c>
      <c r="AH31" s="113">
        <v>19666400</v>
      </c>
      <c r="AI31" s="116">
        <v>19666400</v>
      </c>
      <c r="AJ31" s="110">
        <v>0</v>
      </c>
      <c r="AK31" s="114">
        <v>0</v>
      </c>
      <c r="AL31" s="113">
        <v>0</v>
      </c>
      <c r="AM31" s="110">
        <v>0</v>
      </c>
      <c r="AN31" s="114">
        <v>0</v>
      </c>
      <c r="AO31" s="114">
        <v>26308</v>
      </c>
      <c r="AP31" s="114">
        <v>187358</v>
      </c>
      <c r="AQ31" s="114">
        <v>637996</v>
      </c>
      <c r="AR31" s="114">
        <v>732324</v>
      </c>
      <c r="AS31" s="113">
        <v>1583986</v>
      </c>
      <c r="AT31" s="116">
        <v>1583986</v>
      </c>
      <c r="AU31" s="110">
        <v>273957</v>
      </c>
      <c r="AV31" s="114">
        <v>319073</v>
      </c>
      <c r="AW31" s="113">
        <v>593030</v>
      </c>
      <c r="AX31" s="110">
        <v>0</v>
      </c>
      <c r="AY31" s="114">
        <v>2415553</v>
      </c>
      <c r="AZ31" s="114">
        <v>2059642</v>
      </c>
      <c r="BA31" s="114">
        <v>1648045</v>
      </c>
      <c r="BB31" s="114">
        <v>1895189</v>
      </c>
      <c r="BC31" s="114">
        <v>1962377</v>
      </c>
      <c r="BD31" s="113">
        <v>9980806</v>
      </c>
      <c r="BE31" s="116">
        <v>10573836</v>
      </c>
      <c r="BF31" s="110">
        <v>0</v>
      </c>
      <c r="BG31" s="114">
        <v>0</v>
      </c>
      <c r="BH31" s="112">
        <v>0</v>
      </c>
      <c r="BI31" s="111">
        <v>0</v>
      </c>
      <c r="BJ31" s="114">
        <v>35550</v>
      </c>
      <c r="BK31" s="114">
        <v>262900</v>
      </c>
      <c r="BL31" s="114">
        <v>128480</v>
      </c>
      <c r="BM31" s="114">
        <v>171442</v>
      </c>
      <c r="BN31" s="114">
        <v>125827</v>
      </c>
      <c r="BO31" s="113">
        <v>724199</v>
      </c>
      <c r="BP31" s="116">
        <v>724199</v>
      </c>
      <c r="BQ31" s="110">
        <v>171533</v>
      </c>
      <c r="BR31" s="114">
        <v>112341</v>
      </c>
      <c r="BS31" s="113">
        <v>283874</v>
      </c>
      <c r="BT31" s="110">
        <v>0</v>
      </c>
      <c r="BU31" s="114">
        <v>862192</v>
      </c>
      <c r="BV31" s="114">
        <v>650537</v>
      </c>
      <c r="BW31" s="114">
        <v>998527</v>
      </c>
      <c r="BX31" s="114">
        <v>802205</v>
      </c>
      <c r="BY31" s="114">
        <v>587974</v>
      </c>
      <c r="BZ31" s="113">
        <v>3901435</v>
      </c>
      <c r="CA31" s="116">
        <v>4185309</v>
      </c>
      <c r="CB31" s="110">
        <v>155476</v>
      </c>
      <c r="CC31" s="114">
        <v>200949</v>
      </c>
      <c r="CD31" s="113">
        <v>356425</v>
      </c>
      <c r="CE31" s="110">
        <v>0</v>
      </c>
      <c r="CF31" s="114">
        <v>5922151</v>
      </c>
      <c r="CG31" s="114">
        <v>8021956</v>
      </c>
      <c r="CH31" s="114">
        <v>4141254</v>
      </c>
      <c r="CI31" s="114">
        <v>2915914</v>
      </c>
      <c r="CJ31" s="114">
        <v>2628239</v>
      </c>
      <c r="CK31" s="113">
        <v>23629514</v>
      </c>
      <c r="CL31" s="116">
        <v>23985939</v>
      </c>
      <c r="CM31" s="110">
        <v>0</v>
      </c>
      <c r="CN31" s="114">
        <v>0</v>
      </c>
      <c r="CO31" s="113">
        <v>0</v>
      </c>
      <c r="CP31" s="111">
        <v>0</v>
      </c>
      <c r="CQ31" s="114">
        <v>5101324</v>
      </c>
      <c r="CR31" s="114">
        <v>6105206</v>
      </c>
      <c r="CS31" s="114">
        <v>3329701</v>
      </c>
      <c r="CT31" s="114">
        <v>2051344</v>
      </c>
      <c r="CU31" s="114">
        <v>2341655</v>
      </c>
      <c r="CV31" s="113">
        <v>18929230</v>
      </c>
      <c r="CW31" s="116">
        <v>18929230</v>
      </c>
      <c r="CX31" s="110">
        <v>155476</v>
      </c>
      <c r="CY31" s="114">
        <v>200949</v>
      </c>
      <c r="CZ31" s="113">
        <v>356425</v>
      </c>
      <c r="DA31" s="110">
        <v>0</v>
      </c>
      <c r="DB31" s="114">
        <v>820827</v>
      </c>
      <c r="DC31" s="114">
        <v>1916750</v>
      </c>
      <c r="DD31" s="114">
        <v>811553</v>
      </c>
      <c r="DE31" s="114">
        <v>864570</v>
      </c>
      <c r="DF31" s="114">
        <v>286584</v>
      </c>
      <c r="DG31" s="113">
        <v>4700284</v>
      </c>
      <c r="DH31" s="116">
        <v>5056709</v>
      </c>
      <c r="DI31" s="110">
        <v>0</v>
      </c>
      <c r="DJ31" s="114">
        <v>135722</v>
      </c>
      <c r="DK31" s="112">
        <v>135722</v>
      </c>
      <c r="DL31" s="111">
        <v>0</v>
      </c>
      <c r="DM31" s="114">
        <v>1073718</v>
      </c>
      <c r="DN31" s="114">
        <v>1319367</v>
      </c>
      <c r="DO31" s="114">
        <v>2674206</v>
      </c>
      <c r="DP31" s="114">
        <v>1364893</v>
      </c>
      <c r="DQ31" s="114">
        <v>748010</v>
      </c>
      <c r="DR31" s="113">
        <v>7180194</v>
      </c>
      <c r="DS31" s="116">
        <v>7315916</v>
      </c>
      <c r="DT31" s="110">
        <v>0</v>
      </c>
      <c r="DU31" s="114">
        <v>135722</v>
      </c>
      <c r="DV31" s="113">
        <v>135722</v>
      </c>
      <c r="DW31" s="110">
        <v>0</v>
      </c>
      <c r="DX31" s="114">
        <v>938108</v>
      </c>
      <c r="DY31" s="114">
        <v>1133537</v>
      </c>
      <c r="DZ31" s="114">
        <v>2436429</v>
      </c>
      <c r="EA31" s="114">
        <v>1231796</v>
      </c>
      <c r="EB31" s="114">
        <v>748010</v>
      </c>
      <c r="EC31" s="113">
        <v>6487880</v>
      </c>
      <c r="ED31" s="116">
        <v>6623602</v>
      </c>
      <c r="EE31" s="110">
        <v>0</v>
      </c>
      <c r="EF31" s="112">
        <v>0</v>
      </c>
      <c r="EG31" s="113">
        <v>0</v>
      </c>
      <c r="EH31" s="110">
        <v>0</v>
      </c>
      <c r="EI31" s="114">
        <v>135610</v>
      </c>
      <c r="EJ31" s="114">
        <v>185830</v>
      </c>
      <c r="EK31" s="114">
        <v>237777</v>
      </c>
      <c r="EL31" s="114">
        <v>133097</v>
      </c>
      <c r="EM31" s="114">
        <v>0</v>
      </c>
      <c r="EN31" s="112">
        <v>692314</v>
      </c>
      <c r="EO31" s="116">
        <v>692314</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388610</v>
      </c>
      <c r="FM31" s="114">
        <v>665057</v>
      </c>
      <c r="FN31" s="113">
        <v>1053667</v>
      </c>
      <c r="FO31" s="110">
        <v>0</v>
      </c>
      <c r="FP31" s="114">
        <v>1334786</v>
      </c>
      <c r="FQ31" s="114">
        <v>2703298</v>
      </c>
      <c r="FR31" s="114">
        <v>1775057</v>
      </c>
      <c r="FS31" s="114">
        <v>1742882</v>
      </c>
      <c r="FT31" s="114">
        <v>1581875</v>
      </c>
      <c r="FU31" s="113">
        <v>9137898</v>
      </c>
      <c r="FV31" s="116">
        <v>10191565</v>
      </c>
      <c r="FW31" s="115">
        <v>235734</v>
      </c>
      <c r="FX31" s="114">
        <v>562435</v>
      </c>
      <c r="FY31" s="112">
        <v>798169</v>
      </c>
      <c r="FZ31" s="111">
        <v>0</v>
      </c>
      <c r="GA31" s="114">
        <v>1029385</v>
      </c>
      <c r="GB31" s="114">
        <v>2354344</v>
      </c>
      <c r="GC31" s="114">
        <v>1725874</v>
      </c>
      <c r="GD31" s="114">
        <v>1742882</v>
      </c>
      <c r="GE31" s="114">
        <v>1581875</v>
      </c>
      <c r="GF31" s="113">
        <v>8434360</v>
      </c>
      <c r="GG31" s="318">
        <v>9232529</v>
      </c>
      <c r="GH31" s="115">
        <v>0</v>
      </c>
      <c r="GI31" s="114">
        <v>82822</v>
      </c>
      <c r="GJ31" s="112">
        <v>82822</v>
      </c>
      <c r="GK31" s="111">
        <v>0</v>
      </c>
      <c r="GL31" s="114">
        <v>85470</v>
      </c>
      <c r="GM31" s="114">
        <v>113914</v>
      </c>
      <c r="GN31" s="114">
        <v>49183</v>
      </c>
      <c r="GO31" s="114">
        <v>0</v>
      </c>
      <c r="GP31" s="114">
        <v>0</v>
      </c>
      <c r="GQ31" s="113">
        <v>248567</v>
      </c>
      <c r="GR31" s="116">
        <v>331389</v>
      </c>
      <c r="GS31" s="110">
        <v>152876</v>
      </c>
      <c r="GT31" s="114">
        <v>19800</v>
      </c>
      <c r="GU31" s="113">
        <v>172676</v>
      </c>
      <c r="GV31" s="110">
        <v>0</v>
      </c>
      <c r="GW31" s="114">
        <v>219931</v>
      </c>
      <c r="GX31" s="114">
        <v>235040</v>
      </c>
      <c r="GY31" s="114">
        <v>0</v>
      </c>
      <c r="GZ31" s="114">
        <v>0</v>
      </c>
      <c r="HA31" s="114">
        <v>0</v>
      </c>
      <c r="HB31" s="112">
        <v>454971</v>
      </c>
      <c r="HC31" s="116">
        <v>627647</v>
      </c>
      <c r="HD31" s="110">
        <v>519041</v>
      </c>
      <c r="HE31" s="114">
        <v>439896</v>
      </c>
      <c r="HF31" s="112">
        <v>958937</v>
      </c>
      <c r="HG31" s="111">
        <v>0</v>
      </c>
      <c r="HH31" s="114">
        <v>4062045</v>
      </c>
      <c r="HI31" s="114">
        <v>2703418</v>
      </c>
      <c r="HJ31" s="114">
        <v>4466495</v>
      </c>
      <c r="HK31" s="114">
        <v>3912802</v>
      </c>
      <c r="HL31" s="114">
        <v>2523874</v>
      </c>
      <c r="HM31" s="113">
        <v>17668634</v>
      </c>
      <c r="HN31" s="109">
        <v>18627571</v>
      </c>
      <c r="HO31" s="115">
        <v>302847</v>
      </c>
      <c r="HP31" s="114">
        <v>487549</v>
      </c>
      <c r="HQ31" s="113">
        <v>790396</v>
      </c>
      <c r="HR31" s="110">
        <v>0</v>
      </c>
      <c r="HS31" s="114">
        <v>4008368</v>
      </c>
      <c r="HT31" s="114">
        <v>3303256</v>
      </c>
      <c r="HU31" s="114">
        <v>2376792</v>
      </c>
      <c r="HV31" s="114">
        <v>1653209</v>
      </c>
      <c r="HW31" s="114">
        <v>1166991</v>
      </c>
      <c r="HX31" s="112">
        <v>12508616</v>
      </c>
      <c r="HY31" s="116">
        <v>13299012</v>
      </c>
      <c r="HZ31" s="131">
        <v>54693</v>
      </c>
      <c r="IA31" s="132">
        <v>0</v>
      </c>
      <c r="IB31" s="133">
        <v>54693</v>
      </c>
      <c r="IC31" s="146">
        <v>0</v>
      </c>
      <c r="ID31" s="132">
        <v>6130198</v>
      </c>
      <c r="IE31" s="147">
        <v>6348297</v>
      </c>
      <c r="IF31" s="133">
        <v>8805291</v>
      </c>
      <c r="IG31" s="132">
        <v>3266880</v>
      </c>
      <c r="IH31" s="133">
        <v>1730397</v>
      </c>
      <c r="II31" s="148">
        <v>26281063</v>
      </c>
      <c r="IJ31" s="139">
        <v>26335756</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137396</v>
      </c>
      <c r="JL31" s="119">
        <v>2790506</v>
      </c>
      <c r="JM31" s="119">
        <v>2063223</v>
      </c>
      <c r="JN31" s="119">
        <v>528686</v>
      </c>
      <c r="JO31" s="119">
        <v>984770</v>
      </c>
      <c r="JP31" s="120">
        <v>8504581</v>
      </c>
      <c r="JQ31" s="320">
        <v>8504581</v>
      </c>
      <c r="JR31" s="142">
        <v>0</v>
      </c>
      <c r="JS31" s="119">
        <v>0</v>
      </c>
      <c r="JT31" s="141">
        <v>0</v>
      </c>
      <c r="JU31" s="118">
        <v>0</v>
      </c>
      <c r="JV31" s="119">
        <v>150461</v>
      </c>
      <c r="JW31" s="119">
        <v>202522</v>
      </c>
      <c r="JX31" s="119">
        <v>888630</v>
      </c>
      <c r="JY31" s="119">
        <v>519607</v>
      </c>
      <c r="JZ31" s="119">
        <v>99003</v>
      </c>
      <c r="KA31" s="120">
        <v>1860223</v>
      </c>
      <c r="KB31" s="320">
        <v>1860223</v>
      </c>
      <c r="KC31" s="234">
        <v>54693</v>
      </c>
      <c r="KD31" s="230">
        <v>0</v>
      </c>
      <c r="KE31" s="120">
        <v>54693</v>
      </c>
      <c r="KF31" s="118">
        <v>0</v>
      </c>
      <c r="KG31" s="119">
        <v>920044</v>
      </c>
      <c r="KH31" s="119">
        <v>593620</v>
      </c>
      <c r="KI31" s="119">
        <v>1531769</v>
      </c>
      <c r="KJ31" s="119">
        <v>0</v>
      </c>
      <c r="KK31" s="119">
        <v>646624</v>
      </c>
      <c r="KL31" s="120">
        <v>3692057</v>
      </c>
      <c r="KM31" s="143">
        <v>3746750</v>
      </c>
      <c r="KN31" s="232">
        <v>0</v>
      </c>
      <c r="KO31" s="236">
        <v>0</v>
      </c>
      <c r="KP31" s="237">
        <v>0</v>
      </c>
      <c r="KQ31" s="140"/>
      <c r="KR31" s="119">
        <v>2922297</v>
      </c>
      <c r="KS31" s="119">
        <v>2761649</v>
      </c>
      <c r="KT31" s="119">
        <v>4321669</v>
      </c>
      <c r="KU31" s="119">
        <v>2218587</v>
      </c>
      <c r="KV31" s="119">
        <v>0</v>
      </c>
      <c r="KW31" s="120">
        <v>12224202</v>
      </c>
      <c r="KX31" s="320">
        <v>12224202</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2979923</v>
      </c>
      <c r="MK31" s="119">
        <v>7879315</v>
      </c>
      <c r="ML31" s="119">
        <v>14001459</v>
      </c>
      <c r="MM31" s="119">
        <v>23484345</v>
      </c>
      <c r="MN31" s="119">
        <v>15204475</v>
      </c>
      <c r="MO31" s="120">
        <v>63549517</v>
      </c>
      <c r="MP31" s="143">
        <v>63549517</v>
      </c>
      <c r="MQ31" s="142">
        <v>0</v>
      </c>
      <c r="MR31" s="119">
        <v>0</v>
      </c>
      <c r="MS31" s="120">
        <v>0</v>
      </c>
      <c r="MT31" s="145"/>
      <c r="MU31" s="119">
        <v>0</v>
      </c>
      <c r="MV31" s="119">
        <v>1852393</v>
      </c>
      <c r="MW31" s="119">
        <v>8493345</v>
      </c>
      <c r="MX31" s="119">
        <v>18342715</v>
      </c>
      <c r="MY31" s="119">
        <v>10043755</v>
      </c>
      <c r="MZ31" s="120">
        <v>38732208</v>
      </c>
      <c r="NA31" s="143">
        <v>38732208</v>
      </c>
      <c r="NB31" s="142">
        <v>0</v>
      </c>
      <c r="NC31" s="119">
        <v>0</v>
      </c>
      <c r="ND31" s="120">
        <v>0</v>
      </c>
      <c r="NE31" s="145"/>
      <c r="NF31" s="119">
        <v>2979923</v>
      </c>
      <c r="NG31" s="119">
        <v>6026922</v>
      </c>
      <c r="NH31" s="119">
        <v>5181029</v>
      </c>
      <c r="NI31" s="119">
        <v>5141630</v>
      </c>
      <c r="NJ31" s="119">
        <v>4374529</v>
      </c>
      <c r="NK31" s="120">
        <v>23704033</v>
      </c>
      <c r="NL31" s="320">
        <v>23704033</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327085</v>
      </c>
      <c r="OE31" s="119">
        <v>0</v>
      </c>
      <c r="OF31" s="119">
        <v>786191</v>
      </c>
      <c r="OG31" s="120">
        <v>1113276</v>
      </c>
      <c r="OH31" s="121">
        <v>1113276</v>
      </c>
      <c r="OI31" s="142">
        <v>1866157</v>
      </c>
      <c r="OJ31" s="119">
        <v>2360587</v>
      </c>
      <c r="OK31" s="141">
        <v>4226744</v>
      </c>
      <c r="OL31" s="118">
        <v>0</v>
      </c>
      <c r="OM31" s="119">
        <v>31494334</v>
      </c>
      <c r="ON31" s="119">
        <v>38754488</v>
      </c>
      <c r="OO31" s="119">
        <v>44872912</v>
      </c>
      <c r="OP31" s="119">
        <v>45837530</v>
      </c>
      <c r="OQ31" s="119">
        <v>34852998</v>
      </c>
      <c r="OR31" s="120">
        <v>195812262</v>
      </c>
      <c r="OS31" s="143">
        <v>200039006</v>
      </c>
    </row>
    <row r="32" spans="2:409" ht="21" customHeight="1" x14ac:dyDescent="0.2">
      <c r="B32" s="62" t="s">
        <v>27</v>
      </c>
      <c r="C32" s="110">
        <v>2975208</v>
      </c>
      <c r="D32" s="114">
        <v>5656544</v>
      </c>
      <c r="E32" s="113">
        <v>8631752</v>
      </c>
      <c r="F32" s="109">
        <v>0</v>
      </c>
      <c r="G32" s="114">
        <v>20878936</v>
      </c>
      <c r="H32" s="114">
        <v>21282939</v>
      </c>
      <c r="I32" s="114">
        <v>21796438</v>
      </c>
      <c r="J32" s="114">
        <v>20315164</v>
      </c>
      <c r="K32" s="114">
        <v>13403401</v>
      </c>
      <c r="L32" s="173">
        <v>97676878</v>
      </c>
      <c r="M32" s="116">
        <v>106308630</v>
      </c>
      <c r="N32" s="110">
        <v>578195</v>
      </c>
      <c r="O32" s="114">
        <v>1209281</v>
      </c>
      <c r="P32" s="113">
        <v>1787476</v>
      </c>
      <c r="Q32" s="110">
        <v>0</v>
      </c>
      <c r="R32" s="114">
        <v>3935423</v>
      </c>
      <c r="S32" s="114">
        <v>4526498</v>
      </c>
      <c r="T32" s="114">
        <v>5983708</v>
      </c>
      <c r="U32" s="114">
        <v>5844089</v>
      </c>
      <c r="V32" s="114">
        <v>7076757</v>
      </c>
      <c r="W32" s="113">
        <v>27366475</v>
      </c>
      <c r="X32" s="116">
        <v>29153951</v>
      </c>
      <c r="Y32" s="110">
        <v>0</v>
      </c>
      <c r="Z32" s="114">
        <v>0</v>
      </c>
      <c r="AA32" s="113">
        <v>0</v>
      </c>
      <c r="AB32" s="110">
        <v>0</v>
      </c>
      <c r="AC32" s="114">
        <v>1970596</v>
      </c>
      <c r="AD32" s="114">
        <v>2325723</v>
      </c>
      <c r="AE32" s="114">
        <v>3232903</v>
      </c>
      <c r="AF32" s="114">
        <v>2871777</v>
      </c>
      <c r="AG32" s="114">
        <v>3740353</v>
      </c>
      <c r="AH32" s="113">
        <v>14141352</v>
      </c>
      <c r="AI32" s="116">
        <v>14141352</v>
      </c>
      <c r="AJ32" s="110">
        <v>0</v>
      </c>
      <c r="AK32" s="114">
        <v>0</v>
      </c>
      <c r="AL32" s="113">
        <v>0</v>
      </c>
      <c r="AM32" s="110">
        <v>0</v>
      </c>
      <c r="AN32" s="114">
        <v>51876</v>
      </c>
      <c r="AO32" s="114">
        <v>155394</v>
      </c>
      <c r="AP32" s="114">
        <v>218455</v>
      </c>
      <c r="AQ32" s="114">
        <v>438084</v>
      </c>
      <c r="AR32" s="114">
        <v>926923</v>
      </c>
      <c r="AS32" s="113">
        <v>1790732</v>
      </c>
      <c r="AT32" s="116">
        <v>1790732</v>
      </c>
      <c r="AU32" s="110">
        <v>507852</v>
      </c>
      <c r="AV32" s="114">
        <v>994088</v>
      </c>
      <c r="AW32" s="113">
        <v>1501940</v>
      </c>
      <c r="AX32" s="110">
        <v>0</v>
      </c>
      <c r="AY32" s="114">
        <v>1231043</v>
      </c>
      <c r="AZ32" s="114">
        <v>1195652</v>
      </c>
      <c r="BA32" s="114">
        <v>1475569</v>
      </c>
      <c r="BB32" s="114">
        <v>1574626</v>
      </c>
      <c r="BC32" s="114">
        <v>1801647</v>
      </c>
      <c r="BD32" s="113">
        <v>7278537</v>
      </c>
      <c r="BE32" s="116">
        <v>8780477</v>
      </c>
      <c r="BF32" s="110">
        <v>0</v>
      </c>
      <c r="BG32" s="114">
        <v>29712</v>
      </c>
      <c r="BH32" s="112">
        <v>29712</v>
      </c>
      <c r="BI32" s="111">
        <v>0</v>
      </c>
      <c r="BJ32" s="114">
        <v>0</v>
      </c>
      <c r="BK32" s="114">
        <v>23700</v>
      </c>
      <c r="BL32" s="114">
        <v>0</v>
      </c>
      <c r="BM32" s="114">
        <v>0</v>
      </c>
      <c r="BN32" s="114">
        <v>35550</v>
      </c>
      <c r="BO32" s="113">
        <v>59250</v>
      </c>
      <c r="BP32" s="116">
        <v>88962</v>
      </c>
      <c r="BQ32" s="110">
        <v>70343</v>
      </c>
      <c r="BR32" s="114">
        <v>185481</v>
      </c>
      <c r="BS32" s="113">
        <v>255824</v>
      </c>
      <c r="BT32" s="110">
        <v>0</v>
      </c>
      <c r="BU32" s="114">
        <v>681908</v>
      </c>
      <c r="BV32" s="114">
        <v>826029</v>
      </c>
      <c r="BW32" s="114">
        <v>1056781</v>
      </c>
      <c r="BX32" s="114">
        <v>959602</v>
      </c>
      <c r="BY32" s="114">
        <v>572284</v>
      </c>
      <c r="BZ32" s="113">
        <v>4096604</v>
      </c>
      <c r="CA32" s="116">
        <v>4352428</v>
      </c>
      <c r="CB32" s="110">
        <v>275746</v>
      </c>
      <c r="CC32" s="114">
        <v>1284086</v>
      </c>
      <c r="CD32" s="113">
        <v>1559832</v>
      </c>
      <c r="CE32" s="110">
        <v>0</v>
      </c>
      <c r="CF32" s="114">
        <v>6638046</v>
      </c>
      <c r="CG32" s="114">
        <v>6466415</v>
      </c>
      <c r="CH32" s="114">
        <v>3927099</v>
      </c>
      <c r="CI32" s="114">
        <v>3657160</v>
      </c>
      <c r="CJ32" s="114">
        <v>1580220</v>
      </c>
      <c r="CK32" s="113">
        <v>22268940</v>
      </c>
      <c r="CL32" s="116">
        <v>23828772</v>
      </c>
      <c r="CM32" s="110">
        <v>0</v>
      </c>
      <c r="CN32" s="114">
        <v>0</v>
      </c>
      <c r="CO32" s="113">
        <v>0</v>
      </c>
      <c r="CP32" s="111">
        <v>0</v>
      </c>
      <c r="CQ32" s="114">
        <v>5875215</v>
      </c>
      <c r="CR32" s="114">
        <v>4935199</v>
      </c>
      <c r="CS32" s="114">
        <v>3066333</v>
      </c>
      <c r="CT32" s="114">
        <v>3168994</v>
      </c>
      <c r="CU32" s="114">
        <v>1255359</v>
      </c>
      <c r="CV32" s="113">
        <v>18301100</v>
      </c>
      <c r="CW32" s="116">
        <v>18301100</v>
      </c>
      <c r="CX32" s="110">
        <v>275746</v>
      </c>
      <c r="CY32" s="114">
        <v>1284086</v>
      </c>
      <c r="CZ32" s="113">
        <v>1559832</v>
      </c>
      <c r="DA32" s="110">
        <v>0</v>
      </c>
      <c r="DB32" s="114">
        <v>762831</v>
      </c>
      <c r="DC32" s="114">
        <v>1531216</v>
      </c>
      <c r="DD32" s="114">
        <v>860766</v>
      </c>
      <c r="DE32" s="114">
        <v>488166</v>
      </c>
      <c r="DF32" s="114">
        <v>324861</v>
      </c>
      <c r="DG32" s="113">
        <v>3967840</v>
      </c>
      <c r="DH32" s="116">
        <v>5527672</v>
      </c>
      <c r="DI32" s="110">
        <v>44894</v>
      </c>
      <c r="DJ32" s="114">
        <v>109835</v>
      </c>
      <c r="DK32" s="112">
        <v>154729</v>
      </c>
      <c r="DL32" s="111">
        <v>0</v>
      </c>
      <c r="DM32" s="114">
        <v>533490</v>
      </c>
      <c r="DN32" s="114">
        <v>1052902</v>
      </c>
      <c r="DO32" s="114">
        <v>1915822</v>
      </c>
      <c r="DP32" s="114">
        <v>650073</v>
      </c>
      <c r="DQ32" s="114">
        <v>566072</v>
      </c>
      <c r="DR32" s="113">
        <v>4718359</v>
      </c>
      <c r="DS32" s="116">
        <v>4873088</v>
      </c>
      <c r="DT32" s="110">
        <v>44894</v>
      </c>
      <c r="DU32" s="114">
        <v>109835</v>
      </c>
      <c r="DV32" s="113">
        <v>154729</v>
      </c>
      <c r="DW32" s="110">
        <v>0</v>
      </c>
      <c r="DX32" s="114">
        <v>397213</v>
      </c>
      <c r="DY32" s="114">
        <v>1030546</v>
      </c>
      <c r="DZ32" s="114">
        <v>1596736</v>
      </c>
      <c r="EA32" s="114">
        <v>588412</v>
      </c>
      <c r="EB32" s="114">
        <v>473285</v>
      </c>
      <c r="EC32" s="113">
        <v>4086192</v>
      </c>
      <c r="ED32" s="116">
        <v>4240921</v>
      </c>
      <c r="EE32" s="110">
        <v>0</v>
      </c>
      <c r="EF32" s="112">
        <v>0</v>
      </c>
      <c r="EG32" s="113">
        <v>0</v>
      </c>
      <c r="EH32" s="110">
        <v>0</v>
      </c>
      <c r="EI32" s="114">
        <v>136277</v>
      </c>
      <c r="EJ32" s="114">
        <v>22356</v>
      </c>
      <c r="EK32" s="114">
        <v>319086</v>
      </c>
      <c r="EL32" s="114">
        <v>61661</v>
      </c>
      <c r="EM32" s="114">
        <v>92787</v>
      </c>
      <c r="EN32" s="112">
        <v>632167</v>
      </c>
      <c r="EO32" s="116">
        <v>632167</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937212</v>
      </c>
      <c r="FM32" s="114">
        <v>1049156</v>
      </c>
      <c r="FN32" s="113">
        <v>1986368</v>
      </c>
      <c r="FO32" s="110">
        <v>0</v>
      </c>
      <c r="FP32" s="114">
        <v>617966</v>
      </c>
      <c r="FQ32" s="114">
        <v>1734869</v>
      </c>
      <c r="FR32" s="114">
        <v>1703141</v>
      </c>
      <c r="FS32" s="114">
        <v>1189344</v>
      </c>
      <c r="FT32" s="114">
        <v>1042556</v>
      </c>
      <c r="FU32" s="113">
        <v>6287876</v>
      </c>
      <c r="FV32" s="116">
        <v>8274244</v>
      </c>
      <c r="FW32" s="115">
        <v>390973</v>
      </c>
      <c r="FX32" s="114">
        <v>1014704</v>
      </c>
      <c r="FY32" s="112">
        <v>1405677</v>
      </c>
      <c r="FZ32" s="111">
        <v>0</v>
      </c>
      <c r="GA32" s="114">
        <v>565496</v>
      </c>
      <c r="GB32" s="114">
        <v>1610352</v>
      </c>
      <c r="GC32" s="114">
        <v>1465517</v>
      </c>
      <c r="GD32" s="114">
        <v>1189344</v>
      </c>
      <c r="GE32" s="114">
        <v>1042556</v>
      </c>
      <c r="GF32" s="113">
        <v>5873265</v>
      </c>
      <c r="GG32" s="318">
        <v>7278942</v>
      </c>
      <c r="GH32" s="115">
        <v>115607</v>
      </c>
      <c r="GI32" s="114">
        <v>34452</v>
      </c>
      <c r="GJ32" s="112">
        <v>150059</v>
      </c>
      <c r="GK32" s="111">
        <v>0</v>
      </c>
      <c r="GL32" s="114">
        <v>0</v>
      </c>
      <c r="GM32" s="114">
        <v>26507</v>
      </c>
      <c r="GN32" s="114">
        <v>87384</v>
      </c>
      <c r="GO32" s="114">
        <v>0</v>
      </c>
      <c r="GP32" s="114">
        <v>0</v>
      </c>
      <c r="GQ32" s="113">
        <v>113891</v>
      </c>
      <c r="GR32" s="116">
        <v>263950</v>
      </c>
      <c r="GS32" s="110">
        <v>430632</v>
      </c>
      <c r="GT32" s="114">
        <v>0</v>
      </c>
      <c r="GU32" s="113">
        <v>430632</v>
      </c>
      <c r="GV32" s="110">
        <v>0</v>
      </c>
      <c r="GW32" s="114">
        <v>52470</v>
      </c>
      <c r="GX32" s="114">
        <v>98010</v>
      </c>
      <c r="GY32" s="114">
        <v>150240</v>
      </c>
      <c r="GZ32" s="114">
        <v>0</v>
      </c>
      <c r="HA32" s="114">
        <v>0</v>
      </c>
      <c r="HB32" s="112">
        <v>300720</v>
      </c>
      <c r="HC32" s="116">
        <v>731352</v>
      </c>
      <c r="HD32" s="110">
        <v>589177</v>
      </c>
      <c r="HE32" s="114">
        <v>1195404</v>
      </c>
      <c r="HF32" s="112">
        <v>1784581</v>
      </c>
      <c r="HG32" s="111">
        <v>0</v>
      </c>
      <c r="HH32" s="114">
        <v>6113629</v>
      </c>
      <c r="HI32" s="114">
        <v>5283226</v>
      </c>
      <c r="HJ32" s="114">
        <v>6338435</v>
      </c>
      <c r="HK32" s="114">
        <v>7724152</v>
      </c>
      <c r="HL32" s="114">
        <v>2174444</v>
      </c>
      <c r="HM32" s="113">
        <v>27633886</v>
      </c>
      <c r="HN32" s="109">
        <v>29418467</v>
      </c>
      <c r="HO32" s="115">
        <v>549984</v>
      </c>
      <c r="HP32" s="114">
        <v>808782</v>
      </c>
      <c r="HQ32" s="113">
        <v>1358766</v>
      </c>
      <c r="HR32" s="110">
        <v>0</v>
      </c>
      <c r="HS32" s="114">
        <v>3040382</v>
      </c>
      <c r="HT32" s="114">
        <v>2219029</v>
      </c>
      <c r="HU32" s="114">
        <v>1928233</v>
      </c>
      <c r="HV32" s="114">
        <v>1250346</v>
      </c>
      <c r="HW32" s="114">
        <v>963352</v>
      </c>
      <c r="HX32" s="112">
        <v>9401342</v>
      </c>
      <c r="HY32" s="116">
        <v>10760108</v>
      </c>
      <c r="HZ32" s="150">
        <v>0</v>
      </c>
      <c r="IA32" s="135">
        <v>0</v>
      </c>
      <c r="IB32" s="150">
        <v>0</v>
      </c>
      <c r="IC32" s="134">
        <v>0</v>
      </c>
      <c r="ID32" s="135">
        <v>3800393</v>
      </c>
      <c r="IE32" s="136">
        <v>2097581</v>
      </c>
      <c r="IF32" s="137">
        <v>5474028</v>
      </c>
      <c r="IG32" s="135">
        <v>4676441</v>
      </c>
      <c r="IH32" s="137">
        <v>3052565</v>
      </c>
      <c r="II32" s="138">
        <v>19101008</v>
      </c>
      <c r="IJ32" s="150">
        <v>19101008</v>
      </c>
      <c r="IK32" s="232">
        <v>0</v>
      </c>
      <c r="IL32" s="236">
        <v>0</v>
      </c>
      <c r="IM32" s="237">
        <v>0</v>
      </c>
      <c r="IN32" s="140"/>
      <c r="IO32" s="119">
        <v>0</v>
      </c>
      <c r="IP32" s="119">
        <v>0</v>
      </c>
      <c r="IQ32" s="119">
        <v>175496</v>
      </c>
      <c r="IR32" s="119">
        <v>0</v>
      </c>
      <c r="IS32" s="119">
        <v>0</v>
      </c>
      <c r="IT32" s="141">
        <v>175496</v>
      </c>
      <c r="IU32" s="320">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644680</v>
      </c>
      <c r="JL32" s="119">
        <v>690199</v>
      </c>
      <c r="JM32" s="119">
        <v>626699</v>
      </c>
      <c r="JN32" s="119">
        <v>264163</v>
      </c>
      <c r="JO32" s="119">
        <v>0</v>
      </c>
      <c r="JP32" s="120">
        <v>3225741</v>
      </c>
      <c r="JQ32" s="320">
        <v>3225741</v>
      </c>
      <c r="JR32" s="142">
        <v>0</v>
      </c>
      <c r="JS32" s="119">
        <v>0</v>
      </c>
      <c r="JT32" s="141">
        <v>0</v>
      </c>
      <c r="JU32" s="118">
        <v>0</v>
      </c>
      <c r="JV32" s="119">
        <v>199131</v>
      </c>
      <c r="JW32" s="119">
        <v>53824</v>
      </c>
      <c r="JX32" s="119">
        <v>122045</v>
      </c>
      <c r="JY32" s="119">
        <v>312725</v>
      </c>
      <c r="JZ32" s="119">
        <v>337176</v>
      </c>
      <c r="KA32" s="120">
        <v>1024901</v>
      </c>
      <c r="KB32" s="320">
        <v>1024901</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1956582</v>
      </c>
      <c r="KS32" s="119">
        <v>1353558</v>
      </c>
      <c r="KT32" s="119">
        <v>2272973</v>
      </c>
      <c r="KU32" s="119">
        <v>1091079</v>
      </c>
      <c r="KV32" s="119">
        <v>1620069</v>
      </c>
      <c r="KW32" s="120">
        <v>8294261</v>
      </c>
      <c r="KX32" s="320">
        <v>8294261</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276815</v>
      </c>
      <c r="LQ32" s="119">
        <v>2691614</v>
      </c>
      <c r="LR32" s="119">
        <v>1095320</v>
      </c>
      <c r="LS32" s="120">
        <v>6063749</v>
      </c>
      <c r="LT32" s="320">
        <v>6063749</v>
      </c>
      <c r="LU32" s="142">
        <v>0</v>
      </c>
      <c r="LV32" s="119">
        <v>0</v>
      </c>
      <c r="LW32" s="120">
        <v>0</v>
      </c>
      <c r="LX32" s="145"/>
      <c r="LY32" s="119">
        <v>0</v>
      </c>
      <c r="LZ32" s="119">
        <v>0</v>
      </c>
      <c r="MA32" s="119">
        <v>0</v>
      </c>
      <c r="MB32" s="119">
        <v>316860</v>
      </c>
      <c r="MC32" s="119">
        <v>0</v>
      </c>
      <c r="MD32" s="120">
        <v>316860</v>
      </c>
      <c r="ME32" s="121">
        <v>316860</v>
      </c>
      <c r="MF32" s="142">
        <v>0</v>
      </c>
      <c r="MG32" s="119">
        <v>0</v>
      </c>
      <c r="MH32" s="120">
        <v>0</v>
      </c>
      <c r="MI32" s="145"/>
      <c r="MJ32" s="119">
        <v>1978375</v>
      </c>
      <c r="MK32" s="119">
        <v>5864884</v>
      </c>
      <c r="ML32" s="119">
        <v>12799285</v>
      </c>
      <c r="MM32" s="119">
        <v>20464735</v>
      </c>
      <c r="MN32" s="119">
        <v>14003027</v>
      </c>
      <c r="MO32" s="120">
        <v>55110306</v>
      </c>
      <c r="MP32" s="143">
        <v>55110306</v>
      </c>
      <c r="MQ32" s="142">
        <v>0</v>
      </c>
      <c r="MR32" s="119">
        <v>0</v>
      </c>
      <c r="MS32" s="120">
        <v>0</v>
      </c>
      <c r="MT32" s="145"/>
      <c r="MU32" s="119">
        <v>385348</v>
      </c>
      <c r="MV32" s="119">
        <v>421806</v>
      </c>
      <c r="MW32" s="119">
        <v>8092054</v>
      </c>
      <c r="MX32" s="119">
        <v>13468776</v>
      </c>
      <c r="MY32" s="119">
        <v>10397043</v>
      </c>
      <c r="MZ32" s="120">
        <v>32765027</v>
      </c>
      <c r="NA32" s="143">
        <v>32765027</v>
      </c>
      <c r="NB32" s="142">
        <v>0</v>
      </c>
      <c r="NC32" s="119">
        <v>0</v>
      </c>
      <c r="ND32" s="120">
        <v>0</v>
      </c>
      <c r="NE32" s="145"/>
      <c r="NF32" s="119">
        <v>1593027</v>
      </c>
      <c r="NG32" s="119">
        <v>5443078</v>
      </c>
      <c r="NH32" s="119">
        <v>4707231</v>
      </c>
      <c r="NI32" s="119">
        <v>6347279</v>
      </c>
      <c r="NJ32" s="119">
        <v>2805357</v>
      </c>
      <c r="NK32" s="120">
        <v>20895972</v>
      </c>
      <c r="NL32" s="320">
        <v>20895972</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648680</v>
      </c>
      <c r="OF32" s="119">
        <v>800627</v>
      </c>
      <c r="OG32" s="120">
        <v>1449307</v>
      </c>
      <c r="OH32" s="121">
        <v>1449307</v>
      </c>
      <c r="OI32" s="142">
        <v>2975208</v>
      </c>
      <c r="OJ32" s="119">
        <v>5656544</v>
      </c>
      <c r="OK32" s="141">
        <v>8631752</v>
      </c>
      <c r="OL32" s="118">
        <v>0</v>
      </c>
      <c r="OM32" s="119">
        <v>26657704</v>
      </c>
      <c r="ON32" s="119">
        <v>29245404</v>
      </c>
      <c r="OO32" s="119">
        <v>40069751</v>
      </c>
      <c r="OP32" s="119">
        <v>45456340</v>
      </c>
      <c r="OQ32" s="119">
        <v>30458993</v>
      </c>
      <c r="OR32" s="120">
        <v>171888192</v>
      </c>
      <c r="OS32" s="143">
        <v>180519944</v>
      </c>
    </row>
    <row r="33" spans="2:409" ht="21" customHeight="1" x14ac:dyDescent="0.2">
      <c r="B33" s="62" t="s">
        <v>28</v>
      </c>
      <c r="C33" s="110">
        <v>305311</v>
      </c>
      <c r="D33" s="114">
        <v>607245</v>
      </c>
      <c r="E33" s="113">
        <v>912556</v>
      </c>
      <c r="F33" s="109">
        <v>0</v>
      </c>
      <c r="G33" s="114">
        <v>4325059</v>
      </c>
      <c r="H33" s="114">
        <v>7816743</v>
      </c>
      <c r="I33" s="114">
        <v>6805745</v>
      </c>
      <c r="J33" s="114">
        <v>6793421</v>
      </c>
      <c r="K33" s="114">
        <v>3704024</v>
      </c>
      <c r="L33" s="173">
        <v>29444992</v>
      </c>
      <c r="M33" s="116">
        <v>30357548</v>
      </c>
      <c r="N33" s="110">
        <v>26748</v>
      </c>
      <c r="O33" s="114">
        <v>63324</v>
      </c>
      <c r="P33" s="113">
        <v>90072</v>
      </c>
      <c r="Q33" s="110">
        <v>0</v>
      </c>
      <c r="R33" s="114">
        <v>589538</v>
      </c>
      <c r="S33" s="114">
        <v>1519349</v>
      </c>
      <c r="T33" s="114">
        <v>1541333</v>
      </c>
      <c r="U33" s="114">
        <v>1378176</v>
      </c>
      <c r="V33" s="114">
        <v>1002227</v>
      </c>
      <c r="W33" s="113">
        <v>6030623</v>
      </c>
      <c r="X33" s="116">
        <v>6120695</v>
      </c>
      <c r="Y33" s="110">
        <v>0</v>
      </c>
      <c r="Z33" s="114">
        <v>0</v>
      </c>
      <c r="AA33" s="113">
        <v>0</v>
      </c>
      <c r="AB33" s="110">
        <v>0</v>
      </c>
      <c r="AC33" s="114">
        <v>230885</v>
      </c>
      <c r="AD33" s="114">
        <v>753475</v>
      </c>
      <c r="AE33" s="114">
        <v>536877</v>
      </c>
      <c r="AF33" s="114">
        <v>504014</v>
      </c>
      <c r="AG33" s="114">
        <v>344066</v>
      </c>
      <c r="AH33" s="113">
        <v>2369317</v>
      </c>
      <c r="AI33" s="116">
        <v>2369317</v>
      </c>
      <c r="AJ33" s="110">
        <v>0</v>
      </c>
      <c r="AK33" s="114">
        <v>0</v>
      </c>
      <c r="AL33" s="113">
        <v>0</v>
      </c>
      <c r="AM33" s="110">
        <v>0</v>
      </c>
      <c r="AN33" s="114">
        <v>0</v>
      </c>
      <c r="AO33" s="114">
        <v>79869</v>
      </c>
      <c r="AP33" s="114">
        <v>177239</v>
      </c>
      <c r="AQ33" s="114">
        <v>115169</v>
      </c>
      <c r="AR33" s="114">
        <v>114767</v>
      </c>
      <c r="AS33" s="113">
        <v>487044</v>
      </c>
      <c r="AT33" s="116">
        <v>487044</v>
      </c>
      <c r="AU33" s="110">
        <v>24066</v>
      </c>
      <c r="AV33" s="114">
        <v>57960</v>
      </c>
      <c r="AW33" s="113">
        <v>82026</v>
      </c>
      <c r="AX33" s="110">
        <v>0</v>
      </c>
      <c r="AY33" s="114">
        <v>171355</v>
      </c>
      <c r="AZ33" s="114">
        <v>461703</v>
      </c>
      <c r="BA33" s="114">
        <v>582015</v>
      </c>
      <c r="BB33" s="114">
        <v>445887</v>
      </c>
      <c r="BC33" s="114">
        <v>371839</v>
      </c>
      <c r="BD33" s="113">
        <v>2032799</v>
      </c>
      <c r="BE33" s="116">
        <v>2114825</v>
      </c>
      <c r="BF33" s="110">
        <v>0</v>
      </c>
      <c r="BG33" s="114">
        <v>0</v>
      </c>
      <c r="BH33" s="112">
        <v>0</v>
      </c>
      <c r="BI33" s="111">
        <v>0</v>
      </c>
      <c r="BJ33" s="114">
        <v>76938</v>
      </c>
      <c r="BK33" s="114">
        <v>0</v>
      </c>
      <c r="BL33" s="114">
        <v>0</v>
      </c>
      <c r="BM33" s="114">
        <v>17775</v>
      </c>
      <c r="BN33" s="114">
        <v>58086</v>
      </c>
      <c r="BO33" s="113">
        <v>152799</v>
      </c>
      <c r="BP33" s="116">
        <v>152799</v>
      </c>
      <c r="BQ33" s="110">
        <v>2682</v>
      </c>
      <c r="BR33" s="114">
        <v>5364</v>
      </c>
      <c r="BS33" s="113">
        <v>8046</v>
      </c>
      <c r="BT33" s="110">
        <v>0</v>
      </c>
      <c r="BU33" s="114">
        <v>110360</v>
      </c>
      <c r="BV33" s="114">
        <v>224302</v>
      </c>
      <c r="BW33" s="114">
        <v>245202</v>
      </c>
      <c r="BX33" s="114">
        <v>295331</v>
      </c>
      <c r="BY33" s="114">
        <v>113469</v>
      </c>
      <c r="BZ33" s="113">
        <v>988664</v>
      </c>
      <c r="CA33" s="116">
        <v>996710</v>
      </c>
      <c r="CB33" s="110">
        <v>0</v>
      </c>
      <c r="CC33" s="114">
        <v>167334</v>
      </c>
      <c r="CD33" s="113">
        <v>167334</v>
      </c>
      <c r="CE33" s="110">
        <v>0</v>
      </c>
      <c r="CF33" s="114">
        <v>2172160</v>
      </c>
      <c r="CG33" s="114">
        <v>2817594</v>
      </c>
      <c r="CH33" s="114">
        <v>2559010</v>
      </c>
      <c r="CI33" s="114">
        <v>1787203</v>
      </c>
      <c r="CJ33" s="114">
        <v>1062354</v>
      </c>
      <c r="CK33" s="113">
        <v>10398321</v>
      </c>
      <c r="CL33" s="116">
        <v>10565655</v>
      </c>
      <c r="CM33" s="110">
        <v>0</v>
      </c>
      <c r="CN33" s="114">
        <v>0</v>
      </c>
      <c r="CO33" s="113">
        <v>0</v>
      </c>
      <c r="CP33" s="111">
        <v>0</v>
      </c>
      <c r="CQ33" s="114">
        <v>1868764</v>
      </c>
      <c r="CR33" s="114">
        <v>1809978</v>
      </c>
      <c r="CS33" s="114">
        <v>1969143</v>
      </c>
      <c r="CT33" s="114">
        <v>988939</v>
      </c>
      <c r="CU33" s="114">
        <v>647720</v>
      </c>
      <c r="CV33" s="113">
        <v>7284544</v>
      </c>
      <c r="CW33" s="116">
        <v>7284544</v>
      </c>
      <c r="CX33" s="110">
        <v>0</v>
      </c>
      <c r="CY33" s="114">
        <v>167334</v>
      </c>
      <c r="CZ33" s="113">
        <v>167334</v>
      </c>
      <c r="DA33" s="110">
        <v>0</v>
      </c>
      <c r="DB33" s="114">
        <v>303396</v>
      </c>
      <c r="DC33" s="114">
        <v>1007616</v>
      </c>
      <c r="DD33" s="114">
        <v>589867</v>
      </c>
      <c r="DE33" s="114">
        <v>798264</v>
      </c>
      <c r="DF33" s="114">
        <v>414634</v>
      </c>
      <c r="DG33" s="113">
        <v>3113777</v>
      </c>
      <c r="DH33" s="116">
        <v>3281111</v>
      </c>
      <c r="DI33" s="110">
        <v>0</v>
      </c>
      <c r="DJ33" s="114">
        <v>24057</v>
      </c>
      <c r="DK33" s="112">
        <v>24057</v>
      </c>
      <c r="DL33" s="111">
        <v>0</v>
      </c>
      <c r="DM33" s="114">
        <v>136062</v>
      </c>
      <c r="DN33" s="114">
        <v>297451</v>
      </c>
      <c r="DO33" s="114">
        <v>658644</v>
      </c>
      <c r="DP33" s="114">
        <v>1064727</v>
      </c>
      <c r="DQ33" s="114">
        <v>693044</v>
      </c>
      <c r="DR33" s="113">
        <v>2849928</v>
      </c>
      <c r="DS33" s="116">
        <v>2873985</v>
      </c>
      <c r="DT33" s="110">
        <v>0</v>
      </c>
      <c r="DU33" s="114">
        <v>0</v>
      </c>
      <c r="DV33" s="113">
        <v>0</v>
      </c>
      <c r="DW33" s="110">
        <v>0</v>
      </c>
      <c r="DX33" s="114">
        <v>80559</v>
      </c>
      <c r="DY33" s="114">
        <v>225903</v>
      </c>
      <c r="DZ33" s="114">
        <v>596148</v>
      </c>
      <c r="EA33" s="114">
        <v>831153</v>
      </c>
      <c r="EB33" s="114">
        <v>517005</v>
      </c>
      <c r="EC33" s="113">
        <v>2250768</v>
      </c>
      <c r="ED33" s="116">
        <v>2250768</v>
      </c>
      <c r="EE33" s="110">
        <v>0</v>
      </c>
      <c r="EF33" s="112">
        <v>24057</v>
      </c>
      <c r="EG33" s="113">
        <v>24057</v>
      </c>
      <c r="EH33" s="110">
        <v>0</v>
      </c>
      <c r="EI33" s="114">
        <v>55503</v>
      </c>
      <c r="EJ33" s="114">
        <v>71548</v>
      </c>
      <c r="EK33" s="114">
        <v>62496</v>
      </c>
      <c r="EL33" s="114">
        <v>233574</v>
      </c>
      <c r="EM33" s="114">
        <v>176039</v>
      </c>
      <c r="EN33" s="112">
        <v>599160</v>
      </c>
      <c r="EO33" s="116">
        <v>623217</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184369</v>
      </c>
      <c r="FM33" s="114">
        <v>264930</v>
      </c>
      <c r="FN33" s="113">
        <v>449299</v>
      </c>
      <c r="FO33" s="110">
        <v>0</v>
      </c>
      <c r="FP33" s="114">
        <v>363178</v>
      </c>
      <c r="FQ33" s="114">
        <v>905819</v>
      </c>
      <c r="FR33" s="114">
        <v>558666</v>
      </c>
      <c r="FS33" s="114">
        <v>391612</v>
      </c>
      <c r="FT33" s="114">
        <v>416456</v>
      </c>
      <c r="FU33" s="113">
        <v>2635731</v>
      </c>
      <c r="FV33" s="116">
        <v>3085030</v>
      </c>
      <c r="FW33" s="115">
        <v>22490</v>
      </c>
      <c r="FX33" s="114">
        <v>102885</v>
      </c>
      <c r="FY33" s="112">
        <v>125375</v>
      </c>
      <c r="FZ33" s="111">
        <v>0</v>
      </c>
      <c r="GA33" s="114">
        <v>208420</v>
      </c>
      <c r="GB33" s="114">
        <v>731374</v>
      </c>
      <c r="GC33" s="114">
        <v>509238</v>
      </c>
      <c r="GD33" s="114">
        <v>339094</v>
      </c>
      <c r="GE33" s="114">
        <v>416456</v>
      </c>
      <c r="GF33" s="113">
        <v>2204582</v>
      </c>
      <c r="GG33" s="318">
        <v>2329957</v>
      </c>
      <c r="GH33" s="115">
        <v>21879</v>
      </c>
      <c r="GI33" s="114">
        <v>25245</v>
      </c>
      <c r="GJ33" s="112">
        <v>47124</v>
      </c>
      <c r="GK33" s="111">
        <v>0</v>
      </c>
      <c r="GL33" s="114">
        <v>20592</v>
      </c>
      <c r="GM33" s="114">
        <v>0</v>
      </c>
      <c r="GN33" s="114">
        <v>49428</v>
      </c>
      <c r="GO33" s="114">
        <v>29118</v>
      </c>
      <c r="GP33" s="114">
        <v>0</v>
      </c>
      <c r="GQ33" s="113">
        <v>99138</v>
      </c>
      <c r="GR33" s="116">
        <v>146262</v>
      </c>
      <c r="GS33" s="110">
        <v>140000</v>
      </c>
      <c r="GT33" s="114">
        <v>136800</v>
      </c>
      <c r="GU33" s="113">
        <v>276800</v>
      </c>
      <c r="GV33" s="110">
        <v>0</v>
      </c>
      <c r="GW33" s="114">
        <v>134166</v>
      </c>
      <c r="GX33" s="114">
        <v>174445</v>
      </c>
      <c r="GY33" s="114">
        <v>0</v>
      </c>
      <c r="GZ33" s="114">
        <v>23400</v>
      </c>
      <c r="HA33" s="114">
        <v>0</v>
      </c>
      <c r="HB33" s="112">
        <v>332011</v>
      </c>
      <c r="HC33" s="116">
        <v>608811</v>
      </c>
      <c r="HD33" s="110">
        <v>54774</v>
      </c>
      <c r="HE33" s="114">
        <v>0</v>
      </c>
      <c r="HF33" s="112">
        <v>54774</v>
      </c>
      <c r="HG33" s="111">
        <v>0</v>
      </c>
      <c r="HH33" s="114">
        <v>161010</v>
      </c>
      <c r="HI33" s="114">
        <v>1149343</v>
      </c>
      <c r="HJ33" s="114">
        <v>750094</v>
      </c>
      <c r="HK33" s="114">
        <v>1620056</v>
      </c>
      <c r="HL33" s="114">
        <v>231102</v>
      </c>
      <c r="HM33" s="113">
        <v>3911605</v>
      </c>
      <c r="HN33" s="109">
        <v>3966379</v>
      </c>
      <c r="HO33" s="115">
        <v>39420</v>
      </c>
      <c r="HP33" s="114">
        <v>87600</v>
      </c>
      <c r="HQ33" s="113">
        <v>127020</v>
      </c>
      <c r="HR33" s="110">
        <v>0</v>
      </c>
      <c r="HS33" s="114">
        <v>903111</v>
      </c>
      <c r="HT33" s="114">
        <v>1127187</v>
      </c>
      <c r="HU33" s="114">
        <v>737998</v>
      </c>
      <c r="HV33" s="114">
        <v>551647</v>
      </c>
      <c r="HW33" s="114">
        <v>298841</v>
      </c>
      <c r="HX33" s="112">
        <v>3618784</v>
      </c>
      <c r="HY33" s="116">
        <v>3745804</v>
      </c>
      <c r="HZ33" s="131">
        <v>0</v>
      </c>
      <c r="IA33" s="132">
        <v>0</v>
      </c>
      <c r="IB33" s="133">
        <v>0</v>
      </c>
      <c r="IC33" s="146">
        <v>0</v>
      </c>
      <c r="ID33" s="132">
        <v>728025</v>
      </c>
      <c r="IE33" s="147">
        <v>1542667</v>
      </c>
      <c r="IF33" s="133">
        <v>1552267</v>
      </c>
      <c r="IG33" s="132">
        <v>884052</v>
      </c>
      <c r="IH33" s="133">
        <v>956120</v>
      </c>
      <c r="II33" s="148">
        <v>5663131</v>
      </c>
      <c r="IJ33" s="139">
        <v>5663131</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607191</v>
      </c>
      <c r="JL33" s="119">
        <v>540922</v>
      </c>
      <c r="JM33" s="119">
        <v>50212</v>
      </c>
      <c r="JN33" s="119">
        <v>101943</v>
      </c>
      <c r="JO33" s="119">
        <v>45360</v>
      </c>
      <c r="JP33" s="120">
        <v>1345628</v>
      </c>
      <c r="JQ33" s="320">
        <v>1345628</v>
      </c>
      <c r="JR33" s="142">
        <v>0</v>
      </c>
      <c r="JS33" s="119">
        <v>0</v>
      </c>
      <c r="JT33" s="141">
        <v>0</v>
      </c>
      <c r="JU33" s="118">
        <v>0</v>
      </c>
      <c r="JV33" s="119">
        <v>120834</v>
      </c>
      <c r="JW33" s="119">
        <v>96876</v>
      </c>
      <c r="JX33" s="119">
        <v>234081</v>
      </c>
      <c r="JY33" s="119">
        <v>0</v>
      </c>
      <c r="JZ33" s="119">
        <v>0</v>
      </c>
      <c r="KA33" s="120">
        <v>451791</v>
      </c>
      <c r="KB33" s="320">
        <v>451791</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904869</v>
      </c>
      <c r="KT33" s="119">
        <v>1024020</v>
      </c>
      <c r="KU33" s="119">
        <v>782109</v>
      </c>
      <c r="KV33" s="119">
        <v>910760</v>
      </c>
      <c r="KW33" s="120">
        <v>3621758</v>
      </c>
      <c r="KX33" s="320">
        <v>3621758</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43954</v>
      </c>
      <c r="LQ33" s="119">
        <v>0</v>
      </c>
      <c r="LR33" s="119">
        <v>0</v>
      </c>
      <c r="LS33" s="120">
        <v>243954</v>
      </c>
      <c r="LT33" s="320">
        <v>243954</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463079</v>
      </c>
      <c r="MK33" s="119">
        <v>2384709</v>
      </c>
      <c r="ML33" s="119">
        <v>5358954</v>
      </c>
      <c r="MM33" s="119">
        <v>6847079</v>
      </c>
      <c r="MN33" s="119">
        <v>3840022</v>
      </c>
      <c r="MO33" s="120">
        <v>18893843</v>
      </c>
      <c r="MP33" s="143">
        <v>18893843</v>
      </c>
      <c r="MQ33" s="142">
        <v>0</v>
      </c>
      <c r="MR33" s="119">
        <v>0</v>
      </c>
      <c r="MS33" s="120">
        <v>0</v>
      </c>
      <c r="MT33" s="145"/>
      <c r="MU33" s="119">
        <v>0</v>
      </c>
      <c r="MV33" s="119">
        <v>193527</v>
      </c>
      <c r="MW33" s="119">
        <v>2767242</v>
      </c>
      <c r="MX33" s="119">
        <v>3806423</v>
      </c>
      <c r="MY33" s="119">
        <v>2666295</v>
      </c>
      <c r="MZ33" s="120">
        <v>9433487</v>
      </c>
      <c r="NA33" s="143">
        <v>9433487</v>
      </c>
      <c r="NB33" s="142">
        <v>0</v>
      </c>
      <c r="NC33" s="119">
        <v>0</v>
      </c>
      <c r="ND33" s="120">
        <v>0</v>
      </c>
      <c r="NE33" s="145"/>
      <c r="NF33" s="119">
        <v>463079</v>
      </c>
      <c r="NG33" s="119">
        <v>2191182</v>
      </c>
      <c r="NH33" s="119">
        <v>2591712</v>
      </c>
      <c r="NI33" s="119">
        <v>3040656</v>
      </c>
      <c r="NJ33" s="119">
        <v>1173727</v>
      </c>
      <c r="NK33" s="120">
        <v>9460356</v>
      </c>
      <c r="NL33" s="320">
        <v>9460356</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305311</v>
      </c>
      <c r="OJ33" s="119">
        <v>607245</v>
      </c>
      <c r="OK33" s="141">
        <v>912556</v>
      </c>
      <c r="OL33" s="118">
        <v>0</v>
      </c>
      <c r="OM33" s="119">
        <v>5516163</v>
      </c>
      <c r="ON33" s="119">
        <v>11744119</v>
      </c>
      <c r="OO33" s="119">
        <v>13716966</v>
      </c>
      <c r="OP33" s="119">
        <v>14524552</v>
      </c>
      <c r="OQ33" s="119">
        <v>8500166</v>
      </c>
      <c r="OR33" s="120">
        <v>54001966</v>
      </c>
      <c r="OS33" s="143">
        <v>54914522</v>
      </c>
    </row>
    <row r="34" spans="2:409" ht="21" customHeight="1" x14ac:dyDescent="0.2">
      <c r="B34" s="62" t="s">
        <v>29</v>
      </c>
      <c r="C34" s="110">
        <v>618263</v>
      </c>
      <c r="D34" s="114">
        <v>792399</v>
      </c>
      <c r="E34" s="113">
        <v>1410662</v>
      </c>
      <c r="F34" s="109">
        <v>0</v>
      </c>
      <c r="G34" s="114">
        <v>8115200</v>
      </c>
      <c r="H34" s="114">
        <v>10221376</v>
      </c>
      <c r="I34" s="114">
        <v>6848917</v>
      </c>
      <c r="J34" s="114">
        <v>8383906</v>
      </c>
      <c r="K34" s="114">
        <v>5719571</v>
      </c>
      <c r="L34" s="173">
        <v>39288970</v>
      </c>
      <c r="M34" s="116">
        <v>40699632</v>
      </c>
      <c r="N34" s="110">
        <v>75132</v>
      </c>
      <c r="O34" s="114">
        <v>174889</v>
      </c>
      <c r="P34" s="113">
        <v>250021</v>
      </c>
      <c r="Q34" s="110">
        <v>0</v>
      </c>
      <c r="R34" s="114">
        <v>1779911</v>
      </c>
      <c r="S34" s="114">
        <v>2575532</v>
      </c>
      <c r="T34" s="114">
        <v>981546</v>
      </c>
      <c r="U34" s="114">
        <v>2144064</v>
      </c>
      <c r="V34" s="114">
        <v>3105450</v>
      </c>
      <c r="W34" s="113">
        <v>10586503</v>
      </c>
      <c r="X34" s="116">
        <v>10836524</v>
      </c>
      <c r="Y34" s="110">
        <v>0</v>
      </c>
      <c r="Z34" s="114">
        <v>0</v>
      </c>
      <c r="AA34" s="113">
        <v>0</v>
      </c>
      <c r="AB34" s="110">
        <v>0</v>
      </c>
      <c r="AC34" s="114">
        <v>793987</v>
      </c>
      <c r="AD34" s="114">
        <v>1203525</v>
      </c>
      <c r="AE34" s="114">
        <v>351421</v>
      </c>
      <c r="AF34" s="114">
        <v>1395666</v>
      </c>
      <c r="AG34" s="114">
        <v>2387892</v>
      </c>
      <c r="AH34" s="113">
        <v>6132491</v>
      </c>
      <c r="AI34" s="116">
        <v>6132491</v>
      </c>
      <c r="AJ34" s="110">
        <v>0</v>
      </c>
      <c r="AK34" s="114">
        <v>0</v>
      </c>
      <c r="AL34" s="113">
        <v>0</v>
      </c>
      <c r="AM34" s="110">
        <v>0</v>
      </c>
      <c r="AN34" s="114">
        <v>0</v>
      </c>
      <c r="AO34" s="114">
        <v>38835</v>
      </c>
      <c r="AP34" s="114">
        <v>0</v>
      </c>
      <c r="AQ34" s="114">
        <v>121027</v>
      </c>
      <c r="AR34" s="114">
        <v>317569</v>
      </c>
      <c r="AS34" s="113">
        <v>477431</v>
      </c>
      <c r="AT34" s="116">
        <v>477431</v>
      </c>
      <c r="AU34" s="110">
        <v>40248</v>
      </c>
      <c r="AV34" s="114">
        <v>128557</v>
      </c>
      <c r="AW34" s="113">
        <v>168805</v>
      </c>
      <c r="AX34" s="110">
        <v>0</v>
      </c>
      <c r="AY34" s="114">
        <v>683104</v>
      </c>
      <c r="AZ34" s="114">
        <v>855906</v>
      </c>
      <c r="BA34" s="114">
        <v>466670</v>
      </c>
      <c r="BB34" s="114">
        <v>267556</v>
      </c>
      <c r="BC34" s="114">
        <v>277726</v>
      </c>
      <c r="BD34" s="113">
        <v>2550962</v>
      </c>
      <c r="BE34" s="116">
        <v>2719767</v>
      </c>
      <c r="BF34" s="110">
        <v>34884</v>
      </c>
      <c r="BG34" s="114">
        <v>34344</v>
      </c>
      <c r="BH34" s="112">
        <v>69228</v>
      </c>
      <c r="BI34" s="111">
        <v>0</v>
      </c>
      <c r="BJ34" s="114">
        <v>95600</v>
      </c>
      <c r="BK34" s="114">
        <v>111763</v>
      </c>
      <c r="BL34" s="114">
        <v>26768</v>
      </c>
      <c r="BM34" s="114">
        <v>149764</v>
      </c>
      <c r="BN34" s="114">
        <v>0</v>
      </c>
      <c r="BO34" s="113">
        <v>383895</v>
      </c>
      <c r="BP34" s="116">
        <v>453123</v>
      </c>
      <c r="BQ34" s="110">
        <v>0</v>
      </c>
      <c r="BR34" s="114">
        <v>11988</v>
      </c>
      <c r="BS34" s="113">
        <v>11988</v>
      </c>
      <c r="BT34" s="110">
        <v>0</v>
      </c>
      <c r="BU34" s="114">
        <v>207220</v>
      </c>
      <c r="BV34" s="114">
        <v>365503</v>
      </c>
      <c r="BW34" s="114">
        <v>136687</v>
      </c>
      <c r="BX34" s="114">
        <v>210051</v>
      </c>
      <c r="BY34" s="114">
        <v>122263</v>
      </c>
      <c r="BZ34" s="113">
        <v>1041724</v>
      </c>
      <c r="CA34" s="116">
        <v>1053712</v>
      </c>
      <c r="CB34" s="110">
        <v>40756</v>
      </c>
      <c r="CC34" s="114">
        <v>76752</v>
      </c>
      <c r="CD34" s="113">
        <v>117508</v>
      </c>
      <c r="CE34" s="110">
        <v>0</v>
      </c>
      <c r="CF34" s="114">
        <v>2842550</v>
      </c>
      <c r="CG34" s="114">
        <v>3225961</v>
      </c>
      <c r="CH34" s="114">
        <v>2351782</v>
      </c>
      <c r="CI34" s="114">
        <v>2175157</v>
      </c>
      <c r="CJ34" s="114">
        <v>351153</v>
      </c>
      <c r="CK34" s="113">
        <v>10946603</v>
      </c>
      <c r="CL34" s="116">
        <v>11064111</v>
      </c>
      <c r="CM34" s="110">
        <v>0</v>
      </c>
      <c r="CN34" s="114">
        <v>0</v>
      </c>
      <c r="CO34" s="113">
        <v>0</v>
      </c>
      <c r="CP34" s="111">
        <v>0</v>
      </c>
      <c r="CQ34" s="114">
        <v>1968721</v>
      </c>
      <c r="CR34" s="114">
        <v>2579453</v>
      </c>
      <c r="CS34" s="114">
        <v>1747456</v>
      </c>
      <c r="CT34" s="114">
        <v>1847237</v>
      </c>
      <c r="CU34" s="114">
        <v>351153</v>
      </c>
      <c r="CV34" s="113">
        <v>8494020</v>
      </c>
      <c r="CW34" s="116">
        <v>8494020</v>
      </c>
      <c r="CX34" s="110">
        <v>40756</v>
      </c>
      <c r="CY34" s="114">
        <v>76752</v>
      </c>
      <c r="CZ34" s="113">
        <v>117508</v>
      </c>
      <c r="DA34" s="110">
        <v>0</v>
      </c>
      <c r="DB34" s="114">
        <v>873829</v>
      </c>
      <c r="DC34" s="114">
        <v>646508</v>
      </c>
      <c r="DD34" s="114">
        <v>604326</v>
      </c>
      <c r="DE34" s="114">
        <v>327920</v>
      </c>
      <c r="DF34" s="114">
        <v>0</v>
      </c>
      <c r="DG34" s="113">
        <v>2452583</v>
      </c>
      <c r="DH34" s="116">
        <v>2570091</v>
      </c>
      <c r="DI34" s="110">
        <v>0</v>
      </c>
      <c r="DJ34" s="114">
        <v>49014</v>
      </c>
      <c r="DK34" s="112">
        <v>49014</v>
      </c>
      <c r="DL34" s="111">
        <v>0</v>
      </c>
      <c r="DM34" s="114">
        <v>379276</v>
      </c>
      <c r="DN34" s="114">
        <v>816812</v>
      </c>
      <c r="DO34" s="114">
        <v>1083675</v>
      </c>
      <c r="DP34" s="114">
        <v>867329</v>
      </c>
      <c r="DQ34" s="114">
        <v>471561</v>
      </c>
      <c r="DR34" s="113">
        <v>3618653</v>
      </c>
      <c r="DS34" s="116">
        <v>3667667</v>
      </c>
      <c r="DT34" s="110">
        <v>0</v>
      </c>
      <c r="DU34" s="114">
        <v>49014</v>
      </c>
      <c r="DV34" s="113">
        <v>49014</v>
      </c>
      <c r="DW34" s="110">
        <v>0</v>
      </c>
      <c r="DX34" s="114">
        <v>334122</v>
      </c>
      <c r="DY34" s="114">
        <v>746369</v>
      </c>
      <c r="DZ34" s="114">
        <v>1083675</v>
      </c>
      <c r="EA34" s="114">
        <v>810514</v>
      </c>
      <c r="EB34" s="114">
        <v>471561</v>
      </c>
      <c r="EC34" s="113">
        <v>3446241</v>
      </c>
      <c r="ED34" s="116">
        <v>3495255</v>
      </c>
      <c r="EE34" s="110">
        <v>0</v>
      </c>
      <c r="EF34" s="112">
        <v>0</v>
      </c>
      <c r="EG34" s="113">
        <v>0</v>
      </c>
      <c r="EH34" s="110">
        <v>0</v>
      </c>
      <c r="EI34" s="114">
        <v>45154</v>
      </c>
      <c r="EJ34" s="114">
        <v>70443</v>
      </c>
      <c r="EK34" s="114">
        <v>0</v>
      </c>
      <c r="EL34" s="114">
        <v>56815</v>
      </c>
      <c r="EM34" s="114">
        <v>0</v>
      </c>
      <c r="EN34" s="112">
        <v>172412</v>
      </c>
      <c r="EO34" s="116">
        <v>172412</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268185</v>
      </c>
      <c r="FM34" s="114">
        <v>329444</v>
      </c>
      <c r="FN34" s="113">
        <v>597629</v>
      </c>
      <c r="FO34" s="110">
        <v>0</v>
      </c>
      <c r="FP34" s="114">
        <v>821848</v>
      </c>
      <c r="FQ34" s="114">
        <v>1103742</v>
      </c>
      <c r="FR34" s="114">
        <v>791373</v>
      </c>
      <c r="FS34" s="114">
        <v>979636</v>
      </c>
      <c r="FT34" s="114">
        <v>632753</v>
      </c>
      <c r="FU34" s="113">
        <v>4329352</v>
      </c>
      <c r="FV34" s="116">
        <v>4926981</v>
      </c>
      <c r="FW34" s="115">
        <v>128235</v>
      </c>
      <c r="FX34" s="114">
        <v>188144</v>
      </c>
      <c r="FY34" s="112">
        <v>316379</v>
      </c>
      <c r="FZ34" s="111">
        <v>0</v>
      </c>
      <c r="GA34" s="114">
        <v>376415</v>
      </c>
      <c r="GB34" s="114">
        <v>858261</v>
      </c>
      <c r="GC34" s="114">
        <v>557105</v>
      </c>
      <c r="GD34" s="114">
        <v>705824</v>
      </c>
      <c r="GE34" s="114">
        <v>530783</v>
      </c>
      <c r="GF34" s="113">
        <v>3028388</v>
      </c>
      <c r="GG34" s="318">
        <v>3344767</v>
      </c>
      <c r="GH34" s="115">
        <v>0</v>
      </c>
      <c r="GI34" s="114">
        <v>21780</v>
      </c>
      <c r="GJ34" s="112">
        <v>21780</v>
      </c>
      <c r="GK34" s="111">
        <v>0</v>
      </c>
      <c r="GL34" s="114">
        <v>122793</v>
      </c>
      <c r="GM34" s="114">
        <v>134136</v>
      </c>
      <c r="GN34" s="114">
        <v>48418</v>
      </c>
      <c r="GO34" s="114">
        <v>31442</v>
      </c>
      <c r="GP34" s="114">
        <v>53460</v>
      </c>
      <c r="GQ34" s="113">
        <v>390249</v>
      </c>
      <c r="GR34" s="116">
        <v>412029</v>
      </c>
      <c r="GS34" s="110">
        <v>139950</v>
      </c>
      <c r="GT34" s="114">
        <v>119520</v>
      </c>
      <c r="GU34" s="113">
        <v>259470</v>
      </c>
      <c r="GV34" s="110">
        <v>0</v>
      </c>
      <c r="GW34" s="114">
        <v>322640</v>
      </c>
      <c r="GX34" s="114">
        <v>111345</v>
      </c>
      <c r="GY34" s="114">
        <v>185850</v>
      </c>
      <c r="GZ34" s="114">
        <v>242370</v>
      </c>
      <c r="HA34" s="114">
        <v>48510</v>
      </c>
      <c r="HB34" s="112">
        <v>910715</v>
      </c>
      <c r="HC34" s="116">
        <v>1170185</v>
      </c>
      <c r="HD34" s="110">
        <v>100803</v>
      </c>
      <c r="HE34" s="114">
        <v>0</v>
      </c>
      <c r="HF34" s="112">
        <v>100803</v>
      </c>
      <c r="HG34" s="111">
        <v>0</v>
      </c>
      <c r="HH34" s="114">
        <v>1133803</v>
      </c>
      <c r="HI34" s="114">
        <v>1322064</v>
      </c>
      <c r="HJ34" s="114">
        <v>826119</v>
      </c>
      <c r="HK34" s="114">
        <v>1604613</v>
      </c>
      <c r="HL34" s="114">
        <v>810971</v>
      </c>
      <c r="HM34" s="113">
        <v>5697570</v>
      </c>
      <c r="HN34" s="109">
        <v>5798373</v>
      </c>
      <c r="HO34" s="115">
        <v>133387</v>
      </c>
      <c r="HP34" s="114">
        <v>162300</v>
      </c>
      <c r="HQ34" s="113">
        <v>295687</v>
      </c>
      <c r="HR34" s="110">
        <v>0</v>
      </c>
      <c r="HS34" s="114">
        <v>1157812</v>
      </c>
      <c r="HT34" s="114">
        <v>1177265</v>
      </c>
      <c r="HU34" s="114">
        <v>814422</v>
      </c>
      <c r="HV34" s="114">
        <v>613107</v>
      </c>
      <c r="HW34" s="114">
        <v>347683</v>
      </c>
      <c r="HX34" s="112">
        <v>4110289</v>
      </c>
      <c r="HY34" s="116">
        <v>4405976</v>
      </c>
      <c r="HZ34" s="150">
        <v>0</v>
      </c>
      <c r="IA34" s="135">
        <v>310392</v>
      </c>
      <c r="IB34" s="150">
        <v>310392</v>
      </c>
      <c r="IC34" s="134">
        <v>0</v>
      </c>
      <c r="ID34" s="135">
        <v>3087252</v>
      </c>
      <c r="IE34" s="136">
        <v>2747134</v>
      </c>
      <c r="IF34" s="137">
        <v>5950596</v>
      </c>
      <c r="IG34" s="135">
        <v>3960406</v>
      </c>
      <c r="IH34" s="137">
        <v>2148898</v>
      </c>
      <c r="II34" s="138">
        <v>17894286</v>
      </c>
      <c r="IJ34" s="150">
        <v>18204678</v>
      </c>
      <c r="IK34" s="232">
        <v>0</v>
      </c>
      <c r="IL34" s="236">
        <v>0</v>
      </c>
      <c r="IM34" s="237">
        <v>0</v>
      </c>
      <c r="IN34" s="140"/>
      <c r="IO34" s="119">
        <v>62073</v>
      </c>
      <c r="IP34" s="119">
        <v>0</v>
      </c>
      <c r="IQ34" s="119">
        <v>0</v>
      </c>
      <c r="IR34" s="119">
        <v>0</v>
      </c>
      <c r="IS34" s="119">
        <v>0</v>
      </c>
      <c r="IT34" s="141">
        <v>62073</v>
      </c>
      <c r="IU34" s="320">
        <v>62073</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050927</v>
      </c>
      <c r="JL34" s="119">
        <v>1035244</v>
      </c>
      <c r="JM34" s="119">
        <v>170164</v>
      </c>
      <c r="JN34" s="119">
        <v>415080</v>
      </c>
      <c r="JO34" s="119">
        <v>0</v>
      </c>
      <c r="JP34" s="120">
        <v>2671415</v>
      </c>
      <c r="JQ34" s="320">
        <v>2671415</v>
      </c>
      <c r="JR34" s="142">
        <v>0</v>
      </c>
      <c r="JS34" s="119">
        <v>0</v>
      </c>
      <c r="JT34" s="141">
        <v>0</v>
      </c>
      <c r="JU34" s="118">
        <v>0</v>
      </c>
      <c r="JV34" s="119">
        <v>63666</v>
      </c>
      <c r="JW34" s="119">
        <v>0</v>
      </c>
      <c r="JX34" s="119">
        <v>82362</v>
      </c>
      <c r="JY34" s="119">
        <v>57447</v>
      </c>
      <c r="JZ34" s="119">
        <v>0</v>
      </c>
      <c r="KA34" s="120">
        <v>203475</v>
      </c>
      <c r="KB34" s="320">
        <v>203475</v>
      </c>
      <c r="KC34" s="234">
        <v>0</v>
      </c>
      <c r="KD34" s="230">
        <v>310392</v>
      </c>
      <c r="KE34" s="120">
        <v>310392</v>
      </c>
      <c r="KF34" s="118">
        <v>0</v>
      </c>
      <c r="KG34" s="119">
        <v>898570</v>
      </c>
      <c r="KH34" s="119">
        <v>588807</v>
      </c>
      <c r="KI34" s="119">
        <v>2061629</v>
      </c>
      <c r="KJ34" s="119">
        <v>1435653</v>
      </c>
      <c r="KK34" s="119">
        <v>0</v>
      </c>
      <c r="KL34" s="120">
        <v>4984659</v>
      </c>
      <c r="KM34" s="143">
        <v>5295051</v>
      </c>
      <c r="KN34" s="232">
        <v>0</v>
      </c>
      <c r="KO34" s="236">
        <v>0</v>
      </c>
      <c r="KP34" s="237">
        <v>0</v>
      </c>
      <c r="KQ34" s="140"/>
      <c r="KR34" s="119">
        <v>901512</v>
      </c>
      <c r="KS34" s="119">
        <v>964449</v>
      </c>
      <c r="KT34" s="119">
        <v>970344</v>
      </c>
      <c r="KU34" s="119">
        <v>0</v>
      </c>
      <c r="KV34" s="119">
        <v>756594</v>
      </c>
      <c r="KW34" s="120">
        <v>3592899</v>
      </c>
      <c r="KX34" s="320">
        <v>3592899</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110504</v>
      </c>
      <c r="LO34" s="119">
        <v>158634</v>
      </c>
      <c r="LP34" s="119">
        <v>2666097</v>
      </c>
      <c r="LQ34" s="119">
        <v>2052226</v>
      </c>
      <c r="LR34" s="119">
        <v>1392304</v>
      </c>
      <c r="LS34" s="120">
        <v>6379765</v>
      </c>
      <c r="LT34" s="320">
        <v>6379765</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782563</v>
      </c>
      <c r="MK34" s="119">
        <v>1664386</v>
      </c>
      <c r="ML34" s="119">
        <v>5420364</v>
      </c>
      <c r="MM34" s="119">
        <v>11796463</v>
      </c>
      <c r="MN34" s="119">
        <v>7555325</v>
      </c>
      <c r="MO34" s="120">
        <v>27219101</v>
      </c>
      <c r="MP34" s="143">
        <v>27219101</v>
      </c>
      <c r="MQ34" s="142">
        <v>0</v>
      </c>
      <c r="MR34" s="119">
        <v>0</v>
      </c>
      <c r="MS34" s="120">
        <v>0</v>
      </c>
      <c r="MT34" s="145"/>
      <c r="MU34" s="119">
        <v>100369</v>
      </c>
      <c r="MV34" s="119">
        <v>619615</v>
      </c>
      <c r="MW34" s="119">
        <v>2719700</v>
      </c>
      <c r="MX34" s="119">
        <v>7120502</v>
      </c>
      <c r="MY34" s="119">
        <v>4966003</v>
      </c>
      <c r="MZ34" s="120">
        <v>15526189</v>
      </c>
      <c r="NA34" s="143">
        <v>15526189</v>
      </c>
      <c r="NB34" s="142">
        <v>0</v>
      </c>
      <c r="NC34" s="119">
        <v>0</v>
      </c>
      <c r="ND34" s="120">
        <v>0</v>
      </c>
      <c r="NE34" s="145"/>
      <c r="NF34" s="119">
        <v>682194</v>
      </c>
      <c r="NG34" s="119">
        <v>1044771</v>
      </c>
      <c r="NH34" s="119">
        <v>2700664</v>
      </c>
      <c r="NI34" s="119">
        <v>4598219</v>
      </c>
      <c r="NJ34" s="119">
        <v>2589322</v>
      </c>
      <c r="NK34" s="120">
        <v>11615170</v>
      </c>
      <c r="NL34" s="320">
        <v>1161517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77742</v>
      </c>
      <c r="OF34" s="119">
        <v>0</v>
      </c>
      <c r="OG34" s="120">
        <v>77742</v>
      </c>
      <c r="OH34" s="121">
        <v>77742</v>
      </c>
      <c r="OI34" s="142">
        <v>618263</v>
      </c>
      <c r="OJ34" s="119">
        <v>1102791</v>
      </c>
      <c r="OK34" s="141">
        <v>1721054</v>
      </c>
      <c r="OL34" s="118">
        <v>0</v>
      </c>
      <c r="OM34" s="119">
        <v>11985015</v>
      </c>
      <c r="ON34" s="119">
        <v>14632896</v>
      </c>
      <c r="OO34" s="119">
        <v>18219877</v>
      </c>
      <c r="OP34" s="119">
        <v>24140775</v>
      </c>
      <c r="OQ34" s="119">
        <v>15423794</v>
      </c>
      <c r="OR34" s="120">
        <v>84402357</v>
      </c>
      <c r="OS34" s="143">
        <v>86123411</v>
      </c>
    </row>
    <row r="35" spans="2:409" ht="21" customHeight="1" x14ac:dyDescent="0.2">
      <c r="B35" s="62" t="s">
        <v>30</v>
      </c>
      <c r="C35" s="110">
        <v>673957</v>
      </c>
      <c r="D35" s="114">
        <v>602037</v>
      </c>
      <c r="E35" s="174">
        <v>1275994</v>
      </c>
      <c r="F35" s="175">
        <v>0</v>
      </c>
      <c r="G35" s="176">
        <v>6909756</v>
      </c>
      <c r="H35" s="176">
        <v>6849389</v>
      </c>
      <c r="I35" s="176">
        <v>8354488</v>
      </c>
      <c r="J35" s="176">
        <v>7338088</v>
      </c>
      <c r="K35" s="176">
        <v>4018360</v>
      </c>
      <c r="L35" s="177">
        <v>33470081</v>
      </c>
      <c r="M35" s="116">
        <v>34746075</v>
      </c>
      <c r="N35" s="110">
        <v>155057</v>
      </c>
      <c r="O35" s="114">
        <v>158986</v>
      </c>
      <c r="P35" s="113">
        <v>314043</v>
      </c>
      <c r="Q35" s="110">
        <v>0</v>
      </c>
      <c r="R35" s="114">
        <v>2012513</v>
      </c>
      <c r="S35" s="114">
        <v>1722823</v>
      </c>
      <c r="T35" s="114">
        <v>3112681</v>
      </c>
      <c r="U35" s="114">
        <v>2969947</v>
      </c>
      <c r="V35" s="114">
        <v>2921621</v>
      </c>
      <c r="W35" s="113">
        <v>12739585</v>
      </c>
      <c r="X35" s="116">
        <v>13053628</v>
      </c>
      <c r="Y35" s="110">
        <v>0</v>
      </c>
      <c r="Z35" s="114">
        <v>0</v>
      </c>
      <c r="AA35" s="113">
        <v>0</v>
      </c>
      <c r="AB35" s="110">
        <v>0</v>
      </c>
      <c r="AC35" s="114">
        <v>918248</v>
      </c>
      <c r="AD35" s="114">
        <v>1005174</v>
      </c>
      <c r="AE35" s="114">
        <v>1394133</v>
      </c>
      <c r="AF35" s="114">
        <v>1315792</v>
      </c>
      <c r="AG35" s="114">
        <v>1894016</v>
      </c>
      <c r="AH35" s="113">
        <v>6527363</v>
      </c>
      <c r="AI35" s="116">
        <v>6527363</v>
      </c>
      <c r="AJ35" s="110">
        <v>0</v>
      </c>
      <c r="AK35" s="114">
        <v>0</v>
      </c>
      <c r="AL35" s="113">
        <v>0</v>
      </c>
      <c r="AM35" s="110">
        <v>0</v>
      </c>
      <c r="AN35" s="114">
        <v>39846</v>
      </c>
      <c r="AO35" s="114">
        <v>0</v>
      </c>
      <c r="AP35" s="114">
        <v>49167</v>
      </c>
      <c r="AQ35" s="114">
        <v>431595</v>
      </c>
      <c r="AR35" s="114">
        <v>404410</v>
      </c>
      <c r="AS35" s="113">
        <v>925018</v>
      </c>
      <c r="AT35" s="116">
        <v>925018</v>
      </c>
      <c r="AU35" s="110">
        <v>144257</v>
      </c>
      <c r="AV35" s="114">
        <v>158986</v>
      </c>
      <c r="AW35" s="113">
        <v>303243</v>
      </c>
      <c r="AX35" s="110">
        <v>0</v>
      </c>
      <c r="AY35" s="114">
        <v>722123</v>
      </c>
      <c r="AZ35" s="114">
        <v>501759</v>
      </c>
      <c r="BA35" s="114">
        <v>1141063</v>
      </c>
      <c r="BB35" s="114">
        <v>923186</v>
      </c>
      <c r="BC35" s="114">
        <v>441719</v>
      </c>
      <c r="BD35" s="113">
        <v>3729850</v>
      </c>
      <c r="BE35" s="116">
        <v>4033093</v>
      </c>
      <c r="BF35" s="110">
        <v>0</v>
      </c>
      <c r="BG35" s="114">
        <v>0</v>
      </c>
      <c r="BH35" s="112">
        <v>0</v>
      </c>
      <c r="BI35" s="111">
        <v>0</v>
      </c>
      <c r="BJ35" s="114">
        <v>34416</v>
      </c>
      <c r="BK35" s="114">
        <v>0</v>
      </c>
      <c r="BL35" s="114">
        <v>168332</v>
      </c>
      <c r="BM35" s="114">
        <v>34416</v>
      </c>
      <c r="BN35" s="114">
        <v>0</v>
      </c>
      <c r="BO35" s="113">
        <v>237164</v>
      </c>
      <c r="BP35" s="116">
        <v>237164</v>
      </c>
      <c r="BQ35" s="110">
        <v>10800</v>
      </c>
      <c r="BR35" s="114">
        <v>0</v>
      </c>
      <c r="BS35" s="113">
        <v>10800</v>
      </c>
      <c r="BT35" s="110">
        <v>0</v>
      </c>
      <c r="BU35" s="114">
        <v>297880</v>
      </c>
      <c r="BV35" s="114">
        <v>215890</v>
      </c>
      <c r="BW35" s="114">
        <v>359986</v>
      </c>
      <c r="BX35" s="114">
        <v>264958</v>
      </c>
      <c r="BY35" s="114">
        <v>181476</v>
      </c>
      <c r="BZ35" s="113">
        <v>1320190</v>
      </c>
      <c r="CA35" s="116">
        <v>1330990</v>
      </c>
      <c r="CB35" s="110">
        <v>61812</v>
      </c>
      <c r="CC35" s="114">
        <v>131772</v>
      </c>
      <c r="CD35" s="113">
        <v>193584</v>
      </c>
      <c r="CE35" s="110">
        <v>0</v>
      </c>
      <c r="CF35" s="114">
        <v>1795466</v>
      </c>
      <c r="CG35" s="114">
        <v>2038133</v>
      </c>
      <c r="CH35" s="114">
        <v>1715081</v>
      </c>
      <c r="CI35" s="114">
        <v>1419264</v>
      </c>
      <c r="CJ35" s="114">
        <v>198280</v>
      </c>
      <c r="CK35" s="113">
        <v>7166224</v>
      </c>
      <c r="CL35" s="116">
        <v>7359808</v>
      </c>
      <c r="CM35" s="110">
        <v>0</v>
      </c>
      <c r="CN35" s="114">
        <v>0</v>
      </c>
      <c r="CO35" s="113">
        <v>0</v>
      </c>
      <c r="CP35" s="111">
        <v>0</v>
      </c>
      <c r="CQ35" s="114">
        <v>1516706</v>
      </c>
      <c r="CR35" s="114">
        <v>1523864</v>
      </c>
      <c r="CS35" s="114">
        <v>1271579</v>
      </c>
      <c r="CT35" s="114">
        <v>919757</v>
      </c>
      <c r="CU35" s="114">
        <v>198280</v>
      </c>
      <c r="CV35" s="113">
        <v>5430186</v>
      </c>
      <c r="CW35" s="116">
        <v>5430186</v>
      </c>
      <c r="CX35" s="110">
        <v>61812</v>
      </c>
      <c r="CY35" s="114">
        <v>131772</v>
      </c>
      <c r="CZ35" s="113">
        <v>193584</v>
      </c>
      <c r="DA35" s="110">
        <v>0</v>
      </c>
      <c r="DB35" s="114">
        <v>278760</v>
      </c>
      <c r="DC35" s="114">
        <v>514269</v>
      </c>
      <c r="DD35" s="114">
        <v>443502</v>
      </c>
      <c r="DE35" s="114">
        <v>499507</v>
      </c>
      <c r="DF35" s="114">
        <v>0</v>
      </c>
      <c r="DG35" s="113">
        <v>1736038</v>
      </c>
      <c r="DH35" s="116">
        <v>1929622</v>
      </c>
      <c r="DI35" s="110">
        <v>0</v>
      </c>
      <c r="DJ35" s="114">
        <v>0</v>
      </c>
      <c r="DK35" s="112">
        <v>0</v>
      </c>
      <c r="DL35" s="111">
        <v>0</v>
      </c>
      <c r="DM35" s="114">
        <v>267637</v>
      </c>
      <c r="DN35" s="114">
        <v>555302</v>
      </c>
      <c r="DO35" s="114">
        <v>882552</v>
      </c>
      <c r="DP35" s="114">
        <v>998414</v>
      </c>
      <c r="DQ35" s="114">
        <v>40419</v>
      </c>
      <c r="DR35" s="113">
        <v>2744324</v>
      </c>
      <c r="DS35" s="116">
        <v>2744324</v>
      </c>
      <c r="DT35" s="110">
        <v>0</v>
      </c>
      <c r="DU35" s="114">
        <v>0</v>
      </c>
      <c r="DV35" s="113">
        <v>0</v>
      </c>
      <c r="DW35" s="110">
        <v>0</v>
      </c>
      <c r="DX35" s="114">
        <v>267637</v>
      </c>
      <c r="DY35" s="114">
        <v>450387</v>
      </c>
      <c r="DZ35" s="114">
        <v>855890</v>
      </c>
      <c r="EA35" s="114">
        <v>903563</v>
      </c>
      <c r="EB35" s="114">
        <v>40419</v>
      </c>
      <c r="EC35" s="113">
        <v>2517896</v>
      </c>
      <c r="ED35" s="116">
        <v>2517896</v>
      </c>
      <c r="EE35" s="110">
        <v>0</v>
      </c>
      <c r="EF35" s="112">
        <v>0</v>
      </c>
      <c r="EG35" s="113">
        <v>0</v>
      </c>
      <c r="EH35" s="110">
        <v>0</v>
      </c>
      <c r="EI35" s="114">
        <v>0</v>
      </c>
      <c r="EJ35" s="114">
        <v>104915</v>
      </c>
      <c r="EK35" s="114">
        <v>26662</v>
      </c>
      <c r="EL35" s="114">
        <v>94851</v>
      </c>
      <c r="EM35" s="114">
        <v>0</v>
      </c>
      <c r="EN35" s="112">
        <v>226428</v>
      </c>
      <c r="EO35" s="116">
        <v>226428</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215174</v>
      </c>
      <c r="FM35" s="114">
        <v>123185</v>
      </c>
      <c r="FN35" s="113">
        <v>338359</v>
      </c>
      <c r="FO35" s="110">
        <v>0</v>
      </c>
      <c r="FP35" s="114">
        <v>676004</v>
      </c>
      <c r="FQ35" s="114">
        <v>739058</v>
      </c>
      <c r="FR35" s="114">
        <v>926928</v>
      </c>
      <c r="FS35" s="114">
        <v>640681</v>
      </c>
      <c r="FT35" s="114">
        <v>316038</v>
      </c>
      <c r="FU35" s="113">
        <v>3298709</v>
      </c>
      <c r="FV35" s="116">
        <v>3637068</v>
      </c>
      <c r="FW35" s="115">
        <v>187274</v>
      </c>
      <c r="FX35" s="114">
        <v>123185</v>
      </c>
      <c r="FY35" s="112">
        <v>310459</v>
      </c>
      <c r="FZ35" s="111">
        <v>0</v>
      </c>
      <c r="GA35" s="114">
        <v>444153</v>
      </c>
      <c r="GB35" s="114">
        <v>693518</v>
      </c>
      <c r="GC35" s="114">
        <v>926928</v>
      </c>
      <c r="GD35" s="114">
        <v>593161</v>
      </c>
      <c r="GE35" s="114">
        <v>316038</v>
      </c>
      <c r="GF35" s="113">
        <v>2973798</v>
      </c>
      <c r="GG35" s="318">
        <v>3284257</v>
      </c>
      <c r="GH35" s="115">
        <v>27900</v>
      </c>
      <c r="GI35" s="114">
        <v>0</v>
      </c>
      <c r="GJ35" s="112">
        <v>27900</v>
      </c>
      <c r="GK35" s="111">
        <v>0</v>
      </c>
      <c r="GL35" s="114">
        <v>51851</v>
      </c>
      <c r="GM35" s="114">
        <v>0</v>
      </c>
      <c r="GN35" s="114">
        <v>0</v>
      </c>
      <c r="GO35" s="114">
        <v>47520</v>
      </c>
      <c r="GP35" s="114">
        <v>0</v>
      </c>
      <c r="GQ35" s="113">
        <v>99371</v>
      </c>
      <c r="GR35" s="116">
        <v>127271</v>
      </c>
      <c r="GS35" s="110">
        <v>0</v>
      </c>
      <c r="GT35" s="114">
        <v>0</v>
      </c>
      <c r="GU35" s="113">
        <v>0</v>
      </c>
      <c r="GV35" s="110">
        <v>0</v>
      </c>
      <c r="GW35" s="114">
        <v>180000</v>
      </c>
      <c r="GX35" s="114">
        <v>45540</v>
      </c>
      <c r="GY35" s="114">
        <v>0</v>
      </c>
      <c r="GZ35" s="114">
        <v>0</v>
      </c>
      <c r="HA35" s="114">
        <v>0</v>
      </c>
      <c r="HB35" s="112">
        <v>225540</v>
      </c>
      <c r="HC35" s="116">
        <v>225540</v>
      </c>
      <c r="HD35" s="110">
        <v>53334</v>
      </c>
      <c r="HE35" s="114">
        <v>66834</v>
      </c>
      <c r="HF35" s="112">
        <v>120168</v>
      </c>
      <c r="HG35" s="111">
        <v>0</v>
      </c>
      <c r="HH35" s="114">
        <v>1026974</v>
      </c>
      <c r="HI35" s="114">
        <v>844013</v>
      </c>
      <c r="HJ35" s="114">
        <v>758355</v>
      </c>
      <c r="HK35" s="114">
        <v>685793</v>
      </c>
      <c r="HL35" s="114">
        <v>243238</v>
      </c>
      <c r="HM35" s="113">
        <v>3558373</v>
      </c>
      <c r="HN35" s="109">
        <v>3678541</v>
      </c>
      <c r="HO35" s="115">
        <v>188580</v>
      </c>
      <c r="HP35" s="114">
        <v>121260</v>
      </c>
      <c r="HQ35" s="113">
        <v>309840</v>
      </c>
      <c r="HR35" s="110">
        <v>0</v>
      </c>
      <c r="HS35" s="114">
        <v>1131162</v>
      </c>
      <c r="HT35" s="114">
        <v>950060</v>
      </c>
      <c r="HU35" s="114">
        <v>958891</v>
      </c>
      <c r="HV35" s="114">
        <v>623989</v>
      </c>
      <c r="HW35" s="114">
        <v>298764</v>
      </c>
      <c r="HX35" s="112">
        <v>3962866</v>
      </c>
      <c r="HY35" s="116">
        <v>4272706</v>
      </c>
      <c r="HZ35" s="131">
        <v>26763</v>
      </c>
      <c r="IA35" s="132">
        <v>0</v>
      </c>
      <c r="IB35" s="133">
        <v>26763</v>
      </c>
      <c r="IC35" s="146">
        <v>0</v>
      </c>
      <c r="ID35" s="132">
        <v>2504595</v>
      </c>
      <c r="IE35" s="147">
        <v>1608303</v>
      </c>
      <c r="IF35" s="133">
        <v>2211092</v>
      </c>
      <c r="IG35" s="132">
        <v>2047562</v>
      </c>
      <c r="IH35" s="133">
        <v>420480</v>
      </c>
      <c r="II35" s="148">
        <v>8792032</v>
      </c>
      <c r="IJ35" s="139">
        <v>8818795</v>
      </c>
      <c r="IK35" s="232">
        <v>0</v>
      </c>
      <c r="IL35" s="236">
        <v>0</v>
      </c>
      <c r="IM35" s="237">
        <v>0</v>
      </c>
      <c r="IN35" s="140"/>
      <c r="IO35" s="119">
        <v>0</v>
      </c>
      <c r="IP35" s="119">
        <v>0</v>
      </c>
      <c r="IQ35" s="119">
        <v>362448</v>
      </c>
      <c r="IR35" s="119">
        <v>0</v>
      </c>
      <c r="IS35" s="119">
        <v>0</v>
      </c>
      <c r="IT35" s="141">
        <v>362448</v>
      </c>
      <c r="IU35" s="320">
        <v>362448</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1004331</v>
      </c>
      <c r="JL35" s="119">
        <v>703632</v>
      </c>
      <c r="JM35" s="119">
        <v>736346</v>
      </c>
      <c r="JN35" s="119">
        <v>518913</v>
      </c>
      <c r="JO35" s="119">
        <v>0</v>
      </c>
      <c r="JP35" s="120">
        <v>2963222</v>
      </c>
      <c r="JQ35" s="320">
        <v>2963222</v>
      </c>
      <c r="JR35" s="142">
        <v>26763</v>
      </c>
      <c r="JS35" s="119">
        <v>0</v>
      </c>
      <c r="JT35" s="141">
        <v>26763</v>
      </c>
      <c r="JU35" s="118">
        <v>0</v>
      </c>
      <c r="JV35" s="119">
        <v>175752</v>
      </c>
      <c r="JW35" s="119">
        <v>180909</v>
      </c>
      <c r="JX35" s="119">
        <v>160188</v>
      </c>
      <c r="JY35" s="119">
        <v>0</v>
      </c>
      <c r="JZ35" s="119">
        <v>0</v>
      </c>
      <c r="KA35" s="120">
        <v>516849</v>
      </c>
      <c r="KB35" s="320">
        <v>543612</v>
      </c>
      <c r="KC35" s="234">
        <v>0</v>
      </c>
      <c r="KD35" s="230">
        <v>0</v>
      </c>
      <c r="KE35" s="120">
        <v>0</v>
      </c>
      <c r="KF35" s="118">
        <v>0</v>
      </c>
      <c r="KG35" s="119">
        <v>0</v>
      </c>
      <c r="KH35" s="119">
        <v>0</v>
      </c>
      <c r="KI35" s="119">
        <v>0</v>
      </c>
      <c r="KJ35" s="119">
        <v>293661</v>
      </c>
      <c r="KK35" s="119">
        <v>162603</v>
      </c>
      <c r="KL35" s="120">
        <v>456264</v>
      </c>
      <c r="KM35" s="143">
        <v>456264</v>
      </c>
      <c r="KN35" s="232">
        <v>0</v>
      </c>
      <c r="KO35" s="236">
        <v>0</v>
      </c>
      <c r="KP35" s="237">
        <v>0</v>
      </c>
      <c r="KQ35" s="140"/>
      <c r="KR35" s="119">
        <v>1324512</v>
      </c>
      <c r="KS35" s="119">
        <v>723762</v>
      </c>
      <c r="KT35" s="119">
        <v>952110</v>
      </c>
      <c r="KU35" s="119">
        <v>1234988</v>
      </c>
      <c r="KV35" s="119">
        <v>257877</v>
      </c>
      <c r="KW35" s="120">
        <v>4493249</v>
      </c>
      <c r="KX35" s="320">
        <v>4493249</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2365157</v>
      </c>
      <c r="MK35" s="119">
        <v>972676</v>
      </c>
      <c r="ML35" s="119">
        <v>9582831</v>
      </c>
      <c r="MM35" s="119">
        <v>10878491</v>
      </c>
      <c r="MN35" s="119">
        <v>6002983</v>
      </c>
      <c r="MO35" s="120">
        <v>29802138</v>
      </c>
      <c r="MP35" s="143">
        <v>29802138</v>
      </c>
      <c r="MQ35" s="142">
        <v>0</v>
      </c>
      <c r="MR35" s="119">
        <v>0</v>
      </c>
      <c r="MS35" s="120">
        <v>0</v>
      </c>
      <c r="MT35" s="145"/>
      <c r="MU35" s="119">
        <v>209691</v>
      </c>
      <c r="MV35" s="119">
        <v>190359</v>
      </c>
      <c r="MW35" s="119">
        <v>5627512</v>
      </c>
      <c r="MX35" s="119">
        <v>6511585</v>
      </c>
      <c r="MY35" s="119">
        <v>3550740</v>
      </c>
      <c r="MZ35" s="120">
        <v>16089887</v>
      </c>
      <c r="NA35" s="143">
        <v>16089887</v>
      </c>
      <c r="NB35" s="142">
        <v>0</v>
      </c>
      <c r="NC35" s="119">
        <v>0</v>
      </c>
      <c r="ND35" s="120">
        <v>0</v>
      </c>
      <c r="NE35" s="145"/>
      <c r="NF35" s="119">
        <v>2155466</v>
      </c>
      <c r="NG35" s="119">
        <v>545617</v>
      </c>
      <c r="NH35" s="119">
        <v>3675311</v>
      </c>
      <c r="NI35" s="119">
        <v>4366906</v>
      </c>
      <c r="NJ35" s="119">
        <v>1729360</v>
      </c>
      <c r="NK35" s="120">
        <v>12472660</v>
      </c>
      <c r="NL35" s="320">
        <v>12472660</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236700</v>
      </c>
      <c r="OD35" s="119">
        <v>280008</v>
      </c>
      <c r="OE35" s="119">
        <v>0</v>
      </c>
      <c r="OF35" s="119">
        <v>722883</v>
      </c>
      <c r="OG35" s="120">
        <v>1239591</v>
      </c>
      <c r="OH35" s="121">
        <v>1239591</v>
      </c>
      <c r="OI35" s="142">
        <v>700720</v>
      </c>
      <c r="OJ35" s="119">
        <v>602037</v>
      </c>
      <c r="OK35" s="141">
        <v>1302757</v>
      </c>
      <c r="OL35" s="118">
        <v>0</v>
      </c>
      <c r="OM35" s="119">
        <v>11779508</v>
      </c>
      <c r="ON35" s="119">
        <v>9430368</v>
      </c>
      <c r="OO35" s="119">
        <v>20148411</v>
      </c>
      <c r="OP35" s="119">
        <v>20264141</v>
      </c>
      <c r="OQ35" s="119">
        <v>10441823</v>
      </c>
      <c r="OR35" s="120">
        <v>72064251</v>
      </c>
      <c r="OS35" s="143">
        <v>73367008</v>
      </c>
    </row>
    <row r="36" spans="2:409" ht="21" customHeight="1" x14ac:dyDescent="0.2">
      <c r="B36" s="62" t="s">
        <v>31</v>
      </c>
      <c r="C36" s="110">
        <v>364685</v>
      </c>
      <c r="D36" s="114">
        <v>1097240</v>
      </c>
      <c r="E36" s="113">
        <v>1461925</v>
      </c>
      <c r="F36" s="109">
        <v>0</v>
      </c>
      <c r="G36" s="114">
        <v>6665159</v>
      </c>
      <c r="H36" s="114">
        <v>8705216</v>
      </c>
      <c r="I36" s="114">
        <v>8897247</v>
      </c>
      <c r="J36" s="114">
        <v>5618670</v>
      </c>
      <c r="K36" s="114">
        <v>4096590</v>
      </c>
      <c r="L36" s="173">
        <v>33982882</v>
      </c>
      <c r="M36" s="116">
        <v>35444807</v>
      </c>
      <c r="N36" s="110">
        <v>74566</v>
      </c>
      <c r="O36" s="114">
        <v>220032</v>
      </c>
      <c r="P36" s="113">
        <v>294598</v>
      </c>
      <c r="Q36" s="110">
        <v>0</v>
      </c>
      <c r="R36" s="114">
        <v>1133202</v>
      </c>
      <c r="S36" s="114">
        <v>1738839</v>
      </c>
      <c r="T36" s="114">
        <v>1573797</v>
      </c>
      <c r="U36" s="114">
        <v>1674841</v>
      </c>
      <c r="V36" s="114">
        <v>1980609</v>
      </c>
      <c r="W36" s="113">
        <v>8101288</v>
      </c>
      <c r="X36" s="116">
        <v>8395886</v>
      </c>
      <c r="Y36" s="110">
        <v>0</v>
      </c>
      <c r="Z36" s="114">
        <v>0</v>
      </c>
      <c r="AA36" s="113">
        <v>0</v>
      </c>
      <c r="AB36" s="110">
        <v>0</v>
      </c>
      <c r="AC36" s="114">
        <v>308542</v>
      </c>
      <c r="AD36" s="114">
        <v>606276</v>
      </c>
      <c r="AE36" s="114">
        <v>641454</v>
      </c>
      <c r="AF36" s="114">
        <v>493409</v>
      </c>
      <c r="AG36" s="114">
        <v>1035442</v>
      </c>
      <c r="AH36" s="113">
        <v>3085123</v>
      </c>
      <c r="AI36" s="116">
        <v>3085123</v>
      </c>
      <c r="AJ36" s="110">
        <v>0</v>
      </c>
      <c r="AK36" s="114">
        <v>0</v>
      </c>
      <c r="AL36" s="113">
        <v>0</v>
      </c>
      <c r="AM36" s="110">
        <v>0</v>
      </c>
      <c r="AN36" s="114">
        <v>0</v>
      </c>
      <c r="AO36" s="114">
        <v>92871</v>
      </c>
      <c r="AP36" s="114">
        <v>271799</v>
      </c>
      <c r="AQ36" s="114">
        <v>383031</v>
      </c>
      <c r="AR36" s="114">
        <v>336589</v>
      </c>
      <c r="AS36" s="113">
        <v>1084290</v>
      </c>
      <c r="AT36" s="116">
        <v>1084290</v>
      </c>
      <c r="AU36" s="110">
        <v>57628</v>
      </c>
      <c r="AV36" s="114">
        <v>167166</v>
      </c>
      <c r="AW36" s="113">
        <v>224794</v>
      </c>
      <c r="AX36" s="110">
        <v>0</v>
      </c>
      <c r="AY36" s="114">
        <v>608666</v>
      </c>
      <c r="AZ36" s="114">
        <v>737874</v>
      </c>
      <c r="BA36" s="114">
        <v>434442</v>
      </c>
      <c r="BB36" s="114">
        <v>521703</v>
      </c>
      <c r="BC36" s="114">
        <v>471987</v>
      </c>
      <c r="BD36" s="113">
        <v>2774672</v>
      </c>
      <c r="BE36" s="116">
        <v>2999466</v>
      </c>
      <c r="BF36" s="110">
        <v>0</v>
      </c>
      <c r="BG36" s="114">
        <v>52866</v>
      </c>
      <c r="BH36" s="112">
        <v>52866</v>
      </c>
      <c r="BI36" s="111">
        <v>0</v>
      </c>
      <c r="BJ36" s="114">
        <v>91980</v>
      </c>
      <c r="BK36" s="114">
        <v>68832</v>
      </c>
      <c r="BL36" s="114">
        <v>95322</v>
      </c>
      <c r="BM36" s="114">
        <v>152055</v>
      </c>
      <c r="BN36" s="114">
        <v>40509</v>
      </c>
      <c r="BO36" s="113">
        <v>448698</v>
      </c>
      <c r="BP36" s="116">
        <v>501564</v>
      </c>
      <c r="BQ36" s="110">
        <v>16938</v>
      </c>
      <c r="BR36" s="114">
        <v>0</v>
      </c>
      <c r="BS36" s="113">
        <v>16938</v>
      </c>
      <c r="BT36" s="110">
        <v>0</v>
      </c>
      <c r="BU36" s="114">
        <v>124014</v>
      </c>
      <c r="BV36" s="114">
        <v>232986</v>
      </c>
      <c r="BW36" s="114">
        <v>130780</v>
      </c>
      <c r="BX36" s="114">
        <v>124643</v>
      </c>
      <c r="BY36" s="114">
        <v>96082</v>
      </c>
      <c r="BZ36" s="113">
        <v>708505</v>
      </c>
      <c r="CA36" s="116">
        <v>725443</v>
      </c>
      <c r="CB36" s="110">
        <v>0</v>
      </c>
      <c r="CC36" s="114">
        <v>0</v>
      </c>
      <c r="CD36" s="113">
        <v>0</v>
      </c>
      <c r="CE36" s="110">
        <v>0</v>
      </c>
      <c r="CF36" s="114">
        <v>2058824</v>
      </c>
      <c r="CG36" s="114">
        <v>3032310</v>
      </c>
      <c r="CH36" s="114">
        <v>3166290</v>
      </c>
      <c r="CI36" s="114">
        <v>1250663</v>
      </c>
      <c r="CJ36" s="114">
        <v>500605</v>
      </c>
      <c r="CK36" s="113">
        <v>10008692</v>
      </c>
      <c r="CL36" s="116">
        <v>10008692</v>
      </c>
      <c r="CM36" s="110">
        <v>0</v>
      </c>
      <c r="CN36" s="114">
        <v>0</v>
      </c>
      <c r="CO36" s="113">
        <v>0</v>
      </c>
      <c r="CP36" s="111">
        <v>0</v>
      </c>
      <c r="CQ36" s="114">
        <v>1869703</v>
      </c>
      <c r="CR36" s="114">
        <v>2402245</v>
      </c>
      <c r="CS36" s="114">
        <v>2816704</v>
      </c>
      <c r="CT36" s="114">
        <v>981632</v>
      </c>
      <c r="CU36" s="114">
        <v>406615</v>
      </c>
      <c r="CV36" s="113">
        <v>8476899</v>
      </c>
      <c r="CW36" s="116">
        <v>8476899</v>
      </c>
      <c r="CX36" s="110">
        <v>0</v>
      </c>
      <c r="CY36" s="114">
        <v>0</v>
      </c>
      <c r="CZ36" s="113">
        <v>0</v>
      </c>
      <c r="DA36" s="110">
        <v>0</v>
      </c>
      <c r="DB36" s="114">
        <v>189121</v>
      </c>
      <c r="DC36" s="114">
        <v>630065</v>
      </c>
      <c r="DD36" s="114">
        <v>349586</v>
      </c>
      <c r="DE36" s="114">
        <v>269031</v>
      </c>
      <c r="DF36" s="114">
        <v>93990</v>
      </c>
      <c r="DG36" s="113">
        <v>1531793</v>
      </c>
      <c r="DH36" s="116">
        <v>1531793</v>
      </c>
      <c r="DI36" s="110">
        <v>13095</v>
      </c>
      <c r="DJ36" s="114">
        <v>15291</v>
      </c>
      <c r="DK36" s="112">
        <v>28386</v>
      </c>
      <c r="DL36" s="111">
        <v>0</v>
      </c>
      <c r="DM36" s="114">
        <v>124097</v>
      </c>
      <c r="DN36" s="114">
        <v>620941</v>
      </c>
      <c r="DO36" s="114">
        <v>1335013</v>
      </c>
      <c r="DP36" s="114">
        <v>604289</v>
      </c>
      <c r="DQ36" s="114">
        <v>404974</v>
      </c>
      <c r="DR36" s="113">
        <v>3089314</v>
      </c>
      <c r="DS36" s="116">
        <v>3117700</v>
      </c>
      <c r="DT36" s="110">
        <v>13095</v>
      </c>
      <c r="DU36" s="114">
        <v>15291</v>
      </c>
      <c r="DV36" s="113">
        <v>28386</v>
      </c>
      <c r="DW36" s="110">
        <v>0</v>
      </c>
      <c r="DX36" s="114">
        <v>124097</v>
      </c>
      <c r="DY36" s="114">
        <v>530784</v>
      </c>
      <c r="DZ36" s="114">
        <v>1335013</v>
      </c>
      <c r="EA36" s="114">
        <v>604289</v>
      </c>
      <c r="EB36" s="114">
        <v>343756</v>
      </c>
      <c r="EC36" s="113">
        <v>2937939</v>
      </c>
      <c r="ED36" s="116">
        <v>2966325</v>
      </c>
      <c r="EE36" s="110">
        <v>0</v>
      </c>
      <c r="EF36" s="112">
        <v>0</v>
      </c>
      <c r="EG36" s="113">
        <v>0</v>
      </c>
      <c r="EH36" s="110">
        <v>0</v>
      </c>
      <c r="EI36" s="114">
        <v>0</v>
      </c>
      <c r="EJ36" s="114">
        <v>90157</v>
      </c>
      <c r="EK36" s="114">
        <v>0</v>
      </c>
      <c r="EL36" s="114">
        <v>0</v>
      </c>
      <c r="EM36" s="114">
        <v>61218</v>
      </c>
      <c r="EN36" s="112">
        <v>151375</v>
      </c>
      <c r="EO36" s="116">
        <v>151375</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116150</v>
      </c>
      <c r="FM36" s="114">
        <v>503617</v>
      </c>
      <c r="FN36" s="113">
        <v>619767</v>
      </c>
      <c r="FO36" s="110">
        <v>0</v>
      </c>
      <c r="FP36" s="114">
        <v>743313</v>
      </c>
      <c r="FQ36" s="114">
        <v>1107840</v>
      </c>
      <c r="FR36" s="114">
        <v>819775</v>
      </c>
      <c r="FS36" s="114">
        <v>974790</v>
      </c>
      <c r="FT36" s="114">
        <v>491504</v>
      </c>
      <c r="FU36" s="113">
        <v>4137222</v>
      </c>
      <c r="FV36" s="116">
        <v>4756989</v>
      </c>
      <c r="FW36" s="115">
        <v>116150</v>
      </c>
      <c r="FX36" s="114">
        <v>377337</v>
      </c>
      <c r="FY36" s="112">
        <v>493487</v>
      </c>
      <c r="FZ36" s="111">
        <v>0</v>
      </c>
      <c r="GA36" s="114">
        <v>527943</v>
      </c>
      <c r="GB36" s="114">
        <v>910200</v>
      </c>
      <c r="GC36" s="114">
        <v>750265</v>
      </c>
      <c r="GD36" s="114">
        <v>778410</v>
      </c>
      <c r="GE36" s="114">
        <v>491504</v>
      </c>
      <c r="GF36" s="113">
        <v>3458322</v>
      </c>
      <c r="GG36" s="318">
        <v>3951809</v>
      </c>
      <c r="GH36" s="115">
        <v>0</v>
      </c>
      <c r="GI36" s="114">
        <v>0</v>
      </c>
      <c r="GJ36" s="112">
        <v>0</v>
      </c>
      <c r="GK36" s="111">
        <v>0</v>
      </c>
      <c r="GL36" s="114">
        <v>66420</v>
      </c>
      <c r="GM36" s="114">
        <v>108540</v>
      </c>
      <c r="GN36" s="114">
        <v>20160</v>
      </c>
      <c r="GO36" s="114">
        <v>31050</v>
      </c>
      <c r="GP36" s="114">
        <v>0</v>
      </c>
      <c r="GQ36" s="113">
        <v>226170</v>
      </c>
      <c r="GR36" s="116">
        <v>226170</v>
      </c>
      <c r="GS36" s="110">
        <v>0</v>
      </c>
      <c r="GT36" s="114">
        <v>126280</v>
      </c>
      <c r="GU36" s="113">
        <v>126280</v>
      </c>
      <c r="GV36" s="110">
        <v>0</v>
      </c>
      <c r="GW36" s="114">
        <v>148950</v>
      </c>
      <c r="GX36" s="114">
        <v>89100</v>
      </c>
      <c r="GY36" s="114">
        <v>49350</v>
      </c>
      <c r="GZ36" s="114">
        <v>165330</v>
      </c>
      <c r="HA36" s="114">
        <v>0</v>
      </c>
      <c r="HB36" s="112">
        <v>452730</v>
      </c>
      <c r="HC36" s="116">
        <v>579010</v>
      </c>
      <c r="HD36" s="110">
        <v>53570</v>
      </c>
      <c r="HE36" s="114">
        <v>89793</v>
      </c>
      <c r="HF36" s="112">
        <v>143363</v>
      </c>
      <c r="HG36" s="111">
        <v>0</v>
      </c>
      <c r="HH36" s="114">
        <v>1230110</v>
      </c>
      <c r="HI36" s="114">
        <v>1056192</v>
      </c>
      <c r="HJ36" s="114">
        <v>1155903</v>
      </c>
      <c r="HK36" s="114">
        <v>667868</v>
      </c>
      <c r="HL36" s="114">
        <v>472924</v>
      </c>
      <c r="HM36" s="113">
        <v>4582997</v>
      </c>
      <c r="HN36" s="109">
        <v>4726360</v>
      </c>
      <c r="HO36" s="115">
        <v>107304</v>
      </c>
      <c r="HP36" s="114">
        <v>268507</v>
      </c>
      <c r="HQ36" s="113">
        <v>375811</v>
      </c>
      <c r="HR36" s="110">
        <v>0</v>
      </c>
      <c r="HS36" s="114">
        <v>1375613</v>
      </c>
      <c r="HT36" s="114">
        <v>1149094</v>
      </c>
      <c r="HU36" s="114">
        <v>846469</v>
      </c>
      <c r="HV36" s="114">
        <v>446219</v>
      </c>
      <c r="HW36" s="114">
        <v>245974</v>
      </c>
      <c r="HX36" s="112">
        <v>4063369</v>
      </c>
      <c r="HY36" s="116">
        <v>4439180</v>
      </c>
      <c r="HZ36" s="150">
        <v>0</v>
      </c>
      <c r="IA36" s="135">
        <v>179104</v>
      </c>
      <c r="IB36" s="150">
        <v>179104</v>
      </c>
      <c r="IC36" s="134">
        <v>0</v>
      </c>
      <c r="ID36" s="135">
        <v>4126341</v>
      </c>
      <c r="IE36" s="136">
        <v>4009221</v>
      </c>
      <c r="IF36" s="137">
        <v>4689747</v>
      </c>
      <c r="IG36" s="135">
        <v>4009536</v>
      </c>
      <c r="IH36" s="137">
        <v>1382229</v>
      </c>
      <c r="II36" s="138">
        <v>18217074</v>
      </c>
      <c r="IJ36" s="150">
        <v>18396178</v>
      </c>
      <c r="IK36" s="232">
        <v>0</v>
      </c>
      <c r="IL36" s="236">
        <v>0</v>
      </c>
      <c r="IM36" s="237">
        <v>0</v>
      </c>
      <c r="IN36" s="140"/>
      <c r="IO36" s="119">
        <v>0</v>
      </c>
      <c r="IP36" s="119">
        <v>198161</v>
      </c>
      <c r="IQ36" s="119">
        <v>0</v>
      </c>
      <c r="IR36" s="119">
        <v>0</v>
      </c>
      <c r="IS36" s="119">
        <v>0</v>
      </c>
      <c r="IT36" s="141">
        <v>198161</v>
      </c>
      <c r="IU36" s="320">
        <v>198161</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137588</v>
      </c>
      <c r="JL36" s="119">
        <v>533430</v>
      </c>
      <c r="JM36" s="119">
        <v>512493</v>
      </c>
      <c r="JN36" s="119">
        <v>198783</v>
      </c>
      <c r="JO36" s="119">
        <v>0</v>
      </c>
      <c r="JP36" s="120">
        <v>2382294</v>
      </c>
      <c r="JQ36" s="320">
        <v>2382294</v>
      </c>
      <c r="JR36" s="142">
        <v>0</v>
      </c>
      <c r="JS36" s="119">
        <v>0</v>
      </c>
      <c r="JT36" s="141">
        <v>0</v>
      </c>
      <c r="JU36" s="118">
        <v>0</v>
      </c>
      <c r="JV36" s="119">
        <v>0</v>
      </c>
      <c r="JW36" s="119">
        <v>0</v>
      </c>
      <c r="JX36" s="119">
        <v>0</v>
      </c>
      <c r="JY36" s="119">
        <v>174226</v>
      </c>
      <c r="JZ36" s="119">
        <v>247797</v>
      </c>
      <c r="KA36" s="120">
        <v>422023</v>
      </c>
      <c r="KB36" s="320">
        <v>422023</v>
      </c>
      <c r="KC36" s="234">
        <v>0</v>
      </c>
      <c r="KD36" s="230">
        <v>179104</v>
      </c>
      <c r="KE36" s="120">
        <v>179104</v>
      </c>
      <c r="KF36" s="118">
        <v>0</v>
      </c>
      <c r="KG36" s="119">
        <v>1488826</v>
      </c>
      <c r="KH36" s="119">
        <v>1077668</v>
      </c>
      <c r="KI36" s="119">
        <v>1367144</v>
      </c>
      <c r="KJ36" s="119">
        <v>903114</v>
      </c>
      <c r="KK36" s="119">
        <v>185292</v>
      </c>
      <c r="KL36" s="120">
        <v>5022044</v>
      </c>
      <c r="KM36" s="143">
        <v>5201148</v>
      </c>
      <c r="KN36" s="232">
        <v>0</v>
      </c>
      <c r="KO36" s="236">
        <v>0</v>
      </c>
      <c r="KP36" s="237">
        <v>0</v>
      </c>
      <c r="KQ36" s="140"/>
      <c r="KR36" s="119">
        <v>1499927</v>
      </c>
      <c r="KS36" s="119">
        <v>2199962</v>
      </c>
      <c r="KT36" s="119">
        <v>2810110</v>
      </c>
      <c r="KU36" s="119">
        <v>2733413</v>
      </c>
      <c r="KV36" s="119">
        <v>949140</v>
      </c>
      <c r="KW36" s="120">
        <v>10192552</v>
      </c>
      <c r="KX36" s="320">
        <v>10192552</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681964</v>
      </c>
      <c r="MK36" s="119">
        <v>3182053</v>
      </c>
      <c r="ML36" s="119">
        <v>8459728</v>
      </c>
      <c r="MM36" s="119">
        <v>9851875</v>
      </c>
      <c r="MN36" s="119">
        <v>7576876</v>
      </c>
      <c r="MO36" s="120">
        <v>29752496</v>
      </c>
      <c r="MP36" s="143">
        <v>29752496</v>
      </c>
      <c r="MQ36" s="142">
        <v>0</v>
      </c>
      <c r="MR36" s="119">
        <v>0</v>
      </c>
      <c r="MS36" s="120">
        <v>0</v>
      </c>
      <c r="MT36" s="145"/>
      <c r="MU36" s="119">
        <v>0</v>
      </c>
      <c r="MV36" s="119">
        <v>462804</v>
      </c>
      <c r="MW36" s="119">
        <v>6881355</v>
      </c>
      <c r="MX36" s="119">
        <v>6656745</v>
      </c>
      <c r="MY36" s="119">
        <v>5852992</v>
      </c>
      <c r="MZ36" s="120">
        <v>19853896</v>
      </c>
      <c r="NA36" s="143">
        <v>19853896</v>
      </c>
      <c r="NB36" s="142">
        <v>0</v>
      </c>
      <c r="NC36" s="119">
        <v>0</v>
      </c>
      <c r="ND36" s="120">
        <v>0</v>
      </c>
      <c r="NE36" s="145"/>
      <c r="NF36" s="119">
        <v>430659</v>
      </c>
      <c r="NG36" s="119">
        <v>2719249</v>
      </c>
      <c r="NH36" s="119">
        <v>1578373</v>
      </c>
      <c r="NI36" s="119">
        <v>2899687</v>
      </c>
      <c r="NJ36" s="119">
        <v>1723884</v>
      </c>
      <c r="NK36" s="120">
        <v>9351852</v>
      </c>
      <c r="NL36" s="320">
        <v>9351852</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251305</v>
      </c>
      <c r="OC36" s="119">
        <v>0</v>
      </c>
      <c r="OD36" s="119">
        <v>0</v>
      </c>
      <c r="OE36" s="119">
        <v>295443</v>
      </c>
      <c r="OF36" s="119">
        <v>0</v>
      </c>
      <c r="OG36" s="120">
        <v>546748</v>
      </c>
      <c r="OH36" s="121">
        <v>546748</v>
      </c>
      <c r="OI36" s="142">
        <v>364685</v>
      </c>
      <c r="OJ36" s="119">
        <v>1276344</v>
      </c>
      <c r="OK36" s="141">
        <v>1641029</v>
      </c>
      <c r="OL36" s="118">
        <v>0</v>
      </c>
      <c r="OM36" s="119">
        <v>11473464</v>
      </c>
      <c r="ON36" s="119">
        <v>15896490</v>
      </c>
      <c r="OO36" s="119">
        <v>22046722</v>
      </c>
      <c r="OP36" s="119">
        <v>19480081</v>
      </c>
      <c r="OQ36" s="119">
        <v>13055695</v>
      </c>
      <c r="OR36" s="120">
        <v>81952452</v>
      </c>
      <c r="OS36" s="143">
        <v>83593481</v>
      </c>
    </row>
    <row r="37" spans="2:409" ht="21" customHeight="1" x14ac:dyDescent="0.2">
      <c r="B37" s="62" t="s">
        <v>32</v>
      </c>
      <c r="C37" s="110">
        <v>737771</v>
      </c>
      <c r="D37" s="114">
        <v>1098567</v>
      </c>
      <c r="E37" s="174">
        <v>1836338</v>
      </c>
      <c r="F37" s="175">
        <v>0</v>
      </c>
      <c r="G37" s="176">
        <v>9374005</v>
      </c>
      <c r="H37" s="176">
        <v>9694625</v>
      </c>
      <c r="I37" s="176">
        <v>8356149</v>
      </c>
      <c r="J37" s="176">
        <v>8769905</v>
      </c>
      <c r="K37" s="176">
        <v>6378617</v>
      </c>
      <c r="L37" s="177">
        <v>42573301</v>
      </c>
      <c r="M37" s="116">
        <v>44409639</v>
      </c>
      <c r="N37" s="110">
        <v>162629</v>
      </c>
      <c r="O37" s="114">
        <v>210410</v>
      </c>
      <c r="P37" s="113">
        <v>373039</v>
      </c>
      <c r="Q37" s="110">
        <v>0</v>
      </c>
      <c r="R37" s="114">
        <v>2228198</v>
      </c>
      <c r="S37" s="114">
        <v>2002574</v>
      </c>
      <c r="T37" s="114">
        <v>2438588</v>
      </c>
      <c r="U37" s="114">
        <v>2333797</v>
      </c>
      <c r="V37" s="114">
        <v>3077596</v>
      </c>
      <c r="W37" s="113">
        <v>12080753</v>
      </c>
      <c r="X37" s="116">
        <v>12453792</v>
      </c>
      <c r="Y37" s="110">
        <v>0</v>
      </c>
      <c r="Z37" s="114">
        <v>0</v>
      </c>
      <c r="AA37" s="113">
        <v>0</v>
      </c>
      <c r="AB37" s="110">
        <v>0</v>
      </c>
      <c r="AC37" s="114">
        <v>1000983</v>
      </c>
      <c r="AD37" s="114">
        <v>898635</v>
      </c>
      <c r="AE37" s="114">
        <v>1406345</v>
      </c>
      <c r="AF37" s="114">
        <v>976724</v>
      </c>
      <c r="AG37" s="114">
        <v>1875095</v>
      </c>
      <c r="AH37" s="113">
        <v>6157782</v>
      </c>
      <c r="AI37" s="116">
        <v>6157782</v>
      </c>
      <c r="AJ37" s="110">
        <v>0</v>
      </c>
      <c r="AK37" s="114">
        <v>0</v>
      </c>
      <c r="AL37" s="113">
        <v>0</v>
      </c>
      <c r="AM37" s="110">
        <v>0</v>
      </c>
      <c r="AN37" s="114">
        <v>0</v>
      </c>
      <c r="AO37" s="114">
        <v>0</v>
      </c>
      <c r="AP37" s="114">
        <v>139201</v>
      </c>
      <c r="AQ37" s="114">
        <v>110628</v>
      </c>
      <c r="AR37" s="114">
        <v>470856</v>
      </c>
      <c r="AS37" s="113">
        <v>720685</v>
      </c>
      <c r="AT37" s="116">
        <v>720685</v>
      </c>
      <c r="AU37" s="110">
        <v>93780</v>
      </c>
      <c r="AV37" s="114">
        <v>187064</v>
      </c>
      <c r="AW37" s="113">
        <v>280844</v>
      </c>
      <c r="AX37" s="110">
        <v>0</v>
      </c>
      <c r="AY37" s="114">
        <v>872651</v>
      </c>
      <c r="AZ37" s="114">
        <v>799646</v>
      </c>
      <c r="BA37" s="114">
        <v>574669</v>
      </c>
      <c r="BB37" s="114">
        <v>719111</v>
      </c>
      <c r="BC37" s="114">
        <v>436548</v>
      </c>
      <c r="BD37" s="113">
        <v>3402625</v>
      </c>
      <c r="BE37" s="116">
        <v>3683469</v>
      </c>
      <c r="BF37" s="110">
        <v>41984</v>
      </c>
      <c r="BG37" s="114">
        <v>0</v>
      </c>
      <c r="BH37" s="112">
        <v>41984</v>
      </c>
      <c r="BI37" s="111">
        <v>0</v>
      </c>
      <c r="BJ37" s="114">
        <v>193329</v>
      </c>
      <c r="BK37" s="114">
        <v>38240</v>
      </c>
      <c r="BL37" s="114">
        <v>51624</v>
      </c>
      <c r="BM37" s="114">
        <v>114720</v>
      </c>
      <c r="BN37" s="114">
        <v>47214</v>
      </c>
      <c r="BO37" s="113">
        <v>445127</v>
      </c>
      <c r="BP37" s="116">
        <v>487111</v>
      </c>
      <c r="BQ37" s="110">
        <v>26865</v>
      </c>
      <c r="BR37" s="114">
        <v>23346</v>
      </c>
      <c r="BS37" s="113">
        <v>50211</v>
      </c>
      <c r="BT37" s="110">
        <v>0</v>
      </c>
      <c r="BU37" s="114">
        <v>161235</v>
      </c>
      <c r="BV37" s="114">
        <v>266053</v>
      </c>
      <c r="BW37" s="114">
        <v>266749</v>
      </c>
      <c r="BX37" s="114">
        <v>412614</v>
      </c>
      <c r="BY37" s="114">
        <v>247883</v>
      </c>
      <c r="BZ37" s="113">
        <v>1354534</v>
      </c>
      <c r="CA37" s="116">
        <v>1404745</v>
      </c>
      <c r="CB37" s="110">
        <v>40257</v>
      </c>
      <c r="CC37" s="114">
        <v>38376</v>
      </c>
      <c r="CD37" s="113">
        <v>78633</v>
      </c>
      <c r="CE37" s="110">
        <v>0</v>
      </c>
      <c r="CF37" s="114">
        <v>3557739</v>
      </c>
      <c r="CG37" s="114">
        <v>3703325</v>
      </c>
      <c r="CH37" s="114">
        <v>2292867</v>
      </c>
      <c r="CI37" s="114">
        <v>2039367</v>
      </c>
      <c r="CJ37" s="114">
        <v>661704</v>
      </c>
      <c r="CK37" s="113">
        <v>12255002</v>
      </c>
      <c r="CL37" s="116">
        <v>12333635</v>
      </c>
      <c r="CM37" s="110">
        <v>0</v>
      </c>
      <c r="CN37" s="114">
        <v>0</v>
      </c>
      <c r="CO37" s="113">
        <v>0</v>
      </c>
      <c r="CP37" s="111">
        <v>0</v>
      </c>
      <c r="CQ37" s="114">
        <v>3061961</v>
      </c>
      <c r="CR37" s="114">
        <v>3079106</v>
      </c>
      <c r="CS37" s="114">
        <v>1945370</v>
      </c>
      <c r="CT37" s="114">
        <v>1639314</v>
      </c>
      <c r="CU37" s="114">
        <v>379483</v>
      </c>
      <c r="CV37" s="113">
        <v>10105234</v>
      </c>
      <c r="CW37" s="116">
        <v>10105234</v>
      </c>
      <c r="CX37" s="110">
        <v>40257</v>
      </c>
      <c r="CY37" s="114">
        <v>38376</v>
      </c>
      <c r="CZ37" s="113">
        <v>78633</v>
      </c>
      <c r="DA37" s="110">
        <v>0</v>
      </c>
      <c r="DB37" s="114">
        <v>495778</v>
      </c>
      <c r="DC37" s="114">
        <v>624219</v>
      </c>
      <c r="DD37" s="114">
        <v>347497</v>
      </c>
      <c r="DE37" s="114">
        <v>400053</v>
      </c>
      <c r="DF37" s="114">
        <v>282221</v>
      </c>
      <c r="DG37" s="113">
        <v>2149768</v>
      </c>
      <c r="DH37" s="116">
        <v>2228401</v>
      </c>
      <c r="DI37" s="110">
        <v>0</v>
      </c>
      <c r="DJ37" s="114">
        <v>14213</v>
      </c>
      <c r="DK37" s="112">
        <v>14213</v>
      </c>
      <c r="DL37" s="111">
        <v>0</v>
      </c>
      <c r="DM37" s="114">
        <v>187246</v>
      </c>
      <c r="DN37" s="114">
        <v>634677</v>
      </c>
      <c r="DO37" s="114">
        <v>922186</v>
      </c>
      <c r="DP37" s="114">
        <v>600254</v>
      </c>
      <c r="DQ37" s="114">
        <v>727714</v>
      </c>
      <c r="DR37" s="113">
        <v>3072077</v>
      </c>
      <c r="DS37" s="116">
        <v>3086290</v>
      </c>
      <c r="DT37" s="110">
        <v>0</v>
      </c>
      <c r="DU37" s="114">
        <v>14213</v>
      </c>
      <c r="DV37" s="113">
        <v>14213</v>
      </c>
      <c r="DW37" s="110">
        <v>0</v>
      </c>
      <c r="DX37" s="114">
        <v>187246</v>
      </c>
      <c r="DY37" s="114">
        <v>634677</v>
      </c>
      <c r="DZ37" s="114">
        <v>874973</v>
      </c>
      <c r="EA37" s="114">
        <v>315040</v>
      </c>
      <c r="EB37" s="114">
        <v>727714</v>
      </c>
      <c r="EC37" s="113">
        <v>2739650</v>
      </c>
      <c r="ED37" s="116">
        <v>2753863</v>
      </c>
      <c r="EE37" s="110">
        <v>0</v>
      </c>
      <c r="EF37" s="112">
        <v>0</v>
      </c>
      <c r="EG37" s="113">
        <v>0</v>
      </c>
      <c r="EH37" s="110">
        <v>0</v>
      </c>
      <c r="EI37" s="114">
        <v>0</v>
      </c>
      <c r="EJ37" s="114">
        <v>0</v>
      </c>
      <c r="EK37" s="114">
        <v>47213</v>
      </c>
      <c r="EL37" s="114">
        <v>285214</v>
      </c>
      <c r="EM37" s="114">
        <v>0</v>
      </c>
      <c r="EN37" s="112">
        <v>332427</v>
      </c>
      <c r="EO37" s="116">
        <v>332427</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326050</v>
      </c>
      <c r="FM37" s="114">
        <v>372025</v>
      </c>
      <c r="FN37" s="113">
        <v>698075</v>
      </c>
      <c r="FO37" s="110">
        <v>0</v>
      </c>
      <c r="FP37" s="114">
        <v>626845</v>
      </c>
      <c r="FQ37" s="114">
        <v>1061773</v>
      </c>
      <c r="FR37" s="114">
        <v>933234</v>
      </c>
      <c r="FS37" s="114">
        <v>814422</v>
      </c>
      <c r="FT37" s="114">
        <v>470714</v>
      </c>
      <c r="FU37" s="113">
        <v>3906988</v>
      </c>
      <c r="FV37" s="116">
        <v>4605063</v>
      </c>
      <c r="FW37" s="115">
        <v>129850</v>
      </c>
      <c r="FX37" s="114">
        <v>317315</v>
      </c>
      <c r="FY37" s="112">
        <v>447165</v>
      </c>
      <c r="FZ37" s="111">
        <v>0</v>
      </c>
      <c r="GA37" s="114">
        <v>562000</v>
      </c>
      <c r="GB37" s="114">
        <v>900653</v>
      </c>
      <c r="GC37" s="114">
        <v>814434</v>
      </c>
      <c r="GD37" s="114">
        <v>784722</v>
      </c>
      <c r="GE37" s="114">
        <v>444420</v>
      </c>
      <c r="GF37" s="113">
        <v>3506229</v>
      </c>
      <c r="GG37" s="318">
        <v>3953394</v>
      </c>
      <c r="GH37" s="115">
        <v>26100</v>
      </c>
      <c r="GI37" s="114">
        <v>10710</v>
      </c>
      <c r="GJ37" s="112">
        <v>36810</v>
      </c>
      <c r="GK37" s="111">
        <v>0</v>
      </c>
      <c r="GL37" s="114">
        <v>64845</v>
      </c>
      <c r="GM37" s="114">
        <v>21120</v>
      </c>
      <c r="GN37" s="114">
        <v>0</v>
      </c>
      <c r="GO37" s="114">
        <v>29700</v>
      </c>
      <c r="GP37" s="114">
        <v>26294</v>
      </c>
      <c r="GQ37" s="113">
        <v>141959</v>
      </c>
      <c r="GR37" s="116">
        <v>178769</v>
      </c>
      <c r="GS37" s="110">
        <v>170100</v>
      </c>
      <c r="GT37" s="114">
        <v>44000</v>
      </c>
      <c r="GU37" s="113">
        <v>214100</v>
      </c>
      <c r="GV37" s="110">
        <v>0</v>
      </c>
      <c r="GW37" s="114">
        <v>0</v>
      </c>
      <c r="GX37" s="114">
        <v>140000</v>
      </c>
      <c r="GY37" s="114">
        <v>118800</v>
      </c>
      <c r="GZ37" s="114">
        <v>0</v>
      </c>
      <c r="HA37" s="114">
        <v>0</v>
      </c>
      <c r="HB37" s="112">
        <v>258800</v>
      </c>
      <c r="HC37" s="116">
        <v>472900</v>
      </c>
      <c r="HD37" s="110">
        <v>113855</v>
      </c>
      <c r="HE37" s="114">
        <v>270823</v>
      </c>
      <c r="HF37" s="112">
        <v>384678</v>
      </c>
      <c r="HG37" s="111">
        <v>0</v>
      </c>
      <c r="HH37" s="114">
        <v>1071063</v>
      </c>
      <c r="HI37" s="114">
        <v>836516</v>
      </c>
      <c r="HJ37" s="114">
        <v>845457</v>
      </c>
      <c r="HK37" s="114">
        <v>2314634</v>
      </c>
      <c r="HL37" s="114">
        <v>1097601</v>
      </c>
      <c r="HM37" s="113">
        <v>6165271</v>
      </c>
      <c r="HN37" s="109">
        <v>6549949</v>
      </c>
      <c r="HO37" s="115">
        <v>94980</v>
      </c>
      <c r="HP37" s="114">
        <v>192720</v>
      </c>
      <c r="HQ37" s="113">
        <v>287700</v>
      </c>
      <c r="HR37" s="110">
        <v>0</v>
      </c>
      <c r="HS37" s="114">
        <v>1702914</v>
      </c>
      <c r="HT37" s="114">
        <v>1455760</v>
      </c>
      <c r="HU37" s="114">
        <v>923817</v>
      </c>
      <c r="HV37" s="114">
        <v>667431</v>
      </c>
      <c r="HW37" s="114">
        <v>343288</v>
      </c>
      <c r="HX37" s="112">
        <v>5093210</v>
      </c>
      <c r="HY37" s="116">
        <v>5380910</v>
      </c>
      <c r="HZ37" s="131">
        <v>102996</v>
      </c>
      <c r="IA37" s="132">
        <v>259038</v>
      </c>
      <c r="IB37" s="133">
        <v>362034</v>
      </c>
      <c r="IC37" s="146">
        <v>0</v>
      </c>
      <c r="ID37" s="132">
        <v>3050681</v>
      </c>
      <c r="IE37" s="147">
        <v>3191135</v>
      </c>
      <c r="IF37" s="133">
        <v>7734463</v>
      </c>
      <c r="IG37" s="132">
        <v>4749051</v>
      </c>
      <c r="IH37" s="133">
        <v>2256990</v>
      </c>
      <c r="II37" s="148">
        <v>20982320</v>
      </c>
      <c r="IJ37" s="139">
        <v>21344354</v>
      </c>
      <c r="IK37" s="232">
        <v>0</v>
      </c>
      <c r="IL37" s="236">
        <v>0</v>
      </c>
      <c r="IM37" s="237">
        <v>0</v>
      </c>
      <c r="IN37" s="140"/>
      <c r="IO37" s="119">
        <v>138186</v>
      </c>
      <c r="IP37" s="119">
        <v>84616</v>
      </c>
      <c r="IQ37" s="119">
        <v>0</v>
      </c>
      <c r="IR37" s="119">
        <v>423216</v>
      </c>
      <c r="IS37" s="119">
        <v>0</v>
      </c>
      <c r="IT37" s="141">
        <v>646018</v>
      </c>
      <c r="IU37" s="320">
        <v>646018</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1763732</v>
      </c>
      <c r="JL37" s="119">
        <v>1904373</v>
      </c>
      <c r="JM37" s="119">
        <v>1098800</v>
      </c>
      <c r="JN37" s="119">
        <v>51057</v>
      </c>
      <c r="JO37" s="119">
        <v>136544</v>
      </c>
      <c r="JP37" s="120">
        <v>4954506</v>
      </c>
      <c r="JQ37" s="320">
        <v>4954506</v>
      </c>
      <c r="JR37" s="142">
        <v>0</v>
      </c>
      <c r="JS37" s="119">
        <v>0</v>
      </c>
      <c r="JT37" s="141">
        <v>0</v>
      </c>
      <c r="JU37" s="118">
        <v>0</v>
      </c>
      <c r="JV37" s="119">
        <v>263764</v>
      </c>
      <c r="JW37" s="119">
        <v>84771</v>
      </c>
      <c r="JX37" s="119">
        <v>305298</v>
      </c>
      <c r="JY37" s="119">
        <v>0</v>
      </c>
      <c r="JZ37" s="119">
        <v>164453</v>
      </c>
      <c r="KA37" s="120">
        <v>818286</v>
      </c>
      <c r="KB37" s="320">
        <v>818286</v>
      </c>
      <c r="KC37" s="234">
        <v>102996</v>
      </c>
      <c r="KD37" s="230">
        <v>259038</v>
      </c>
      <c r="KE37" s="120">
        <v>362034</v>
      </c>
      <c r="KF37" s="118">
        <v>0</v>
      </c>
      <c r="KG37" s="119">
        <v>484470</v>
      </c>
      <c r="KH37" s="119">
        <v>131782</v>
      </c>
      <c r="KI37" s="119">
        <v>506826</v>
      </c>
      <c r="KJ37" s="119">
        <v>285498</v>
      </c>
      <c r="KK37" s="119">
        <v>0</v>
      </c>
      <c r="KL37" s="120">
        <v>1408576</v>
      </c>
      <c r="KM37" s="143">
        <v>1770610</v>
      </c>
      <c r="KN37" s="232">
        <v>0</v>
      </c>
      <c r="KO37" s="236">
        <v>0</v>
      </c>
      <c r="KP37" s="237">
        <v>0</v>
      </c>
      <c r="KQ37" s="140"/>
      <c r="KR37" s="119">
        <v>234272</v>
      </c>
      <c r="KS37" s="119">
        <v>736281</v>
      </c>
      <c r="KT37" s="119">
        <v>2801584</v>
      </c>
      <c r="KU37" s="119">
        <v>2050641</v>
      </c>
      <c r="KV37" s="119">
        <v>1711130</v>
      </c>
      <c r="KW37" s="120">
        <v>7533908</v>
      </c>
      <c r="KX37" s="320">
        <v>7533908</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66257</v>
      </c>
      <c r="LO37" s="119">
        <v>249312</v>
      </c>
      <c r="LP37" s="119">
        <v>3021955</v>
      </c>
      <c r="LQ37" s="119">
        <v>1938639</v>
      </c>
      <c r="LR37" s="119">
        <v>244863</v>
      </c>
      <c r="LS37" s="120">
        <v>5621026</v>
      </c>
      <c r="LT37" s="320">
        <v>5621026</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644443</v>
      </c>
      <c r="MK37" s="119">
        <v>2065228</v>
      </c>
      <c r="ML37" s="119">
        <v>6345347</v>
      </c>
      <c r="MM37" s="119">
        <v>10584814</v>
      </c>
      <c r="MN37" s="119">
        <v>5847963</v>
      </c>
      <c r="MO37" s="120">
        <v>25487795</v>
      </c>
      <c r="MP37" s="143">
        <v>25487795</v>
      </c>
      <c r="MQ37" s="142">
        <v>0</v>
      </c>
      <c r="MR37" s="119">
        <v>0</v>
      </c>
      <c r="MS37" s="120">
        <v>0</v>
      </c>
      <c r="MT37" s="145"/>
      <c r="MU37" s="119">
        <v>391786</v>
      </c>
      <c r="MV37" s="119">
        <v>0</v>
      </c>
      <c r="MW37" s="119">
        <v>2373140</v>
      </c>
      <c r="MX37" s="119">
        <v>5511837</v>
      </c>
      <c r="MY37" s="119">
        <v>3637450</v>
      </c>
      <c r="MZ37" s="120">
        <v>11914213</v>
      </c>
      <c r="NA37" s="143">
        <v>11914213</v>
      </c>
      <c r="NB37" s="142">
        <v>0</v>
      </c>
      <c r="NC37" s="119">
        <v>0</v>
      </c>
      <c r="ND37" s="120">
        <v>0</v>
      </c>
      <c r="NE37" s="145"/>
      <c r="NF37" s="119">
        <v>252657</v>
      </c>
      <c r="NG37" s="119">
        <v>2065228</v>
      </c>
      <c r="NH37" s="119">
        <v>3369720</v>
      </c>
      <c r="NI37" s="119">
        <v>5072977</v>
      </c>
      <c r="NJ37" s="119">
        <v>1830132</v>
      </c>
      <c r="NK37" s="120">
        <v>12590714</v>
      </c>
      <c r="NL37" s="320">
        <v>12590714</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602487</v>
      </c>
      <c r="OE37" s="119">
        <v>0</v>
      </c>
      <c r="OF37" s="119">
        <v>380381</v>
      </c>
      <c r="OG37" s="120">
        <v>982868</v>
      </c>
      <c r="OH37" s="121">
        <v>982868</v>
      </c>
      <c r="OI37" s="142">
        <v>840767</v>
      </c>
      <c r="OJ37" s="119">
        <v>1357605</v>
      </c>
      <c r="OK37" s="141">
        <v>2198372</v>
      </c>
      <c r="OL37" s="118">
        <v>0</v>
      </c>
      <c r="OM37" s="119">
        <v>13069129</v>
      </c>
      <c r="ON37" s="119">
        <v>14950988</v>
      </c>
      <c r="OO37" s="119">
        <v>22435959</v>
      </c>
      <c r="OP37" s="119">
        <v>24103770</v>
      </c>
      <c r="OQ37" s="119">
        <v>14483570</v>
      </c>
      <c r="OR37" s="120">
        <v>89043416</v>
      </c>
      <c r="OS37" s="143">
        <v>91241788</v>
      </c>
    </row>
    <row r="38" spans="2:409" ht="21" customHeight="1" x14ac:dyDescent="0.2">
      <c r="B38" s="62" t="s">
        <v>33</v>
      </c>
      <c r="C38" s="110">
        <v>1500528</v>
      </c>
      <c r="D38" s="114">
        <v>2390811</v>
      </c>
      <c r="E38" s="113">
        <v>3891339</v>
      </c>
      <c r="F38" s="109">
        <v>0</v>
      </c>
      <c r="G38" s="114">
        <v>8658185</v>
      </c>
      <c r="H38" s="114">
        <v>9726971</v>
      </c>
      <c r="I38" s="114">
        <v>6232689</v>
      </c>
      <c r="J38" s="114">
        <v>6532641</v>
      </c>
      <c r="K38" s="114">
        <v>4887211</v>
      </c>
      <c r="L38" s="173">
        <v>36037697</v>
      </c>
      <c r="M38" s="116">
        <v>39929036</v>
      </c>
      <c r="N38" s="110">
        <v>501890</v>
      </c>
      <c r="O38" s="114">
        <v>837088</v>
      </c>
      <c r="P38" s="113">
        <v>1338978</v>
      </c>
      <c r="Q38" s="110">
        <v>0</v>
      </c>
      <c r="R38" s="114">
        <v>2446324</v>
      </c>
      <c r="S38" s="114">
        <v>3041583</v>
      </c>
      <c r="T38" s="114">
        <v>1963872</v>
      </c>
      <c r="U38" s="114">
        <v>1674563</v>
      </c>
      <c r="V38" s="114">
        <v>2354114</v>
      </c>
      <c r="W38" s="113">
        <v>11480456</v>
      </c>
      <c r="X38" s="116">
        <v>12819434</v>
      </c>
      <c r="Y38" s="110">
        <v>0</v>
      </c>
      <c r="Z38" s="114">
        <v>0</v>
      </c>
      <c r="AA38" s="113">
        <v>0</v>
      </c>
      <c r="AB38" s="110">
        <v>0</v>
      </c>
      <c r="AC38" s="114">
        <v>630219</v>
      </c>
      <c r="AD38" s="114">
        <v>1432719</v>
      </c>
      <c r="AE38" s="114">
        <v>953351</v>
      </c>
      <c r="AF38" s="114">
        <v>815597</v>
      </c>
      <c r="AG38" s="114">
        <v>1562043</v>
      </c>
      <c r="AH38" s="113">
        <v>5393929</v>
      </c>
      <c r="AI38" s="116">
        <v>5393929</v>
      </c>
      <c r="AJ38" s="110">
        <v>0</v>
      </c>
      <c r="AK38" s="114">
        <v>0</v>
      </c>
      <c r="AL38" s="113">
        <v>0</v>
      </c>
      <c r="AM38" s="110">
        <v>0</v>
      </c>
      <c r="AN38" s="114">
        <v>0</v>
      </c>
      <c r="AO38" s="114">
        <v>11313</v>
      </c>
      <c r="AP38" s="114">
        <v>127917</v>
      </c>
      <c r="AQ38" s="114">
        <v>164000</v>
      </c>
      <c r="AR38" s="114">
        <v>245251</v>
      </c>
      <c r="AS38" s="113">
        <v>548481</v>
      </c>
      <c r="AT38" s="116">
        <v>548481</v>
      </c>
      <c r="AU38" s="110">
        <v>22860</v>
      </c>
      <c r="AV38" s="114">
        <v>62691</v>
      </c>
      <c r="AW38" s="113">
        <v>85551</v>
      </c>
      <c r="AX38" s="110">
        <v>0</v>
      </c>
      <c r="AY38" s="114">
        <v>496268</v>
      </c>
      <c r="AZ38" s="114">
        <v>476056</v>
      </c>
      <c r="BA38" s="114">
        <v>256386</v>
      </c>
      <c r="BB38" s="114">
        <v>260726</v>
      </c>
      <c r="BC38" s="114">
        <v>240792</v>
      </c>
      <c r="BD38" s="113">
        <v>1730228</v>
      </c>
      <c r="BE38" s="116">
        <v>1815779</v>
      </c>
      <c r="BF38" s="110">
        <v>379967</v>
      </c>
      <c r="BG38" s="114">
        <v>629596</v>
      </c>
      <c r="BH38" s="112">
        <v>1009563</v>
      </c>
      <c r="BI38" s="111">
        <v>0</v>
      </c>
      <c r="BJ38" s="114">
        <v>1032528</v>
      </c>
      <c r="BK38" s="114">
        <v>664208</v>
      </c>
      <c r="BL38" s="114">
        <v>247330</v>
      </c>
      <c r="BM38" s="114">
        <v>294124</v>
      </c>
      <c r="BN38" s="114">
        <v>132418</v>
      </c>
      <c r="BO38" s="113">
        <v>2370608</v>
      </c>
      <c r="BP38" s="116">
        <v>3380171</v>
      </c>
      <c r="BQ38" s="110">
        <v>99063</v>
      </c>
      <c r="BR38" s="114">
        <v>144801</v>
      </c>
      <c r="BS38" s="113">
        <v>243864</v>
      </c>
      <c r="BT38" s="110">
        <v>0</v>
      </c>
      <c r="BU38" s="114">
        <v>287309</v>
      </c>
      <c r="BV38" s="114">
        <v>457287</v>
      </c>
      <c r="BW38" s="114">
        <v>378888</v>
      </c>
      <c r="BX38" s="114">
        <v>140116</v>
      </c>
      <c r="BY38" s="114">
        <v>173610</v>
      </c>
      <c r="BZ38" s="113">
        <v>1437210</v>
      </c>
      <c r="CA38" s="116">
        <v>1681074</v>
      </c>
      <c r="CB38" s="110">
        <v>114594</v>
      </c>
      <c r="CC38" s="114">
        <v>429750</v>
      </c>
      <c r="CD38" s="113">
        <v>544344</v>
      </c>
      <c r="CE38" s="110">
        <v>0</v>
      </c>
      <c r="CF38" s="114">
        <v>1563310</v>
      </c>
      <c r="CG38" s="114">
        <v>1110150</v>
      </c>
      <c r="CH38" s="114">
        <v>765756</v>
      </c>
      <c r="CI38" s="114">
        <v>521885</v>
      </c>
      <c r="CJ38" s="114">
        <v>362725</v>
      </c>
      <c r="CK38" s="113">
        <v>4323826</v>
      </c>
      <c r="CL38" s="116">
        <v>4868170</v>
      </c>
      <c r="CM38" s="110">
        <v>0</v>
      </c>
      <c r="CN38" s="114">
        <v>0</v>
      </c>
      <c r="CO38" s="113">
        <v>0</v>
      </c>
      <c r="CP38" s="111">
        <v>0</v>
      </c>
      <c r="CQ38" s="114">
        <v>620529</v>
      </c>
      <c r="CR38" s="114">
        <v>514806</v>
      </c>
      <c r="CS38" s="114">
        <v>226629</v>
      </c>
      <c r="CT38" s="114">
        <v>357449</v>
      </c>
      <c r="CU38" s="114">
        <v>243051</v>
      </c>
      <c r="CV38" s="113">
        <v>1962464</v>
      </c>
      <c r="CW38" s="116">
        <v>1962464</v>
      </c>
      <c r="CX38" s="110">
        <v>114594</v>
      </c>
      <c r="CY38" s="114">
        <v>429750</v>
      </c>
      <c r="CZ38" s="113">
        <v>544344</v>
      </c>
      <c r="DA38" s="110">
        <v>0</v>
      </c>
      <c r="DB38" s="114">
        <v>942781</v>
      </c>
      <c r="DC38" s="114">
        <v>595344</v>
      </c>
      <c r="DD38" s="114">
        <v>539127</v>
      </c>
      <c r="DE38" s="114">
        <v>164436</v>
      </c>
      <c r="DF38" s="114">
        <v>119674</v>
      </c>
      <c r="DG38" s="113">
        <v>2361362</v>
      </c>
      <c r="DH38" s="116">
        <v>2905706</v>
      </c>
      <c r="DI38" s="110">
        <v>0</v>
      </c>
      <c r="DJ38" s="114">
        <v>0</v>
      </c>
      <c r="DK38" s="112">
        <v>0</v>
      </c>
      <c r="DL38" s="111">
        <v>0</v>
      </c>
      <c r="DM38" s="114">
        <v>238525</v>
      </c>
      <c r="DN38" s="114">
        <v>790058</v>
      </c>
      <c r="DO38" s="114">
        <v>765127</v>
      </c>
      <c r="DP38" s="114">
        <v>1563792</v>
      </c>
      <c r="DQ38" s="114">
        <v>883830</v>
      </c>
      <c r="DR38" s="113">
        <v>4241332</v>
      </c>
      <c r="DS38" s="116">
        <v>4241332</v>
      </c>
      <c r="DT38" s="110">
        <v>0</v>
      </c>
      <c r="DU38" s="114">
        <v>0</v>
      </c>
      <c r="DV38" s="113">
        <v>0</v>
      </c>
      <c r="DW38" s="110">
        <v>0</v>
      </c>
      <c r="DX38" s="114">
        <v>154539</v>
      </c>
      <c r="DY38" s="114">
        <v>684243</v>
      </c>
      <c r="DZ38" s="114">
        <v>765127</v>
      </c>
      <c r="EA38" s="114">
        <v>1289595</v>
      </c>
      <c r="EB38" s="114">
        <v>856535</v>
      </c>
      <c r="EC38" s="113">
        <v>3750039</v>
      </c>
      <c r="ED38" s="116">
        <v>3750039</v>
      </c>
      <c r="EE38" s="110">
        <v>0</v>
      </c>
      <c r="EF38" s="112">
        <v>0</v>
      </c>
      <c r="EG38" s="113">
        <v>0</v>
      </c>
      <c r="EH38" s="110">
        <v>0</v>
      </c>
      <c r="EI38" s="114">
        <v>83986</v>
      </c>
      <c r="EJ38" s="114">
        <v>105815</v>
      </c>
      <c r="EK38" s="114">
        <v>0</v>
      </c>
      <c r="EL38" s="114">
        <v>274197</v>
      </c>
      <c r="EM38" s="114">
        <v>27295</v>
      </c>
      <c r="EN38" s="112">
        <v>491293</v>
      </c>
      <c r="EO38" s="116">
        <v>491293</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505716</v>
      </c>
      <c r="FM38" s="114">
        <v>391501</v>
      </c>
      <c r="FN38" s="113">
        <v>897217</v>
      </c>
      <c r="FO38" s="110">
        <v>0</v>
      </c>
      <c r="FP38" s="114">
        <v>876916</v>
      </c>
      <c r="FQ38" s="114">
        <v>895584</v>
      </c>
      <c r="FR38" s="114">
        <v>379146</v>
      </c>
      <c r="FS38" s="114">
        <v>329853</v>
      </c>
      <c r="FT38" s="114">
        <v>458117</v>
      </c>
      <c r="FU38" s="113">
        <v>2939616</v>
      </c>
      <c r="FV38" s="116">
        <v>3836833</v>
      </c>
      <c r="FW38" s="115">
        <v>120516</v>
      </c>
      <c r="FX38" s="114">
        <v>225886</v>
      </c>
      <c r="FY38" s="112">
        <v>346402</v>
      </c>
      <c r="FZ38" s="111">
        <v>0</v>
      </c>
      <c r="GA38" s="114">
        <v>512911</v>
      </c>
      <c r="GB38" s="114">
        <v>675894</v>
      </c>
      <c r="GC38" s="114">
        <v>327036</v>
      </c>
      <c r="GD38" s="114">
        <v>329853</v>
      </c>
      <c r="GE38" s="114">
        <v>458117</v>
      </c>
      <c r="GF38" s="113">
        <v>2303811</v>
      </c>
      <c r="GG38" s="318">
        <v>2650213</v>
      </c>
      <c r="GH38" s="115">
        <v>0</v>
      </c>
      <c r="GI38" s="114">
        <v>38700</v>
      </c>
      <c r="GJ38" s="112">
        <v>38700</v>
      </c>
      <c r="GK38" s="111">
        <v>0</v>
      </c>
      <c r="GL38" s="114">
        <v>63045</v>
      </c>
      <c r="GM38" s="114">
        <v>45540</v>
      </c>
      <c r="GN38" s="114">
        <v>26910</v>
      </c>
      <c r="GO38" s="114">
        <v>0</v>
      </c>
      <c r="GP38" s="114">
        <v>0</v>
      </c>
      <c r="GQ38" s="113">
        <v>135495</v>
      </c>
      <c r="GR38" s="116">
        <v>174195</v>
      </c>
      <c r="GS38" s="110">
        <v>385200</v>
      </c>
      <c r="GT38" s="114">
        <v>126915</v>
      </c>
      <c r="GU38" s="113">
        <v>512115</v>
      </c>
      <c r="GV38" s="110">
        <v>0</v>
      </c>
      <c r="GW38" s="114">
        <v>300960</v>
      </c>
      <c r="GX38" s="114">
        <v>174150</v>
      </c>
      <c r="GY38" s="114">
        <v>25200</v>
      </c>
      <c r="GZ38" s="114">
        <v>0</v>
      </c>
      <c r="HA38" s="114">
        <v>0</v>
      </c>
      <c r="HB38" s="112">
        <v>500310</v>
      </c>
      <c r="HC38" s="116">
        <v>1012425</v>
      </c>
      <c r="HD38" s="110">
        <v>214094</v>
      </c>
      <c r="HE38" s="114">
        <v>475447</v>
      </c>
      <c r="HF38" s="112">
        <v>689541</v>
      </c>
      <c r="HG38" s="111">
        <v>0</v>
      </c>
      <c r="HH38" s="114">
        <v>2207135</v>
      </c>
      <c r="HI38" s="114">
        <v>3047253</v>
      </c>
      <c r="HJ38" s="114">
        <v>1822449</v>
      </c>
      <c r="HK38" s="114">
        <v>2059844</v>
      </c>
      <c r="HL38" s="114">
        <v>476991</v>
      </c>
      <c r="HM38" s="113">
        <v>9613672</v>
      </c>
      <c r="HN38" s="109">
        <v>10303213</v>
      </c>
      <c r="HO38" s="115">
        <v>164234</v>
      </c>
      <c r="HP38" s="114">
        <v>257025</v>
      </c>
      <c r="HQ38" s="113">
        <v>421259</v>
      </c>
      <c r="HR38" s="110">
        <v>0</v>
      </c>
      <c r="HS38" s="114">
        <v>1325975</v>
      </c>
      <c r="HT38" s="114">
        <v>842343</v>
      </c>
      <c r="HU38" s="114">
        <v>536339</v>
      </c>
      <c r="HV38" s="114">
        <v>382704</v>
      </c>
      <c r="HW38" s="114">
        <v>351434</v>
      </c>
      <c r="HX38" s="112">
        <v>3438795</v>
      </c>
      <c r="HY38" s="116">
        <v>3860054</v>
      </c>
      <c r="HZ38" s="150">
        <v>0</v>
      </c>
      <c r="IA38" s="135">
        <v>442902</v>
      </c>
      <c r="IB38" s="150">
        <v>442902</v>
      </c>
      <c r="IC38" s="146">
        <v>0</v>
      </c>
      <c r="ID38" s="132">
        <v>2548989</v>
      </c>
      <c r="IE38" s="147">
        <v>2438748</v>
      </c>
      <c r="IF38" s="133">
        <v>3587702</v>
      </c>
      <c r="IG38" s="132">
        <v>931443</v>
      </c>
      <c r="IH38" s="133">
        <v>1839867</v>
      </c>
      <c r="II38" s="148">
        <v>11346749</v>
      </c>
      <c r="IJ38" s="150">
        <v>11789651</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299452</v>
      </c>
      <c r="JL38" s="119">
        <v>616626</v>
      </c>
      <c r="JM38" s="119">
        <v>596207</v>
      </c>
      <c r="JN38" s="119">
        <v>0</v>
      </c>
      <c r="JO38" s="119">
        <v>71373</v>
      </c>
      <c r="JP38" s="120">
        <v>2583658</v>
      </c>
      <c r="JQ38" s="320">
        <v>2583658</v>
      </c>
      <c r="JR38" s="142">
        <v>0</v>
      </c>
      <c r="JS38" s="119">
        <v>0</v>
      </c>
      <c r="JT38" s="141">
        <v>0</v>
      </c>
      <c r="JU38" s="118">
        <v>0</v>
      </c>
      <c r="JV38" s="119">
        <v>0</v>
      </c>
      <c r="JW38" s="119">
        <v>0</v>
      </c>
      <c r="JX38" s="119">
        <v>160101</v>
      </c>
      <c r="JY38" s="119">
        <v>0</v>
      </c>
      <c r="JZ38" s="119">
        <v>0</v>
      </c>
      <c r="KA38" s="120">
        <v>160101</v>
      </c>
      <c r="KB38" s="320">
        <v>160101</v>
      </c>
      <c r="KC38" s="234">
        <v>0</v>
      </c>
      <c r="KD38" s="230">
        <v>0</v>
      </c>
      <c r="KE38" s="120">
        <v>0</v>
      </c>
      <c r="KF38" s="118">
        <v>0</v>
      </c>
      <c r="KG38" s="119">
        <v>0</v>
      </c>
      <c r="KH38" s="119">
        <v>0</v>
      </c>
      <c r="KI38" s="119">
        <v>0</v>
      </c>
      <c r="KJ38" s="119">
        <v>0</v>
      </c>
      <c r="KK38" s="119">
        <v>0</v>
      </c>
      <c r="KL38" s="120">
        <v>0</v>
      </c>
      <c r="KM38" s="143">
        <v>0</v>
      </c>
      <c r="KN38" s="232">
        <v>0</v>
      </c>
      <c r="KO38" s="236">
        <v>442902</v>
      </c>
      <c r="KP38" s="237">
        <v>442902</v>
      </c>
      <c r="KQ38" s="140"/>
      <c r="KR38" s="119">
        <v>468344</v>
      </c>
      <c r="KS38" s="119">
        <v>733590</v>
      </c>
      <c r="KT38" s="119">
        <v>1761284</v>
      </c>
      <c r="KU38" s="119">
        <v>0</v>
      </c>
      <c r="KV38" s="119">
        <v>261368</v>
      </c>
      <c r="KW38" s="120">
        <v>3224586</v>
      </c>
      <c r="KX38" s="320">
        <v>3667488</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781193</v>
      </c>
      <c r="LZ38" s="119">
        <v>1088532</v>
      </c>
      <c r="MA38" s="119">
        <v>1070110</v>
      </c>
      <c r="MB38" s="119">
        <v>931443</v>
      </c>
      <c r="MC38" s="119">
        <v>1507126</v>
      </c>
      <c r="MD38" s="120">
        <v>5378404</v>
      </c>
      <c r="ME38" s="121">
        <v>5378404</v>
      </c>
      <c r="MF38" s="142">
        <v>0</v>
      </c>
      <c r="MG38" s="119">
        <v>0</v>
      </c>
      <c r="MH38" s="120">
        <v>0</v>
      </c>
      <c r="MI38" s="145"/>
      <c r="MJ38" s="119">
        <v>2267756</v>
      </c>
      <c r="MK38" s="119">
        <v>5015502</v>
      </c>
      <c r="ML38" s="119">
        <v>9748788</v>
      </c>
      <c r="MM38" s="119">
        <v>16286624</v>
      </c>
      <c r="MN38" s="119">
        <v>11316732</v>
      </c>
      <c r="MO38" s="120">
        <v>44635402</v>
      </c>
      <c r="MP38" s="143">
        <v>44635402</v>
      </c>
      <c r="MQ38" s="142">
        <v>0</v>
      </c>
      <c r="MR38" s="119">
        <v>0</v>
      </c>
      <c r="MS38" s="120">
        <v>0</v>
      </c>
      <c r="MT38" s="145"/>
      <c r="MU38" s="119">
        <v>0</v>
      </c>
      <c r="MV38" s="119">
        <v>1011604</v>
      </c>
      <c r="MW38" s="119">
        <v>5525562</v>
      </c>
      <c r="MX38" s="119">
        <v>8676865</v>
      </c>
      <c r="MY38" s="119">
        <v>6063412</v>
      </c>
      <c r="MZ38" s="120">
        <v>21277443</v>
      </c>
      <c r="NA38" s="143">
        <v>21277443</v>
      </c>
      <c r="NB38" s="142">
        <v>0</v>
      </c>
      <c r="NC38" s="119">
        <v>0</v>
      </c>
      <c r="ND38" s="120">
        <v>0</v>
      </c>
      <c r="NE38" s="145"/>
      <c r="NF38" s="119">
        <v>1802288</v>
      </c>
      <c r="NG38" s="119">
        <v>2230515</v>
      </c>
      <c r="NH38" s="119">
        <v>3219816</v>
      </c>
      <c r="NI38" s="119">
        <v>4776363</v>
      </c>
      <c r="NJ38" s="119">
        <v>2055177</v>
      </c>
      <c r="NK38" s="120">
        <v>14084159</v>
      </c>
      <c r="NL38" s="320">
        <v>14084159</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465468</v>
      </c>
      <c r="OC38" s="119">
        <v>1773383</v>
      </c>
      <c r="OD38" s="119">
        <v>1003410</v>
      </c>
      <c r="OE38" s="119">
        <v>2833396</v>
      </c>
      <c r="OF38" s="119">
        <v>3198143</v>
      </c>
      <c r="OG38" s="120">
        <v>9273800</v>
      </c>
      <c r="OH38" s="121">
        <v>9273800</v>
      </c>
      <c r="OI38" s="142">
        <v>1500528</v>
      </c>
      <c r="OJ38" s="119">
        <v>2833713</v>
      </c>
      <c r="OK38" s="141">
        <v>4334241</v>
      </c>
      <c r="OL38" s="118">
        <v>0</v>
      </c>
      <c r="OM38" s="119">
        <v>13474930</v>
      </c>
      <c r="ON38" s="119">
        <v>17181221</v>
      </c>
      <c r="OO38" s="119">
        <v>19569179</v>
      </c>
      <c r="OP38" s="119">
        <v>23750708</v>
      </c>
      <c r="OQ38" s="119">
        <v>18043810</v>
      </c>
      <c r="OR38" s="120">
        <v>92019848</v>
      </c>
      <c r="OS38" s="143">
        <v>96354089</v>
      </c>
    </row>
    <row r="39" spans="2:409" ht="21" customHeight="1" x14ac:dyDescent="0.2">
      <c r="B39" s="62" t="s">
        <v>34</v>
      </c>
      <c r="C39" s="110">
        <v>516732</v>
      </c>
      <c r="D39" s="114">
        <v>645713</v>
      </c>
      <c r="E39" s="174">
        <v>1162445</v>
      </c>
      <c r="F39" s="175">
        <v>0</v>
      </c>
      <c r="G39" s="176">
        <v>6769651</v>
      </c>
      <c r="H39" s="176">
        <v>5266415</v>
      </c>
      <c r="I39" s="176">
        <v>3365882</v>
      </c>
      <c r="J39" s="176">
        <v>5864410</v>
      </c>
      <c r="K39" s="176">
        <v>2166574</v>
      </c>
      <c r="L39" s="177">
        <v>23432932</v>
      </c>
      <c r="M39" s="116">
        <v>24595377</v>
      </c>
      <c r="N39" s="110">
        <v>81216</v>
      </c>
      <c r="O39" s="114">
        <v>217647</v>
      </c>
      <c r="P39" s="113">
        <v>298863</v>
      </c>
      <c r="Q39" s="110">
        <v>0</v>
      </c>
      <c r="R39" s="114">
        <v>1318949</v>
      </c>
      <c r="S39" s="114">
        <v>1325521</v>
      </c>
      <c r="T39" s="114">
        <v>1008527</v>
      </c>
      <c r="U39" s="114">
        <v>1868685</v>
      </c>
      <c r="V39" s="114">
        <v>1123425</v>
      </c>
      <c r="W39" s="113">
        <v>6645107</v>
      </c>
      <c r="X39" s="116">
        <v>6943970</v>
      </c>
      <c r="Y39" s="110">
        <v>0</v>
      </c>
      <c r="Z39" s="114">
        <v>0</v>
      </c>
      <c r="AA39" s="113">
        <v>0</v>
      </c>
      <c r="AB39" s="110">
        <v>0</v>
      </c>
      <c r="AC39" s="114">
        <v>361793</v>
      </c>
      <c r="AD39" s="114">
        <v>524775</v>
      </c>
      <c r="AE39" s="114">
        <v>573336</v>
      </c>
      <c r="AF39" s="114">
        <v>934539</v>
      </c>
      <c r="AG39" s="114">
        <v>284853</v>
      </c>
      <c r="AH39" s="113">
        <v>2679296</v>
      </c>
      <c r="AI39" s="116">
        <v>2679296</v>
      </c>
      <c r="AJ39" s="110">
        <v>0</v>
      </c>
      <c r="AK39" s="114">
        <v>0</v>
      </c>
      <c r="AL39" s="113">
        <v>0</v>
      </c>
      <c r="AM39" s="110">
        <v>0</v>
      </c>
      <c r="AN39" s="114">
        <v>0</v>
      </c>
      <c r="AO39" s="114">
        <v>40824</v>
      </c>
      <c r="AP39" s="114">
        <v>0</v>
      </c>
      <c r="AQ39" s="114">
        <v>73854</v>
      </c>
      <c r="AR39" s="114">
        <v>358200</v>
      </c>
      <c r="AS39" s="113">
        <v>472878</v>
      </c>
      <c r="AT39" s="116">
        <v>472878</v>
      </c>
      <c r="AU39" s="110">
        <v>12150</v>
      </c>
      <c r="AV39" s="114">
        <v>185904</v>
      </c>
      <c r="AW39" s="113">
        <v>198054</v>
      </c>
      <c r="AX39" s="110">
        <v>0</v>
      </c>
      <c r="AY39" s="114">
        <v>369610</v>
      </c>
      <c r="AZ39" s="114">
        <v>354021</v>
      </c>
      <c r="BA39" s="114">
        <v>228000</v>
      </c>
      <c r="BB39" s="114">
        <v>502398</v>
      </c>
      <c r="BC39" s="114">
        <v>113517</v>
      </c>
      <c r="BD39" s="113">
        <v>1567546</v>
      </c>
      <c r="BE39" s="116">
        <v>1765600</v>
      </c>
      <c r="BF39" s="110">
        <v>0</v>
      </c>
      <c r="BG39" s="114">
        <v>0</v>
      </c>
      <c r="BH39" s="112">
        <v>0</v>
      </c>
      <c r="BI39" s="111">
        <v>0</v>
      </c>
      <c r="BJ39" s="114">
        <v>166059</v>
      </c>
      <c r="BK39" s="114">
        <v>116288</v>
      </c>
      <c r="BL39" s="114">
        <v>47646</v>
      </c>
      <c r="BM39" s="114">
        <v>30690</v>
      </c>
      <c r="BN39" s="114">
        <v>112032</v>
      </c>
      <c r="BO39" s="113">
        <v>472715</v>
      </c>
      <c r="BP39" s="116">
        <v>472715</v>
      </c>
      <c r="BQ39" s="110">
        <v>69066</v>
      </c>
      <c r="BR39" s="114">
        <v>31743</v>
      </c>
      <c r="BS39" s="113">
        <v>100809</v>
      </c>
      <c r="BT39" s="110">
        <v>0</v>
      </c>
      <c r="BU39" s="114">
        <v>421487</v>
      </c>
      <c r="BV39" s="114">
        <v>289613</v>
      </c>
      <c r="BW39" s="114">
        <v>159545</v>
      </c>
      <c r="BX39" s="114">
        <v>327204</v>
      </c>
      <c r="BY39" s="114">
        <v>254823</v>
      </c>
      <c r="BZ39" s="113">
        <v>1452672</v>
      </c>
      <c r="CA39" s="116">
        <v>1553481</v>
      </c>
      <c r="CB39" s="110">
        <v>73269</v>
      </c>
      <c r="CC39" s="114">
        <v>131805</v>
      </c>
      <c r="CD39" s="113">
        <v>205074</v>
      </c>
      <c r="CE39" s="110">
        <v>0</v>
      </c>
      <c r="CF39" s="114">
        <v>2106315</v>
      </c>
      <c r="CG39" s="114">
        <v>1607280</v>
      </c>
      <c r="CH39" s="114">
        <v>1002594</v>
      </c>
      <c r="CI39" s="114">
        <v>1680944</v>
      </c>
      <c r="CJ39" s="114">
        <v>0</v>
      </c>
      <c r="CK39" s="113">
        <v>6397133</v>
      </c>
      <c r="CL39" s="116">
        <v>6602207</v>
      </c>
      <c r="CM39" s="110">
        <v>0</v>
      </c>
      <c r="CN39" s="114">
        <v>0</v>
      </c>
      <c r="CO39" s="113">
        <v>0</v>
      </c>
      <c r="CP39" s="111">
        <v>0</v>
      </c>
      <c r="CQ39" s="114">
        <v>1709028</v>
      </c>
      <c r="CR39" s="114">
        <v>1428900</v>
      </c>
      <c r="CS39" s="114">
        <v>941126</v>
      </c>
      <c r="CT39" s="114">
        <v>1198589</v>
      </c>
      <c r="CU39" s="114">
        <v>0</v>
      </c>
      <c r="CV39" s="113">
        <v>5277643</v>
      </c>
      <c r="CW39" s="116">
        <v>5277643</v>
      </c>
      <c r="CX39" s="110">
        <v>73269</v>
      </c>
      <c r="CY39" s="114">
        <v>131805</v>
      </c>
      <c r="CZ39" s="113">
        <v>205074</v>
      </c>
      <c r="DA39" s="110">
        <v>0</v>
      </c>
      <c r="DB39" s="114">
        <v>397287</v>
      </c>
      <c r="DC39" s="114">
        <v>178380</v>
      </c>
      <c r="DD39" s="114">
        <v>61468</v>
      </c>
      <c r="DE39" s="114">
        <v>482355</v>
      </c>
      <c r="DF39" s="114">
        <v>0</v>
      </c>
      <c r="DG39" s="113">
        <v>1119490</v>
      </c>
      <c r="DH39" s="116">
        <v>1324564</v>
      </c>
      <c r="DI39" s="110">
        <v>28008</v>
      </c>
      <c r="DJ39" s="114">
        <v>0</v>
      </c>
      <c r="DK39" s="112">
        <v>28008</v>
      </c>
      <c r="DL39" s="111">
        <v>0</v>
      </c>
      <c r="DM39" s="114">
        <v>162459</v>
      </c>
      <c r="DN39" s="114">
        <v>0</v>
      </c>
      <c r="DO39" s="114">
        <v>62541</v>
      </c>
      <c r="DP39" s="114">
        <v>303102</v>
      </c>
      <c r="DQ39" s="114">
        <v>78237</v>
      </c>
      <c r="DR39" s="113">
        <v>606339</v>
      </c>
      <c r="DS39" s="116">
        <v>634347</v>
      </c>
      <c r="DT39" s="110">
        <v>28008</v>
      </c>
      <c r="DU39" s="114">
        <v>0</v>
      </c>
      <c r="DV39" s="113">
        <v>28008</v>
      </c>
      <c r="DW39" s="110">
        <v>0</v>
      </c>
      <c r="DX39" s="114">
        <v>127746</v>
      </c>
      <c r="DY39" s="114">
        <v>0</v>
      </c>
      <c r="DZ39" s="114">
        <v>62541</v>
      </c>
      <c r="EA39" s="114">
        <v>203445</v>
      </c>
      <c r="EB39" s="114">
        <v>78237</v>
      </c>
      <c r="EC39" s="113">
        <v>471969</v>
      </c>
      <c r="ED39" s="116">
        <v>499977</v>
      </c>
      <c r="EE39" s="110">
        <v>0</v>
      </c>
      <c r="EF39" s="112">
        <v>0</v>
      </c>
      <c r="EG39" s="113">
        <v>0</v>
      </c>
      <c r="EH39" s="110">
        <v>0</v>
      </c>
      <c r="EI39" s="114">
        <v>34713</v>
      </c>
      <c r="EJ39" s="114">
        <v>0</v>
      </c>
      <c r="EK39" s="114">
        <v>0</v>
      </c>
      <c r="EL39" s="114">
        <v>99657</v>
      </c>
      <c r="EM39" s="114">
        <v>0</v>
      </c>
      <c r="EN39" s="112">
        <v>134370</v>
      </c>
      <c r="EO39" s="116">
        <v>13437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94860</v>
      </c>
      <c r="FM39" s="114">
        <v>95156</v>
      </c>
      <c r="FN39" s="113">
        <v>190016</v>
      </c>
      <c r="FO39" s="110">
        <v>0</v>
      </c>
      <c r="FP39" s="114">
        <v>384252</v>
      </c>
      <c r="FQ39" s="114">
        <v>591647</v>
      </c>
      <c r="FR39" s="114">
        <v>376267</v>
      </c>
      <c r="FS39" s="114">
        <v>523776</v>
      </c>
      <c r="FT39" s="114">
        <v>194180</v>
      </c>
      <c r="FU39" s="113">
        <v>2070122</v>
      </c>
      <c r="FV39" s="116">
        <v>2260138</v>
      </c>
      <c r="FW39" s="115">
        <v>94860</v>
      </c>
      <c r="FX39" s="114">
        <v>95156</v>
      </c>
      <c r="FY39" s="112">
        <v>190016</v>
      </c>
      <c r="FZ39" s="111">
        <v>0</v>
      </c>
      <c r="GA39" s="114">
        <v>384252</v>
      </c>
      <c r="GB39" s="114">
        <v>562442</v>
      </c>
      <c r="GC39" s="114">
        <v>336187</v>
      </c>
      <c r="GD39" s="114">
        <v>503976</v>
      </c>
      <c r="GE39" s="114">
        <v>194180</v>
      </c>
      <c r="GF39" s="113">
        <v>1981037</v>
      </c>
      <c r="GG39" s="318">
        <v>2171053</v>
      </c>
      <c r="GH39" s="115">
        <v>0</v>
      </c>
      <c r="GI39" s="114">
        <v>0</v>
      </c>
      <c r="GJ39" s="112">
        <v>0</v>
      </c>
      <c r="GK39" s="111">
        <v>0</v>
      </c>
      <c r="GL39" s="114">
        <v>0</v>
      </c>
      <c r="GM39" s="114">
        <v>29205</v>
      </c>
      <c r="GN39" s="114">
        <v>40080</v>
      </c>
      <c r="GO39" s="114">
        <v>0</v>
      </c>
      <c r="GP39" s="114">
        <v>0</v>
      </c>
      <c r="GQ39" s="113">
        <v>69285</v>
      </c>
      <c r="GR39" s="116">
        <v>69285</v>
      </c>
      <c r="GS39" s="110">
        <v>0</v>
      </c>
      <c r="GT39" s="114">
        <v>0</v>
      </c>
      <c r="GU39" s="113">
        <v>0</v>
      </c>
      <c r="GV39" s="110">
        <v>0</v>
      </c>
      <c r="GW39" s="114">
        <v>0</v>
      </c>
      <c r="GX39" s="114">
        <v>0</v>
      </c>
      <c r="GY39" s="114">
        <v>0</v>
      </c>
      <c r="GZ39" s="114">
        <v>19800</v>
      </c>
      <c r="HA39" s="114">
        <v>0</v>
      </c>
      <c r="HB39" s="112">
        <v>19800</v>
      </c>
      <c r="HC39" s="116">
        <v>19800</v>
      </c>
      <c r="HD39" s="110">
        <v>161919</v>
      </c>
      <c r="HE39" s="114">
        <v>101745</v>
      </c>
      <c r="HF39" s="112">
        <v>263664</v>
      </c>
      <c r="HG39" s="111">
        <v>0</v>
      </c>
      <c r="HH39" s="114">
        <v>1750374</v>
      </c>
      <c r="HI39" s="114">
        <v>1115238</v>
      </c>
      <c r="HJ39" s="114">
        <v>549757</v>
      </c>
      <c r="HK39" s="114">
        <v>1085649</v>
      </c>
      <c r="HL39" s="114">
        <v>662115</v>
      </c>
      <c r="HM39" s="113">
        <v>5163133</v>
      </c>
      <c r="HN39" s="109">
        <v>5426797</v>
      </c>
      <c r="HO39" s="115">
        <v>77460</v>
      </c>
      <c r="HP39" s="114">
        <v>99360</v>
      </c>
      <c r="HQ39" s="113">
        <v>176820</v>
      </c>
      <c r="HR39" s="110">
        <v>0</v>
      </c>
      <c r="HS39" s="114">
        <v>1047302</v>
      </c>
      <c r="HT39" s="114">
        <v>626729</v>
      </c>
      <c r="HU39" s="114">
        <v>366196</v>
      </c>
      <c r="HV39" s="114">
        <v>402254</v>
      </c>
      <c r="HW39" s="114">
        <v>108617</v>
      </c>
      <c r="HX39" s="112">
        <v>2551098</v>
      </c>
      <c r="HY39" s="116">
        <v>2727918</v>
      </c>
      <c r="HZ39" s="131">
        <v>45171</v>
      </c>
      <c r="IA39" s="132">
        <v>373239</v>
      </c>
      <c r="IB39" s="133">
        <v>418410</v>
      </c>
      <c r="IC39" s="146">
        <v>0</v>
      </c>
      <c r="ID39" s="132">
        <v>3409631</v>
      </c>
      <c r="IE39" s="147">
        <v>3609233</v>
      </c>
      <c r="IF39" s="133">
        <v>2048481</v>
      </c>
      <c r="IG39" s="132">
        <v>2120706</v>
      </c>
      <c r="IH39" s="133">
        <v>2213803</v>
      </c>
      <c r="II39" s="148">
        <v>13401854</v>
      </c>
      <c r="IJ39" s="139">
        <v>13820264</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841880</v>
      </c>
      <c r="JL39" s="119">
        <v>408141</v>
      </c>
      <c r="JM39" s="119">
        <v>270864</v>
      </c>
      <c r="JN39" s="119">
        <v>126828</v>
      </c>
      <c r="JO39" s="119">
        <v>49644</v>
      </c>
      <c r="JP39" s="120">
        <v>1697357</v>
      </c>
      <c r="JQ39" s="320">
        <v>1697357</v>
      </c>
      <c r="JR39" s="142">
        <v>0</v>
      </c>
      <c r="JS39" s="119">
        <v>0</v>
      </c>
      <c r="JT39" s="141">
        <v>0</v>
      </c>
      <c r="JU39" s="118">
        <v>0</v>
      </c>
      <c r="JV39" s="119">
        <v>0</v>
      </c>
      <c r="JW39" s="119">
        <v>0</v>
      </c>
      <c r="JX39" s="119">
        <v>0</v>
      </c>
      <c r="JY39" s="119">
        <v>0</v>
      </c>
      <c r="JZ39" s="119">
        <v>77402</v>
      </c>
      <c r="KA39" s="120">
        <v>77402</v>
      </c>
      <c r="KB39" s="320">
        <v>77402</v>
      </c>
      <c r="KC39" s="234">
        <v>45171</v>
      </c>
      <c r="KD39" s="230">
        <v>373239</v>
      </c>
      <c r="KE39" s="120">
        <v>418410</v>
      </c>
      <c r="KF39" s="118">
        <v>0</v>
      </c>
      <c r="KG39" s="119">
        <v>948840</v>
      </c>
      <c r="KH39" s="119">
        <v>723429</v>
      </c>
      <c r="KI39" s="119">
        <v>1252152</v>
      </c>
      <c r="KJ39" s="119">
        <v>0</v>
      </c>
      <c r="KK39" s="119">
        <v>0</v>
      </c>
      <c r="KL39" s="120">
        <v>2924421</v>
      </c>
      <c r="KM39" s="143">
        <v>3342831</v>
      </c>
      <c r="KN39" s="232">
        <v>0</v>
      </c>
      <c r="KO39" s="236">
        <v>0</v>
      </c>
      <c r="KP39" s="237">
        <v>0</v>
      </c>
      <c r="KQ39" s="140"/>
      <c r="KR39" s="119">
        <v>698049</v>
      </c>
      <c r="KS39" s="119">
        <v>485172</v>
      </c>
      <c r="KT39" s="119">
        <v>249570</v>
      </c>
      <c r="KU39" s="119">
        <v>508500</v>
      </c>
      <c r="KV39" s="119">
        <v>777627</v>
      </c>
      <c r="KW39" s="120">
        <v>2718918</v>
      </c>
      <c r="KX39" s="320">
        <v>2718918</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920862</v>
      </c>
      <c r="LZ39" s="119">
        <v>1992491</v>
      </c>
      <c r="MA39" s="119">
        <v>275895</v>
      </c>
      <c r="MB39" s="119">
        <v>1485378</v>
      </c>
      <c r="MC39" s="119">
        <v>1309130</v>
      </c>
      <c r="MD39" s="120">
        <v>5983756</v>
      </c>
      <c r="ME39" s="121">
        <v>5983756</v>
      </c>
      <c r="MF39" s="142">
        <v>0</v>
      </c>
      <c r="MG39" s="119">
        <v>0</v>
      </c>
      <c r="MH39" s="120">
        <v>0</v>
      </c>
      <c r="MI39" s="145"/>
      <c r="MJ39" s="119">
        <v>466331</v>
      </c>
      <c r="MK39" s="119">
        <v>2798253</v>
      </c>
      <c r="ML39" s="119">
        <v>5103570</v>
      </c>
      <c r="MM39" s="119">
        <v>10305195</v>
      </c>
      <c r="MN39" s="119">
        <v>5313610</v>
      </c>
      <c r="MO39" s="120">
        <v>23986959</v>
      </c>
      <c r="MP39" s="143">
        <v>23986959</v>
      </c>
      <c r="MQ39" s="142">
        <v>0</v>
      </c>
      <c r="MR39" s="119">
        <v>0</v>
      </c>
      <c r="MS39" s="120">
        <v>0</v>
      </c>
      <c r="MT39" s="145"/>
      <c r="MU39" s="119">
        <v>0</v>
      </c>
      <c r="MV39" s="119">
        <v>0</v>
      </c>
      <c r="MW39" s="119">
        <v>1677039</v>
      </c>
      <c r="MX39" s="119">
        <v>6262808</v>
      </c>
      <c r="MY39" s="119">
        <v>3030284</v>
      </c>
      <c r="MZ39" s="120">
        <v>10970131</v>
      </c>
      <c r="NA39" s="143">
        <v>10970131</v>
      </c>
      <c r="NB39" s="142">
        <v>0</v>
      </c>
      <c r="NC39" s="119">
        <v>0</v>
      </c>
      <c r="ND39" s="120">
        <v>0</v>
      </c>
      <c r="NE39" s="145"/>
      <c r="NF39" s="119">
        <v>466331</v>
      </c>
      <c r="NG39" s="119">
        <v>2561661</v>
      </c>
      <c r="NH39" s="119">
        <v>3426531</v>
      </c>
      <c r="NI39" s="119">
        <v>3698271</v>
      </c>
      <c r="NJ39" s="119">
        <v>1941686</v>
      </c>
      <c r="NK39" s="120">
        <v>12094480</v>
      </c>
      <c r="NL39" s="320">
        <v>1209448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236592</v>
      </c>
      <c r="OD39" s="119">
        <v>0</v>
      </c>
      <c r="OE39" s="119">
        <v>344116</v>
      </c>
      <c r="OF39" s="119">
        <v>341640</v>
      </c>
      <c r="OG39" s="120">
        <v>922348</v>
      </c>
      <c r="OH39" s="121">
        <v>922348</v>
      </c>
      <c r="OI39" s="142">
        <v>561903</v>
      </c>
      <c r="OJ39" s="119">
        <v>1018952</v>
      </c>
      <c r="OK39" s="141">
        <v>1580855</v>
      </c>
      <c r="OL39" s="118">
        <v>0</v>
      </c>
      <c r="OM39" s="119">
        <v>10645613</v>
      </c>
      <c r="ON39" s="119">
        <v>11673901</v>
      </c>
      <c r="OO39" s="119">
        <v>10517933</v>
      </c>
      <c r="OP39" s="119">
        <v>18290311</v>
      </c>
      <c r="OQ39" s="119">
        <v>9693987</v>
      </c>
      <c r="OR39" s="120">
        <v>60821745</v>
      </c>
      <c r="OS39" s="143">
        <v>62402600</v>
      </c>
    </row>
    <row r="40" spans="2:409" ht="21" customHeight="1" x14ac:dyDescent="0.2">
      <c r="B40" s="62" t="s">
        <v>35</v>
      </c>
      <c r="C40" s="110">
        <v>2130940</v>
      </c>
      <c r="D40" s="114">
        <v>4010068</v>
      </c>
      <c r="E40" s="113">
        <v>6141008</v>
      </c>
      <c r="F40" s="109">
        <v>0</v>
      </c>
      <c r="G40" s="114">
        <v>30673522</v>
      </c>
      <c r="H40" s="114">
        <v>24188987</v>
      </c>
      <c r="I40" s="114">
        <v>17726002</v>
      </c>
      <c r="J40" s="114">
        <v>21675684</v>
      </c>
      <c r="K40" s="114">
        <v>11682646</v>
      </c>
      <c r="L40" s="173">
        <v>105946841</v>
      </c>
      <c r="M40" s="116">
        <v>112087849</v>
      </c>
      <c r="N40" s="110">
        <v>311457</v>
      </c>
      <c r="O40" s="114">
        <v>789410</v>
      </c>
      <c r="P40" s="113">
        <v>1100867</v>
      </c>
      <c r="Q40" s="110">
        <v>0</v>
      </c>
      <c r="R40" s="114">
        <v>6711904</v>
      </c>
      <c r="S40" s="114">
        <v>5780938</v>
      </c>
      <c r="T40" s="114">
        <v>5404847</v>
      </c>
      <c r="U40" s="114">
        <v>6508323</v>
      </c>
      <c r="V40" s="114">
        <v>5249960</v>
      </c>
      <c r="W40" s="113">
        <v>29655972</v>
      </c>
      <c r="X40" s="116">
        <v>30756839</v>
      </c>
      <c r="Y40" s="110">
        <v>0</v>
      </c>
      <c r="Z40" s="114">
        <v>0</v>
      </c>
      <c r="AA40" s="113">
        <v>0</v>
      </c>
      <c r="AB40" s="110">
        <v>0</v>
      </c>
      <c r="AC40" s="114">
        <v>3464956</v>
      </c>
      <c r="AD40" s="114">
        <v>2750323</v>
      </c>
      <c r="AE40" s="114">
        <v>3316234</v>
      </c>
      <c r="AF40" s="114">
        <v>3356156</v>
      </c>
      <c r="AG40" s="114">
        <v>2887701</v>
      </c>
      <c r="AH40" s="113">
        <v>15775370</v>
      </c>
      <c r="AI40" s="116">
        <v>15775370</v>
      </c>
      <c r="AJ40" s="110">
        <v>0</v>
      </c>
      <c r="AK40" s="114">
        <v>0</v>
      </c>
      <c r="AL40" s="113">
        <v>0</v>
      </c>
      <c r="AM40" s="110">
        <v>0</v>
      </c>
      <c r="AN40" s="114">
        <v>0</v>
      </c>
      <c r="AO40" s="114">
        <v>410886</v>
      </c>
      <c r="AP40" s="114">
        <v>251260</v>
      </c>
      <c r="AQ40" s="114">
        <v>521766</v>
      </c>
      <c r="AR40" s="114">
        <v>746956</v>
      </c>
      <c r="AS40" s="113">
        <v>1930868</v>
      </c>
      <c r="AT40" s="116">
        <v>1930868</v>
      </c>
      <c r="AU40" s="110">
        <v>59278</v>
      </c>
      <c r="AV40" s="114">
        <v>346855</v>
      </c>
      <c r="AW40" s="113">
        <v>406133</v>
      </c>
      <c r="AX40" s="110">
        <v>0</v>
      </c>
      <c r="AY40" s="114">
        <v>1566611</v>
      </c>
      <c r="AZ40" s="114">
        <v>1174657</v>
      </c>
      <c r="BA40" s="114">
        <v>679991</v>
      </c>
      <c r="BB40" s="114">
        <v>1075753</v>
      </c>
      <c r="BC40" s="114">
        <v>956553</v>
      </c>
      <c r="BD40" s="113">
        <v>5453565</v>
      </c>
      <c r="BE40" s="116">
        <v>5859698</v>
      </c>
      <c r="BF40" s="110">
        <v>37344</v>
      </c>
      <c r="BG40" s="114">
        <v>113850</v>
      </c>
      <c r="BH40" s="112">
        <v>151194</v>
      </c>
      <c r="BI40" s="111">
        <v>0</v>
      </c>
      <c r="BJ40" s="114">
        <v>460941</v>
      </c>
      <c r="BK40" s="114">
        <v>311301</v>
      </c>
      <c r="BL40" s="114">
        <v>124280</v>
      </c>
      <c r="BM40" s="114">
        <v>327657</v>
      </c>
      <c r="BN40" s="114">
        <v>106038</v>
      </c>
      <c r="BO40" s="113">
        <v>1330217</v>
      </c>
      <c r="BP40" s="116">
        <v>1481411</v>
      </c>
      <c r="BQ40" s="110">
        <v>214835</v>
      </c>
      <c r="BR40" s="114">
        <v>328705</v>
      </c>
      <c r="BS40" s="113">
        <v>543540</v>
      </c>
      <c r="BT40" s="110">
        <v>0</v>
      </c>
      <c r="BU40" s="114">
        <v>1219396</v>
      </c>
      <c r="BV40" s="114">
        <v>1133771</v>
      </c>
      <c r="BW40" s="114">
        <v>1033082</v>
      </c>
      <c r="BX40" s="114">
        <v>1226991</v>
      </c>
      <c r="BY40" s="114">
        <v>552712</v>
      </c>
      <c r="BZ40" s="113">
        <v>5165952</v>
      </c>
      <c r="CA40" s="116">
        <v>5709492</v>
      </c>
      <c r="CB40" s="110">
        <v>235332</v>
      </c>
      <c r="CC40" s="114">
        <v>910806</v>
      </c>
      <c r="CD40" s="113">
        <v>1146138</v>
      </c>
      <c r="CE40" s="110">
        <v>0</v>
      </c>
      <c r="CF40" s="114">
        <v>11565830</v>
      </c>
      <c r="CG40" s="114">
        <v>9017418</v>
      </c>
      <c r="CH40" s="114">
        <v>4346182</v>
      </c>
      <c r="CI40" s="114">
        <v>4032485</v>
      </c>
      <c r="CJ40" s="114">
        <v>2749389</v>
      </c>
      <c r="CK40" s="113">
        <v>31711304</v>
      </c>
      <c r="CL40" s="116">
        <v>32857442</v>
      </c>
      <c r="CM40" s="110">
        <v>0</v>
      </c>
      <c r="CN40" s="114">
        <v>0</v>
      </c>
      <c r="CO40" s="113">
        <v>0</v>
      </c>
      <c r="CP40" s="111">
        <v>0</v>
      </c>
      <c r="CQ40" s="114">
        <v>8145457</v>
      </c>
      <c r="CR40" s="114">
        <v>7463784</v>
      </c>
      <c r="CS40" s="114">
        <v>3530899</v>
      </c>
      <c r="CT40" s="114">
        <v>3161779</v>
      </c>
      <c r="CU40" s="114">
        <v>2736141</v>
      </c>
      <c r="CV40" s="113">
        <v>25038060</v>
      </c>
      <c r="CW40" s="116">
        <v>25038060</v>
      </c>
      <c r="CX40" s="110">
        <v>235332</v>
      </c>
      <c r="CY40" s="114">
        <v>910806</v>
      </c>
      <c r="CZ40" s="113">
        <v>1146138</v>
      </c>
      <c r="DA40" s="110">
        <v>0</v>
      </c>
      <c r="DB40" s="114">
        <v>3420373</v>
      </c>
      <c r="DC40" s="114">
        <v>1553634</v>
      </c>
      <c r="DD40" s="114">
        <v>815283</v>
      </c>
      <c r="DE40" s="114">
        <v>870706</v>
      </c>
      <c r="DF40" s="114">
        <v>13248</v>
      </c>
      <c r="DG40" s="113">
        <v>6673244</v>
      </c>
      <c r="DH40" s="116">
        <v>7819382</v>
      </c>
      <c r="DI40" s="110">
        <v>0</v>
      </c>
      <c r="DJ40" s="114">
        <v>41328</v>
      </c>
      <c r="DK40" s="112">
        <v>41328</v>
      </c>
      <c r="DL40" s="111">
        <v>0</v>
      </c>
      <c r="DM40" s="114">
        <v>769101</v>
      </c>
      <c r="DN40" s="114">
        <v>634331</v>
      </c>
      <c r="DO40" s="114">
        <v>778806</v>
      </c>
      <c r="DP40" s="114">
        <v>1753225</v>
      </c>
      <c r="DQ40" s="114">
        <v>504891</v>
      </c>
      <c r="DR40" s="113">
        <v>4440354</v>
      </c>
      <c r="DS40" s="116">
        <v>4481682</v>
      </c>
      <c r="DT40" s="110">
        <v>0</v>
      </c>
      <c r="DU40" s="114">
        <v>0</v>
      </c>
      <c r="DV40" s="113">
        <v>0</v>
      </c>
      <c r="DW40" s="110">
        <v>0</v>
      </c>
      <c r="DX40" s="114">
        <v>568096</v>
      </c>
      <c r="DY40" s="114">
        <v>535601</v>
      </c>
      <c r="DZ40" s="114">
        <v>732204</v>
      </c>
      <c r="EA40" s="114">
        <v>1626595</v>
      </c>
      <c r="EB40" s="114">
        <v>504891</v>
      </c>
      <c r="EC40" s="113">
        <v>3967387</v>
      </c>
      <c r="ED40" s="116">
        <v>3967387</v>
      </c>
      <c r="EE40" s="110">
        <v>0</v>
      </c>
      <c r="EF40" s="112">
        <v>41328</v>
      </c>
      <c r="EG40" s="113">
        <v>41328</v>
      </c>
      <c r="EH40" s="110">
        <v>0</v>
      </c>
      <c r="EI40" s="114">
        <v>201005</v>
      </c>
      <c r="EJ40" s="114">
        <v>98730</v>
      </c>
      <c r="EK40" s="114">
        <v>46602</v>
      </c>
      <c r="EL40" s="114">
        <v>126630</v>
      </c>
      <c r="EM40" s="114">
        <v>0</v>
      </c>
      <c r="EN40" s="112">
        <v>472967</v>
      </c>
      <c r="EO40" s="116">
        <v>514295</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298646</v>
      </c>
      <c r="FM40" s="114">
        <v>459230</v>
      </c>
      <c r="FN40" s="113">
        <v>757876</v>
      </c>
      <c r="FO40" s="110">
        <v>0</v>
      </c>
      <c r="FP40" s="114">
        <v>1512896</v>
      </c>
      <c r="FQ40" s="114">
        <v>2181777</v>
      </c>
      <c r="FR40" s="114">
        <v>1343924</v>
      </c>
      <c r="FS40" s="114">
        <v>1281855</v>
      </c>
      <c r="FT40" s="114">
        <v>800796</v>
      </c>
      <c r="FU40" s="113">
        <v>7121248</v>
      </c>
      <c r="FV40" s="116">
        <v>7879124</v>
      </c>
      <c r="FW40" s="115">
        <v>222278</v>
      </c>
      <c r="FX40" s="114">
        <v>459230</v>
      </c>
      <c r="FY40" s="112">
        <v>681508</v>
      </c>
      <c r="FZ40" s="111">
        <v>0</v>
      </c>
      <c r="GA40" s="114">
        <v>1163253</v>
      </c>
      <c r="GB40" s="114">
        <v>2069687</v>
      </c>
      <c r="GC40" s="114">
        <v>1168683</v>
      </c>
      <c r="GD40" s="114">
        <v>1218495</v>
      </c>
      <c r="GE40" s="114">
        <v>800796</v>
      </c>
      <c r="GF40" s="113">
        <v>6420914</v>
      </c>
      <c r="GG40" s="318">
        <v>7102422</v>
      </c>
      <c r="GH40" s="115">
        <v>39738</v>
      </c>
      <c r="GI40" s="114">
        <v>0</v>
      </c>
      <c r="GJ40" s="112">
        <v>39738</v>
      </c>
      <c r="GK40" s="111">
        <v>0</v>
      </c>
      <c r="GL40" s="114">
        <v>135388</v>
      </c>
      <c r="GM40" s="114">
        <v>0</v>
      </c>
      <c r="GN40" s="114">
        <v>57728</v>
      </c>
      <c r="GO40" s="114">
        <v>26730</v>
      </c>
      <c r="GP40" s="114">
        <v>0</v>
      </c>
      <c r="GQ40" s="113">
        <v>219846</v>
      </c>
      <c r="GR40" s="116">
        <v>259584</v>
      </c>
      <c r="GS40" s="110">
        <v>36630</v>
      </c>
      <c r="GT40" s="114">
        <v>0</v>
      </c>
      <c r="GU40" s="113">
        <v>36630</v>
      </c>
      <c r="GV40" s="110">
        <v>0</v>
      </c>
      <c r="GW40" s="114">
        <v>214255</v>
      </c>
      <c r="GX40" s="114">
        <v>112090</v>
      </c>
      <c r="GY40" s="114">
        <v>117513</v>
      </c>
      <c r="GZ40" s="114">
        <v>36630</v>
      </c>
      <c r="HA40" s="114">
        <v>0</v>
      </c>
      <c r="HB40" s="112">
        <v>480488</v>
      </c>
      <c r="HC40" s="116">
        <v>517118</v>
      </c>
      <c r="HD40" s="110">
        <v>1045255</v>
      </c>
      <c r="HE40" s="114">
        <v>1387845</v>
      </c>
      <c r="HF40" s="112">
        <v>2433100</v>
      </c>
      <c r="HG40" s="111">
        <v>0</v>
      </c>
      <c r="HH40" s="114">
        <v>5699328</v>
      </c>
      <c r="HI40" s="114">
        <v>4003744</v>
      </c>
      <c r="HJ40" s="114">
        <v>4494496</v>
      </c>
      <c r="HK40" s="114">
        <v>6767737</v>
      </c>
      <c r="HL40" s="114">
        <v>1783386</v>
      </c>
      <c r="HM40" s="113">
        <v>22748691</v>
      </c>
      <c r="HN40" s="109">
        <v>25181791</v>
      </c>
      <c r="HO40" s="115">
        <v>240250</v>
      </c>
      <c r="HP40" s="114">
        <v>421449</v>
      </c>
      <c r="HQ40" s="113">
        <v>661699</v>
      </c>
      <c r="HR40" s="110">
        <v>0</v>
      </c>
      <c r="HS40" s="114">
        <v>4414463</v>
      </c>
      <c r="HT40" s="114">
        <v>2570779</v>
      </c>
      <c r="HU40" s="114">
        <v>1357747</v>
      </c>
      <c r="HV40" s="114">
        <v>1332059</v>
      </c>
      <c r="HW40" s="114">
        <v>594224</v>
      </c>
      <c r="HX40" s="112">
        <v>10269272</v>
      </c>
      <c r="HY40" s="116">
        <v>10930971</v>
      </c>
      <c r="HZ40" s="150">
        <v>116397</v>
      </c>
      <c r="IA40" s="135">
        <v>162630</v>
      </c>
      <c r="IB40" s="150">
        <v>279027</v>
      </c>
      <c r="IC40" s="146">
        <v>0</v>
      </c>
      <c r="ID40" s="132">
        <v>5300517</v>
      </c>
      <c r="IE40" s="147">
        <v>6514967</v>
      </c>
      <c r="IF40" s="133">
        <v>6076954</v>
      </c>
      <c r="IG40" s="132">
        <v>6252257</v>
      </c>
      <c r="IH40" s="133">
        <v>2582784</v>
      </c>
      <c r="II40" s="148">
        <v>26727479</v>
      </c>
      <c r="IJ40" s="150">
        <v>27006506</v>
      </c>
      <c r="IK40" s="232">
        <v>0</v>
      </c>
      <c r="IL40" s="236">
        <v>0</v>
      </c>
      <c r="IM40" s="237">
        <v>0</v>
      </c>
      <c r="IN40" s="140"/>
      <c r="IO40" s="119">
        <v>0</v>
      </c>
      <c r="IP40" s="119">
        <v>69840</v>
      </c>
      <c r="IQ40" s="119">
        <v>187830</v>
      </c>
      <c r="IR40" s="119">
        <v>232794</v>
      </c>
      <c r="IS40" s="119">
        <v>0</v>
      </c>
      <c r="IT40" s="141">
        <v>490464</v>
      </c>
      <c r="IU40" s="320">
        <v>490464</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190370</v>
      </c>
      <c r="JL40" s="119">
        <v>1952464</v>
      </c>
      <c r="JM40" s="119">
        <v>1130374</v>
      </c>
      <c r="JN40" s="119">
        <v>1820038</v>
      </c>
      <c r="JO40" s="119">
        <v>571626</v>
      </c>
      <c r="JP40" s="120">
        <v>6664872</v>
      </c>
      <c r="JQ40" s="320">
        <v>6664872</v>
      </c>
      <c r="JR40" s="142">
        <v>0</v>
      </c>
      <c r="JS40" s="119">
        <v>0</v>
      </c>
      <c r="JT40" s="141">
        <v>0</v>
      </c>
      <c r="JU40" s="118">
        <v>0</v>
      </c>
      <c r="JV40" s="119">
        <v>0</v>
      </c>
      <c r="JW40" s="119">
        <v>0</v>
      </c>
      <c r="JX40" s="119">
        <v>0</v>
      </c>
      <c r="JY40" s="119">
        <v>0</v>
      </c>
      <c r="JZ40" s="119">
        <v>0</v>
      </c>
      <c r="KA40" s="120">
        <v>0</v>
      </c>
      <c r="KB40" s="320">
        <v>0</v>
      </c>
      <c r="KC40" s="234">
        <v>116397</v>
      </c>
      <c r="KD40" s="230">
        <v>162630</v>
      </c>
      <c r="KE40" s="120">
        <v>279027</v>
      </c>
      <c r="KF40" s="118">
        <v>0</v>
      </c>
      <c r="KG40" s="119">
        <v>1324134</v>
      </c>
      <c r="KH40" s="119">
        <v>810234</v>
      </c>
      <c r="KI40" s="119">
        <v>1024830</v>
      </c>
      <c r="KJ40" s="119">
        <v>707847</v>
      </c>
      <c r="KK40" s="119">
        <v>604917</v>
      </c>
      <c r="KL40" s="120">
        <v>4471962</v>
      </c>
      <c r="KM40" s="143">
        <v>4750989</v>
      </c>
      <c r="KN40" s="232">
        <v>0</v>
      </c>
      <c r="KO40" s="236">
        <v>0</v>
      </c>
      <c r="KP40" s="237">
        <v>0</v>
      </c>
      <c r="KQ40" s="140"/>
      <c r="KR40" s="119">
        <v>2786013</v>
      </c>
      <c r="KS40" s="119">
        <v>3682429</v>
      </c>
      <c r="KT40" s="119">
        <v>3733920</v>
      </c>
      <c r="KU40" s="119">
        <v>3491578</v>
      </c>
      <c r="KV40" s="119">
        <v>1406241</v>
      </c>
      <c r="KW40" s="120">
        <v>15100181</v>
      </c>
      <c r="KX40" s="320">
        <v>15100181</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4730675</v>
      </c>
      <c r="MK40" s="119">
        <v>8401860</v>
      </c>
      <c r="ML40" s="119">
        <v>14281736</v>
      </c>
      <c r="MM40" s="119">
        <v>17293941</v>
      </c>
      <c r="MN40" s="119">
        <v>12754388</v>
      </c>
      <c r="MO40" s="120">
        <v>57462600</v>
      </c>
      <c r="MP40" s="143">
        <v>57462600</v>
      </c>
      <c r="MQ40" s="142">
        <v>0</v>
      </c>
      <c r="MR40" s="119">
        <v>0</v>
      </c>
      <c r="MS40" s="120">
        <v>0</v>
      </c>
      <c r="MT40" s="145"/>
      <c r="MU40" s="119">
        <v>182448</v>
      </c>
      <c r="MV40" s="119">
        <v>430578</v>
      </c>
      <c r="MW40" s="119">
        <v>6081027</v>
      </c>
      <c r="MX40" s="119">
        <v>10592007</v>
      </c>
      <c r="MY40" s="119">
        <v>7068706</v>
      </c>
      <c r="MZ40" s="120">
        <v>24354766</v>
      </c>
      <c r="NA40" s="143">
        <v>24354766</v>
      </c>
      <c r="NB40" s="142">
        <v>0</v>
      </c>
      <c r="NC40" s="119">
        <v>0</v>
      </c>
      <c r="ND40" s="120">
        <v>0</v>
      </c>
      <c r="NE40" s="145"/>
      <c r="NF40" s="119">
        <v>3932951</v>
      </c>
      <c r="NG40" s="119">
        <v>7142364</v>
      </c>
      <c r="NH40" s="119">
        <v>7049789</v>
      </c>
      <c r="NI40" s="119">
        <v>5177910</v>
      </c>
      <c r="NJ40" s="119">
        <v>1793173</v>
      </c>
      <c r="NK40" s="120">
        <v>25096187</v>
      </c>
      <c r="NL40" s="320">
        <v>25096187</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615276</v>
      </c>
      <c r="OC40" s="119">
        <v>828918</v>
      </c>
      <c r="OD40" s="119">
        <v>1150920</v>
      </c>
      <c r="OE40" s="119">
        <v>1524024</v>
      </c>
      <c r="OF40" s="119">
        <v>3892509</v>
      </c>
      <c r="OG40" s="120">
        <v>8011647</v>
      </c>
      <c r="OH40" s="121">
        <v>8011647</v>
      </c>
      <c r="OI40" s="142">
        <v>2247337</v>
      </c>
      <c r="OJ40" s="119">
        <v>4172698</v>
      </c>
      <c r="OK40" s="141">
        <v>6420035</v>
      </c>
      <c r="OL40" s="118">
        <v>0</v>
      </c>
      <c r="OM40" s="119">
        <v>40704714</v>
      </c>
      <c r="ON40" s="119">
        <v>39105814</v>
      </c>
      <c r="OO40" s="119">
        <v>38084692</v>
      </c>
      <c r="OP40" s="119">
        <v>45221882</v>
      </c>
      <c r="OQ40" s="119">
        <v>27019818</v>
      </c>
      <c r="OR40" s="120">
        <v>190136920</v>
      </c>
      <c r="OS40" s="143">
        <v>196556955</v>
      </c>
    </row>
    <row r="41" spans="2:409" ht="21" customHeight="1" x14ac:dyDescent="0.2">
      <c r="B41" s="62" t="s">
        <v>36</v>
      </c>
      <c r="C41" s="110">
        <v>1089457</v>
      </c>
      <c r="D41" s="114">
        <v>3117432</v>
      </c>
      <c r="E41" s="113">
        <v>4206889</v>
      </c>
      <c r="F41" s="109">
        <v>0</v>
      </c>
      <c r="G41" s="114">
        <v>20518496</v>
      </c>
      <c r="H41" s="114">
        <v>26755109</v>
      </c>
      <c r="I41" s="114">
        <v>21988538</v>
      </c>
      <c r="J41" s="114">
        <v>20056616</v>
      </c>
      <c r="K41" s="114">
        <v>13410883</v>
      </c>
      <c r="L41" s="173">
        <v>102729642</v>
      </c>
      <c r="M41" s="116">
        <v>106936531</v>
      </c>
      <c r="N41" s="110">
        <v>385658</v>
      </c>
      <c r="O41" s="114">
        <v>1016392</v>
      </c>
      <c r="P41" s="113">
        <v>1402050</v>
      </c>
      <c r="Q41" s="110">
        <v>0</v>
      </c>
      <c r="R41" s="114">
        <v>5880755</v>
      </c>
      <c r="S41" s="114">
        <v>7822297</v>
      </c>
      <c r="T41" s="114">
        <v>6945244</v>
      </c>
      <c r="U41" s="114">
        <v>9465643</v>
      </c>
      <c r="V41" s="114">
        <v>7660783</v>
      </c>
      <c r="W41" s="113">
        <v>37774722</v>
      </c>
      <c r="X41" s="116">
        <v>39176772</v>
      </c>
      <c r="Y41" s="110">
        <v>0</v>
      </c>
      <c r="Z41" s="114">
        <v>0</v>
      </c>
      <c r="AA41" s="113">
        <v>0</v>
      </c>
      <c r="AB41" s="110">
        <v>0</v>
      </c>
      <c r="AC41" s="114">
        <v>2089402</v>
      </c>
      <c r="AD41" s="114">
        <v>3640331</v>
      </c>
      <c r="AE41" s="114">
        <v>3917200</v>
      </c>
      <c r="AF41" s="114">
        <v>6328237</v>
      </c>
      <c r="AG41" s="114">
        <v>4066837</v>
      </c>
      <c r="AH41" s="113">
        <v>20042007</v>
      </c>
      <c r="AI41" s="116">
        <v>20042007</v>
      </c>
      <c r="AJ41" s="110">
        <v>0</v>
      </c>
      <c r="AK41" s="114">
        <v>0</v>
      </c>
      <c r="AL41" s="113">
        <v>0</v>
      </c>
      <c r="AM41" s="110">
        <v>0</v>
      </c>
      <c r="AN41" s="114">
        <v>339014</v>
      </c>
      <c r="AO41" s="114">
        <v>404325</v>
      </c>
      <c r="AP41" s="114">
        <v>249673</v>
      </c>
      <c r="AQ41" s="114">
        <v>530698</v>
      </c>
      <c r="AR41" s="114">
        <v>631822</v>
      </c>
      <c r="AS41" s="113">
        <v>2155532</v>
      </c>
      <c r="AT41" s="116">
        <v>2155532</v>
      </c>
      <c r="AU41" s="110">
        <v>261141</v>
      </c>
      <c r="AV41" s="114">
        <v>647894</v>
      </c>
      <c r="AW41" s="113">
        <v>909035</v>
      </c>
      <c r="AX41" s="110">
        <v>0</v>
      </c>
      <c r="AY41" s="114">
        <v>2590710</v>
      </c>
      <c r="AZ41" s="114">
        <v>2343886</v>
      </c>
      <c r="BA41" s="114">
        <v>1517287</v>
      </c>
      <c r="BB41" s="114">
        <v>1594988</v>
      </c>
      <c r="BC41" s="114">
        <v>2051244</v>
      </c>
      <c r="BD41" s="113">
        <v>10098115</v>
      </c>
      <c r="BE41" s="116">
        <v>11007150</v>
      </c>
      <c r="BF41" s="110">
        <v>88301</v>
      </c>
      <c r="BG41" s="114">
        <v>309287</v>
      </c>
      <c r="BH41" s="112">
        <v>397588</v>
      </c>
      <c r="BI41" s="111">
        <v>0</v>
      </c>
      <c r="BJ41" s="114">
        <v>493699</v>
      </c>
      <c r="BK41" s="114">
        <v>510902</v>
      </c>
      <c r="BL41" s="114">
        <v>256155</v>
      </c>
      <c r="BM41" s="114">
        <v>217146</v>
      </c>
      <c r="BN41" s="114">
        <v>236686</v>
      </c>
      <c r="BO41" s="113">
        <v>1714588</v>
      </c>
      <c r="BP41" s="116">
        <v>2112176</v>
      </c>
      <c r="BQ41" s="110">
        <v>36216</v>
      </c>
      <c r="BR41" s="114">
        <v>59211</v>
      </c>
      <c r="BS41" s="113">
        <v>95427</v>
      </c>
      <c r="BT41" s="110">
        <v>0</v>
      </c>
      <c r="BU41" s="114">
        <v>367930</v>
      </c>
      <c r="BV41" s="114">
        <v>922853</v>
      </c>
      <c r="BW41" s="114">
        <v>1004929</v>
      </c>
      <c r="BX41" s="114">
        <v>794574</v>
      </c>
      <c r="BY41" s="114">
        <v>674194</v>
      </c>
      <c r="BZ41" s="113">
        <v>3764480</v>
      </c>
      <c r="CA41" s="116">
        <v>3859907</v>
      </c>
      <c r="CB41" s="110">
        <v>110853</v>
      </c>
      <c r="CC41" s="114">
        <v>289255</v>
      </c>
      <c r="CD41" s="113">
        <v>400108</v>
      </c>
      <c r="CE41" s="110">
        <v>0</v>
      </c>
      <c r="CF41" s="114">
        <v>6571155</v>
      </c>
      <c r="CG41" s="114">
        <v>8402631</v>
      </c>
      <c r="CH41" s="114">
        <v>5490167</v>
      </c>
      <c r="CI41" s="114">
        <v>3054707</v>
      </c>
      <c r="CJ41" s="114">
        <v>2345036</v>
      </c>
      <c r="CK41" s="113">
        <v>25863696</v>
      </c>
      <c r="CL41" s="116">
        <v>26263804</v>
      </c>
      <c r="CM41" s="110">
        <v>0</v>
      </c>
      <c r="CN41" s="114">
        <v>0</v>
      </c>
      <c r="CO41" s="113">
        <v>0</v>
      </c>
      <c r="CP41" s="111">
        <v>0</v>
      </c>
      <c r="CQ41" s="114">
        <v>5175585</v>
      </c>
      <c r="CR41" s="114">
        <v>6712400</v>
      </c>
      <c r="CS41" s="114">
        <v>4026460</v>
      </c>
      <c r="CT41" s="114">
        <v>2752742</v>
      </c>
      <c r="CU41" s="114">
        <v>2152599</v>
      </c>
      <c r="CV41" s="113">
        <v>20819786</v>
      </c>
      <c r="CW41" s="116">
        <v>20819786</v>
      </c>
      <c r="CX41" s="110">
        <v>110853</v>
      </c>
      <c r="CY41" s="114">
        <v>289255</v>
      </c>
      <c r="CZ41" s="113">
        <v>400108</v>
      </c>
      <c r="DA41" s="110">
        <v>0</v>
      </c>
      <c r="DB41" s="114">
        <v>1395570</v>
      </c>
      <c r="DC41" s="114">
        <v>1690231</v>
      </c>
      <c r="DD41" s="114">
        <v>1463707</v>
      </c>
      <c r="DE41" s="114">
        <v>301965</v>
      </c>
      <c r="DF41" s="114">
        <v>192437</v>
      </c>
      <c r="DG41" s="113">
        <v>5043910</v>
      </c>
      <c r="DH41" s="116">
        <v>5444018</v>
      </c>
      <c r="DI41" s="110">
        <v>0</v>
      </c>
      <c r="DJ41" s="114">
        <v>0</v>
      </c>
      <c r="DK41" s="112">
        <v>0</v>
      </c>
      <c r="DL41" s="111">
        <v>0</v>
      </c>
      <c r="DM41" s="114">
        <v>1340725</v>
      </c>
      <c r="DN41" s="114">
        <v>1666921</v>
      </c>
      <c r="DO41" s="114">
        <v>1954647</v>
      </c>
      <c r="DP41" s="114">
        <v>1911003</v>
      </c>
      <c r="DQ41" s="114">
        <v>691111</v>
      </c>
      <c r="DR41" s="113">
        <v>7564407</v>
      </c>
      <c r="DS41" s="116">
        <v>7564407</v>
      </c>
      <c r="DT41" s="110">
        <v>0</v>
      </c>
      <c r="DU41" s="114">
        <v>0</v>
      </c>
      <c r="DV41" s="113">
        <v>0</v>
      </c>
      <c r="DW41" s="110">
        <v>0</v>
      </c>
      <c r="DX41" s="114">
        <v>1340725</v>
      </c>
      <c r="DY41" s="114">
        <v>1607341</v>
      </c>
      <c r="DZ41" s="114">
        <v>1954647</v>
      </c>
      <c r="EA41" s="114">
        <v>1768230</v>
      </c>
      <c r="EB41" s="114">
        <v>691111</v>
      </c>
      <c r="EC41" s="113">
        <v>7362054</v>
      </c>
      <c r="ED41" s="116">
        <v>7362054</v>
      </c>
      <c r="EE41" s="110">
        <v>0</v>
      </c>
      <c r="EF41" s="112">
        <v>0</v>
      </c>
      <c r="EG41" s="113">
        <v>0</v>
      </c>
      <c r="EH41" s="110">
        <v>0</v>
      </c>
      <c r="EI41" s="114">
        <v>0</v>
      </c>
      <c r="EJ41" s="114">
        <v>59580</v>
      </c>
      <c r="EK41" s="114">
        <v>0</v>
      </c>
      <c r="EL41" s="114">
        <v>142773</v>
      </c>
      <c r="EM41" s="114">
        <v>0</v>
      </c>
      <c r="EN41" s="112">
        <v>202353</v>
      </c>
      <c r="EO41" s="116">
        <v>202353</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245106</v>
      </c>
      <c r="FM41" s="114">
        <v>864600</v>
      </c>
      <c r="FN41" s="113">
        <v>1109706</v>
      </c>
      <c r="FO41" s="110">
        <v>0</v>
      </c>
      <c r="FP41" s="114">
        <v>2067626</v>
      </c>
      <c r="FQ41" s="114">
        <v>3079641</v>
      </c>
      <c r="FR41" s="114">
        <v>1899721</v>
      </c>
      <c r="FS41" s="114">
        <v>2174521</v>
      </c>
      <c r="FT41" s="114">
        <v>1070330</v>
      </c>
      <c r="FU41" s="113">
        <v>10291839</v>
      </c>
      <c r="FV41" s="116">
        <v>11401545</v>
      </c>
      <c r="FW41" s="115">
        <v>229806</v>
      </c>
      <c r="FX41" s="114">
        <v>638112</v>
      </c>
      <c r="FY41" s="112">
        <v>867918</v>
      </c>
      <c r="FZ41" s="111">
        <v>0</v>
      </c>
      <c r="GA41" s="114">
        <v>1516826</v>
      </c>
      <c r="GB41" s="114">
        <v>2524215</v>
      </c>
      <c r="GC41" s="114">
        <v>1557721</v>
      </c>
      <c r="GD41" s="114">
        <v>1734769</v>
      </c>
      <c r="GE41" s="114">
        <v>1028678</v>
      </c>
      <c r="GF41" s="113">
        <v>8362209</v>
      </c>
      <c r="GG41" s="318">
        <v>9230127</v>
      </c>
      <c r="GH41" s="115">
        <v>0</v>
      </c>
      <c r="GI41" s="114">
        <v>66488</v>
      </c>
      <c r="GJ41" s="112">
        <v>66488</v>
      </c>
      <c r="GK41" s="111">
        <v>0</v>
      </c>
      <c r="GL41" s="114">
        <v>126000</v>
      </c>
      <c r="GM41" s="114">
        <v>49896</v>
      </c>
      <c r="GN41" s="114">
        <v>0</v>
      </c>
      <c r="GO41" s="114">
        <v>239952</v>
      </c>
      <c r="GP41" s="114">
        <v>41652</v>
      </c>
      <c r="GQ41" s="113">
        <v>457500</v>
      </c>
      <c r="GR41" s="116">
        <v>523988</v>
      </c>
      <c r="GS41" s="110">
        <v>15300</v>
      </c>
      <c r="GT41" s="114">
        <v>160000</v>
      </c>
      <c r="GU41" s="113">
        <v>175300</v>
      </c>
      <c r="GV41" s="110">
        <v>0</v>
      </c>
      <c r="GW41" s="114">
        <v>424800</v>
      </c>
      <c r="GX41" s="114">
        <v>505530</v>
      </c>
      <c r="GY41" s="114">
        <v>342000</v>
      </c>
      <c r="GZ41" s="114">
        <v>199800</v>
      </c>
      <c r="HA41" s="114">
        <v>0</v>
      </c>
      <c r="HB41" s="112">
        <v>1472130</v>
      </c>
      <c r="HC41" s="116">
        <v>1647430</v>
      </c>
      <c r="HD41" s="110">
        <v>114955</v>
      </c>
      <c r="HE41" s="114">
        <v>395713</v>
      </c>
      <c r="HF41" s="112">
        <v>510668</v>
      </c>
      <c r="HG41" s="111">
        <v>0</v>
      </c>
      <c r="HH41" s="114">
        <v>1104995</v>
      </c>
      <c r="HI41" s="114">
        <v>2724032</v>
      </c>
      <c r="HJ41" s="114">
        <v>3684673</v>
      </c>
      <c r="HK41" s="114">
        <v>1838867</v>
      </c>
      <c r="HL41" s="114">
        <v>688559</v>
      </c>
      <c r="HM41" s="113">
        <v>10041126</v>
      </c>
      <c r="HN41" s="109">
        <v>10551794</v>
      </c>
      <c r="HO41" s="115">
        <v>232885</v>
      </c>
      <c r="HP41" s="114">
        <v>551472</v>
      </c>
      <c r="HQ41" s="113">
        <v>784357</v>
      </c>
      <c r="HR41" s="110">
        <v>0</v>
      </c>
      <c r="HS41" s="114">
        <v>3553240</v>
      </c>
      <c r="HT41" s="114">
        <v>3059587</v>
      </c>
      <c r="HU41" s="114">
        <v>2014086</v>
      </c>
      <c r="HV41" s="114">
        <v>1611875</v>
      </c>
      <c r="HW41" s="114">
        <v>955064</v>
      </c>
      <c r="HX41" s="112">
        <v>11193852</v>
      </c>
      <c r="HY41" s="116">
        <v>11978209</v>
      </c>
      <c r="HZ41" s="131">
        <v>142965</v>
      </c>
      <c r="IA41" s="132">
        <v>85349</v>
      </c>
      <c r="IB41" s="133">
        <v>228314</v>
      </c>
      <c r="IC41" s="146">
        <v>0</v>
      </c>
      <c r="ID41" s="132">
        <v>5235424</v>
      </c>
      <c r="IE41" s="147">
        <v>6316794</v>
      </c>
      <c r="IF41" s="133">
        <v>9147501</v>
      </c>
      <c r="IG41" s="132">
        <v>4923028</v>
      </c>
      <c r="IH41" s="133">
        <v>4664113</v>
      </c>
      <c r="II41" s="148">
        <v>30286860</v>
      </c>
      <c r="IJ41" s="139">
        <v>30515174</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530948</v>
      </c>
      <c r="JL41" s="119">
        <v>3108972</v>
      </c>
      <c r="JM41" s="119">
        <v>3454752</v>
      </c>
      <c r="JN41" s="119">
        <v>2486097</v>
      </c>
      <c r="JO41" s="119">
        <v>2448043</v>
      </c>
      <c r="JP41" s="120">
        <v>14028812</v>
      </c>
      <c r="JQ41" s="320">
        <v>14028812</v>
      </c>
      <c r="JR41" s="142">
        <v>0</v>
      </c>
      <c r="JS41" s="119">
        <v>0</v>
      </c>
      <c r="JT41" s="141">
        <v>0</v>
      </c>
      <c r="JU41" s="118">
        <v>0</v>
      </c>
      <c r="JV41" s="119">
        <v>0</v>
      </c>
      <c r="JW41" s="119">
        <v>0</v>
      </c>
      <c r="JX41" s="119">
        <v>0</v>
      </c>
      <c r="JY41" s="119">
        <v>0</v>
      </c>
      <c r="JZ41" s="119">
        <v>0</v>
      </c>
      <c r="KA41" s="120">
        <v>0</v>
      </c>
      <c r="KB41" s="320">
        <v>0</v>
      </c>
      <c r="KC41" s="234">
        <v>142965</v>
      </c>
      <c r="KD41" s="230">
        <v>85349</v>
      </c>
      <c r="KE41" s="120">
        <v>228314</v>
      </c>
      <c r="KF41" s="118">
        <v>0</v>
      </c>
      <c r="KG41" s="119">
        <v>1548814</v>
      </c>
      <c r="KH41" s="119">
        <v>1157287</v>
      </c>
      <c r="KI41" s="119">
        <v>2116029</v>
      </c>
      <c r="KJ41" s="119">
        <v>851139</v>
      </c>
      <c r="KK41" s="119">
        <v>661628</v>
      </c>
      <c r="KL41" s="120">
        <v>6334897</v>
      </c>
      <c r="KM41" s="143">
        <v>6563211</v>
      </c>
      <c r="KN41" s="232">
        <v>0</v>
      </c>
      <c r="KO41" s="236">
        <v>0</v>
      </c>
      <c r="KP41" s="237">
        <v>0</v>
      </c>
      <c r="KQ41" s="140"/>
      <c r="KR41" s="119">
        <v>1155662</v>
      </c>
      <c r="KS41" s="119">
        <v>2050535</v>
      </c>
      <c r="KT41" s="119">
        <v>3576720</v>
      </c>
      <c r="KU41" s="119">
        <v>1585792</v>
      </c>
      <c r="KV41" s="119">
        <v>1554442</v>
      </c>
      <c r="KW41" s="120">
        <v>9923151</v>
      </c>
      <c r="KX41" s="320">
        <v>9923151</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4043676</v>
      </c>
      <c r="MK41" s="119">
        <v>5850403</v>
      </c>
      <c r="ML41" s="119">
        <v>23153253</v>
      </c>
      <c r="MM41" s="119">
        <v>32690280</v>
      </c>
      <c r="MN41" s="119">
        <v>27242665</v>
      </c>
      <c r="MO41" s="120">
        <v>92980277</v>
      </c>
      <c r="MP41" s="143">
        <v>92980277</v>
      </c>
      <c r="MQ41" s="142">
        <v>0</v>
      </c>
      <c r="MR41" s="119">
        <v>0</v>
      </c>
      <c r="MS41" s="120">
        <v>0</v>
      </c>
      <c r="MT41" s="145"/>
      <c r="MU41" s="119">
        <v>0</v>
      </c>
      <c r="MV41" s="119">
        <v>654542</v>
      </c>
      <c r="MW41" s="119">
        <v>12255906</v>
      </c>
      <c r="MX41" s="119">
        <v>19328662</v>
      </c>
      <c r="MY41" s="119">
        <v>19849209</v>
      </c>
      <c r="MZ41" s="120">
        <v>52088319</v>
      </c>
      <c r="NA41" s="143">
        <v>52088319</v>
      </c>
      <c r="NB41" s="142">
        <v>0</v>
      </c>
      <c r="NC41" s="119">
        <v>0</v>
      </c>
      <c r="ND41" s="120">
        <v>0</v>
      </c>
      <c r="NE41" s="145"/>
      <c r="NF41" s="119">
        <v>4043676</v>
      </c>
      <c r="NG41" s="119">
        <v>5195861</v>
      </c>
      <c r="NH41" s="119">
        <v>10897347</v>
      </c>
      <c r="NI41" s="119">
        <v>11133040</v>
      </c>
      <c r="NJ41" s="119">
        <v>7076003</v>
      </c>
      <c r="NK41" s="120">
        <v>38345927</v>
      </c>
      <c r="NL41" s="320">
        <v>38345927</v>
      </c>
      <c r="NM41" s="142">
        <v>0</v>
      </c>
      <c r="NN41" s="119">
        <v>0</v>
      </c>
      <c r="NO41" s="120">
        <v>0</v>
      </c>
      <c r="NP41" s="145"/>
      <c r="NQ41" s="119">
        <v>0</v>
      </c>
      <c r="NR41" s="119">
        <v>0</v>
      </c>
      <c r="NS41" s="119">
        <v>0</v>
      </c>
      <c r="NT41" s="119">
        <v>589320</v>
      </c>
      <c r="NU41" s="119">
        <v>317453</v>
      </c>
      <c r="NV41" s="120">
        <v>906773</v>
      </c>
      <c r="NW41" s="121">
        <v>906773</v>
      </c>
      <c r="NX41" s="142">
        <v>0</v>
      </c>
      <c r="NY41" s="119">
        <v>0</v>
      </c>
      <c r="NZ41" s="120">
        <v>0</v>
      </c>
      <c r="OA41" s="145"/>
      <c r="OB41" s="119">
        <v>0</v>
      </c>
      <c r="OC41" s="119">
        <v>0</v>
      </c>
      <c r="OD41" s="119">
        <v>0</v>
      </c>
      <c r="OE41" s="119">
        <v>1639258</v>
      </c>
      <c r="OF41" s="119">
        <v>0</v>
      </c>
      <c r="OG41" s="120">
        <v>1639258</v>
      </c>
      <c r="OH41" s="121">
        <v>1639258</v>
      </c>
      <c r="OI41" s="142">
        <v>1232422</v>
      </c>
      <c r="OJ41" s="119">
        <v>3202781</v>
      </c>
      <c r="OK41" s="141">
        <v>4435203</v>
      </c>
      <c r="OL41" s="118">
        <v>0</v>
      </c>
      <c r="OM41" s="119">
        <v>29797596</v>
      </c>
      <c r="ON41" s="119">
        <v>38922306</v>
      </c>
      <c r="OO41" s="119">
        <v>54289292</v>
      </c>
      <c r="OP41" s="119">
        <v>57669924</v>
      </c>
      <c r="OQ41" s="119">
        <v>45317661</v>
      </c>
      <c r="OR41" s="120">
        <v>225996779</v>
      </c>
      <c r="OS41" s="143">
        <v>230431982</v>
      </c>
    </row>
    <row r="42" spans="2:409" ht="21" customHeight="1" thickBot="1" x14ac:dyDescent="0.25">
      <c r="B42" s="63" t="s">
        <v>37</v>
      </c>
      <c r="C42" s="117">
        <v>439093</v>
      </c>
      <c r="D42" s="178">
        <v>337890</v>
      </c>
      <c r="E42" s="179">
        <v>776983</v>
      </c>
      <c r="F42" s="180">
        <v>0</v>
      </c>
      <c r="G42" s="178">
        <v>1398058</v>
      </c>
      <c r="H42" s="178">
        <v>1332210</v>
      </c>
      <c r="I42" s="178">
        <v>2939376</v>
      </c>
      <c r="J42" s="178">
        <v>2010771</v>
      </c>
      <c r="K42" s="178">
        <v>719688</v>
      </c>
      <c r="L42" s="180">
        <v>8400103</v>
      </c>
      <c r="M42" s="181">
        <v>9177086</v>
      </c>
      <c r="N42" s="117">
        <v>47194</v>
      </c>
      <c r="O42" s="178">
        <v>66124</v>
      </c>
      <c r="P42" s="179">
        <v>113318</v>
      </c>
      <c r="Q42" s="117">
        <v>0</v>
      </c>
      <c r="R42" s="178">
        <v>154156</v>
      </c>
      <c r="S42" s="178">
        <v>436956</v>
      </c>
      <c r="T42" s="178">
        <v>486065</v>
      </c>
      <c r="U42" s="178">
        <v>566736</v>
      </c>
      <c r="V42" s="178">
        <v>480139</v>
      </c>
      <c r="W42" s="179">
        <v>2124052</v>
      </c>
      <c r="X42" s="181">
        <v>2237370</v>
      </c>
      <c r="Y42" s="117">
        <v>0</v>
      </c>
      <c r="Z42" s="178">
        <v>0</v>
      </c>
      <c r="AA42" s="179">
        <v>0</v>
      </c>
      <c r="AB42" s="117">
        <v>0</v>
      </c>
      <c r="AC42" s="178">
        <v>68272</v>
      </c>
      <c r="AD42" s="178">
        <v>226604</v>
      </c>
      <c r="AE42" s="178">
        <v>231132</v>
      </c>
      <c r="AF42" s="178">
        <v>263418</v>
      </c>
      <c r="AG42" s="178">
        <v>422517</v>
      </c>
      <c r="AH42" s="179">
        <v>1211943</v>
      </c>
      <c r="AI42" s="181">
        <v>1211943</v>
      </c>
      <c r="AJ42" s="117">
        <v>0</v>
      </c>
      <c r="AK42" s="178">
        <v>0</v>
      </c>
      <c r="AL42" s="179">
        <v>0</v>
      </c>
      <c r="AM42" s="117">
        <v>0</v>
      </c>
      <c r="AN42" s="178">
        <v>0</v>
      </c>
      <c r="AO42" s="178">
        <v>0</v>
      </c>
      <c r="AP42" s="178">
        <v>0</v>
      </c>
      <c r="AQ42" s="178">
        <v>0</v>
      </c>
      <c r="AR42" s="178">
        <v>0</v>
      </c>
      <c r="AS42" s="179">
        <v>0</v>
      </c>
      <c r="AT42" s="181">
        <v>0</v>
      </c>
      <c r="AU42" s="117">
        <v>37402</v>
      </c>
      <c r="AV42" s="178">
        <v>66124</v>
      </c>
      <c r="AW42" s="179">
        <v>103526</v>
      </c>
      <c r="AX42" s="117">
        <v>0</v>
      </c>
      <c r="AY42" s="178">
        <v>60927</v>
      </c>
      <c r="AZ42" s="178">
        <v>177799</v>
      </c>
      <c r="BA42" s="178">
        <v>134630</v>
      </c>
      <c r="BB42" s="178">
        <v>123273</v>
      </c>
      <c r="BC42" s="178">
        <v>29274</v>
      </c>
      <c r="BD42" s="179">
        <v>525903</v>
      </c>
      <c r="BE42" s="181">
        <v>629429</v>
      </c>
      <c r="BF42" s="117">
        <v>0</v>
      </c>
      <c r="BG42" s="178">
        <v>0</v>
      </c>
      <c r="BH42" s="183">
        <v>0</v>
      </c>
      <c r="BI42" s="182">
        <v>0</v>
      </c>
      <c r="BJ42" s="178">
        <v>0</v>
      </c>
      <c r="BK42" s="178">
        <v>22536</v>
      </c>
      <c r="BL42" s="178">
        <v>0</v>
      </c>
      <c r="BM42" s="178">
        <v>131013</v>
      </c>
      <c r="BN42" s="178">
        <v>0</v>
      </c>
      <c r="BO42" s="179">
        <v>153549</v>
      </c>
      <c r="BP42" s="181">
        <v>153549</v>
      </c>
      <c r="BQ42" s="117">
        <v>9792</v>
      </c>
      <c r="BR42" s="178">
        <v>0</v>
      </c>
      <c r="BS42" s="179">
        <v>9792</v>
      </c>
      <c r="BT42" s="117">
        <v>0</v>
      </c>
      <c r="BU42" s="178">
        <v>24957</v>
      </c>
      <c r="BV42" s="178">
        <v>10017</v>
      </c>
      <c r="BW42" s="178">
        <v>120303</v>
      </c>
      <c r="BX42" s="178">
        <v>49032</v>
      </c>
      <c r="BY42" s="178">
        <v>28348</v>
      </c>
      <c r="BZ42" s="179">
        <v>232657</v>
      </c>
      <c r="CA42" s="181">
        <v>242449</v>
      </c>
      <c r="CB42" s="117">
        <v>93708</v>
      </c>
      <c r="CC42" s="178">
        <v>141494</v>
      </c>
      <c r="CD42" s="179">
        <v>235202</v>
      </c>
      <c r="CE42" s="117">
        <v>0</v>
      </c>
      <c r="CF42" s="178">
        <v>626515</v>
      </c>
      <c r="CG42" s="178">
        <v>312306</v>
      </c>
      <c r="CH42" s="178">
        <v>921555</v>
      </c>
      <c r="CI42" s="178">
        <v>545465</v>
      </c>
      <c r="CJ42" s="178">
        <v>84159</v>
      </c>
      <c r="CK42" s="179">
        <v>2490000</v>
      </c>
      <c r="CL42" s="181">
        <v>2725202</v>
      </c>
      <c r="CM42" s="117">
        <v>0</v>
      </c>
      <c r="CN42" s="178">
        <v>0</v>
      </c>
      <c r="CO42" s="179">
        <v>0</v>
      </c>
      <c r="CP42" s="182">
        <v>0</v>
      </c>
      <c r="CQ42" s="178">
        <v>287099</v>
      </c>
      <c r="CR42" s="178">
        <v>239949</v>
      </c>
      <c r="CS42" s="178">
        <v>578535</v>
      </c>
      <c r="CT42" s="178">
        <v>45209</v>
      </c>
      <c r="CU42" s="178">
        <v>84159</v>
      </c>
      <c r="CV42" s="179">
        <v>1234951</v>
      </c>
      <c r="CW42" s="181">
        <v>1234951</v>
      </c>
      <c r="CX42" s="117">
        <v>93708</v>
      </c>
      <c r="CY42" s="178">
        <v>141494</v>
      </c>
      <c r="CZ42" s="179">
        <v>235202</v>
      </c>
      <c r="DA42" s="117">
        <v>0</v>
      </c>
      <c r="DB42" s="178">
        <v>339416</v>
      </c>
      <c r="DC42" s="178">
        <v>72357</v>
      </c>
      <c r="DD42" s="178">
        <v>343020</v>
      </c>
      <c r="DE42" s="178">
        <v>500256</v>
      </c>
      <c r="DF42" s="178">
        <v>0</v>
      </c>
      <c r="DG42" s="179">
        <v>1255049</v>
      </c>
      <c r="DH42" s="181">
        <v>1490251</v>
      </c>
      <c r="DI42" s="117">
        <v>0</v>
      </c>
      <c r="DJ42" s="178">
        <v>0</v>
      </c>
      <c r="DK42" s="183">
        <v>0</v>
      </c>
      <c r="DL42" s="182">
        <v>0</v>
      </c>
      <c r="DM42" s="178">
        <v>49373</v>
      </c>
      <c r="DN42" s="178">
        <v>45119</v>
      </c>
      <c r="DO42" s="178">
        <v>676287</v>
      </c>
      <c r="DP42" s="178">
        <v>114916</v>
      </c>
      <c r="DQ42" s="178">
        <v>21130</v>
      </c>
      <c r="DR42" s="179">
        <v>906825</v>
      </c>
      <c r="DS42" s="181">
        <v>906825</v>
      </c>
      <c r="DT42" s="117">
        <v>0</v>
      </c>
      <c r="DU42" s="178">
        <v>0</v>
      </c>
      <c r="DV42" s="179">
        <v>0</v>
      </c>
      <c r="DW42" s="117">
        <v>0</v>
      </c>
      <c r="DX42" s="178">
        <v>25251</v>
      </c>
      <c r="DY42" s="178">
        <v>45119</v>
      </c>
      <c r="DZ42" s="178">
        <v>520290</v>
      </c>
      <c r="EA42" s="178">
        <v>114916</v>
      </c>
      <c r="EB42" s="178">
        <v>0</v>
      </c>
      <c r="EC42" s="179">
        <v>705576</v>
      </c>
      <c r="ED42" s="181">
        <v>705576</v>
      </c>
      <c r="EE42" s="117">
        <v>0</v>
      </c>
      <c r="EF42" s="183">
        <v>0</v>
      </c>
      <c r="EG42" s="179">
        <v>0</v>
      </c>
      <c r="EH42" s="117">
        <v>0</v>
      </c>
      <c r="EI42" s="178">
        <v>24122</v>
      </c>
      <c r="EJ42" s="178">
        <v>0</v>
      </c>
      <c r="EK42" s="178">
        <v>155997</v>
      </c>
      <c r="EL42" s="178">
        <v>0</v>
      </c>
      <c r="EM42" s="178">
        <v>21130</v>
      </c>
      <c r="EN42" s="183">
        <v>201249</v>
      </c>
      <c r="EO42" s="181">
        <v>201249</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171864</v>
      </c>
      <c r="FM42" s="178">
        <v>57264</v>
      </c>
      <c r="FN42" s="179">
        <v>229128</v>
      </c>
      <c r="FO42" s="117">
        <v>0</v>
      </c>
      <c r="FP42" s="178">
        <v>183209</v>
      </c>
      <c r="FQ42" s="178">
        <v>263542</v>
      </c>
      <c r="FR42" s="178">
        <v>468108</v>
      </c>
      <c r="FS42" s="178">
        <v>226503</v>
      </c>
      <c r="FT42" s="178">
        <v>71400</v>
      </c>
      <c r="FU42" s="179">
        <v>1212762</v>
      </c>
      <c r="FV42" s="181">
        <v>1441890</v>
      </c>
      <c r="FW42" s="184">
        <v>171864</v>
      </c>
      <c r="FX42" s="178">
        <v>57264</v>
      </c>
      <c r="FY42" s="183">
        <v>229128</v>
      </c>
      <c r="FZ42" s="182">
        <v>0</v>
      </c>
      <c r="GA42" s="178">
        <v>177111</v>
      </c>
      <c r="GB42" s="178">
        <v>263542</v>
      </c>
      <c r="GC42" s="178">
        <v>388008</v>
      </c>
      <c r="GD42" s="178">
        <v>226503</v>
      </c>
      <c r="GE42" s="178">
        <v>71400</v>
      </c>
      <c r="GF42" s="179">
        <v>1126564</v>
      </c>
      <c r="GG42" s="319">
        <v>1355692</v>
      </c>
      <c r="GH42" s="184">
        <v>0</v>
      </c>
      <c r="GI42" s="178">
        <v>0</v>
      </c>
      <c r="GJ42" s="183">
        <v>0</v>
      </c>
      <c r="GK42" s="182">
        <v>0</v>
      </c>
      <c r="GL42" s="178">
        <v>6098</v>
      </c>
      <c r="GM42" s="178">
        <v>0</v>
      </c>
      <c r="GN42" s="178">
        <v>0</v>
      </c>
      <c r="GO42" s="178">
        <v>0</v>
      </c>
      <c r="GP42" s="178">
        <v>0</v>
      </c>
      <c r="GQ42" s="179">
        <v>6098</v>
      </c>
      <c r="GR42" s="181">
        <v>6098</v>
      </c>
      <c r="GS42" s="117">
        <v>0</v>
      </c>
      <c r="GT42" s="178">
        <v>0</v>
      </c>
      <c r="GU42" s="179">
        <v>0</v>
      </c>
      <c r="GV42" s="117">
        <v>0</v>
      </c>
      <c r="GW42" s="178">
        <v>0</v>
      </c>
      <c r="GX42" s="178">
        <v>0</v>
      </c>
      <c r="GY42" s="178">
        <v>80100</v>
      </c>
      <c r="GZ42" s="178">
        <v>0</v>
      </c>
      <c r="HA42" s="178">
        <v>0</v>
      </c>
      <c r="HB42" s="183">
        <v>80100</v>
      </c>
      <c r="HC42" s="181">
        <v>80100</v>
      </c>
      <c r="HD42" s="117">
        <v>0</v>
      </c>
      <c r="HE42" s="178">
        <v>0</v>
      </c>
      <c r="HF42" s="183">
        <v>0</v>
      </c>
      <c r="HG42" s="182">
        <v>0</v>
      </c>
      <c r="HH42" s="178">
        <v>0</v>
      </c>
      <c r="HI42" s="178">
        <v>0</v>
      </c>
      <c r="HJ42" s="178">
        <v>0</v>
      </c>
      <c r="HK42" s="178">
        <v>368735</v>
      </c>
      <c r="HL42" s="178">
        <v>0</v>
      </c>
      <c r="HM42" s="179">
        <v>368735</v>
      </c>
      <c r="HN42" s="180">
        <v>368735</v>
      </c>
      <c r="HO42" s="184">
        <v>126327</v>
      </c>
      <c r="HP42" s="178">
        <v>73008</v>
      </c>
      <c r="HQ42" s="179">
        <v>199335</v>
      </c>
      <c r="HR42" s="117">
        <v>0</v>
      </c>
      <c r="HS42" s="178">
        <v>384805</v>
      </c>
      <c r="HT42" s="178">
        <v>274287</v>
      </c>
      <c r="HU42" s="178">
        <v>387361</v>
      </c>
      <c r="HV42" s="178">
        <v>188416</v>
      </c>
      <c r="HW42" s="178">
        <v>62860</v>
      </c>
      <c r="HX42" s="183">
        <v>1297729</v>
      </c>
      <c r="HY42" s="181">
        <v>1497064</v>
      </c>
      <c r="HZ42" s="151">
        <v>0</v>
      </c>
      <c r="IA42" s="152">
        <v>0</v>
      </c>
      <c r="IB42" s="153">
        <v>0</v>
      </c>
      <c r="IC42" s="154">
        <v>0</v>
      </c>
      <c r="ID42" s="155">
        <v>1179223</v>
      </c>
      <c r="IE42" s="156">
        <v>631181</v>
      </c>
      <c r="IF42" s="157">
        <v>1695459</v>
      </c>
      <c r="IG42" s="155">
        <v>206541</v>
      </c>
      <c r="IH42" s="157">
        <v>474299</v>
      </c>
      <c r="II42" s="158">
        <v>4186703</v>
      </c>
      <c r="IJ42" s="159">
        <v>4186703</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904046</v>
      </c>
      <c r="JL42" s="161">
        <v>631181</v>
      </c>
      <c r="JM42" s="161">
        <v>929643</v>
      </c>
      <c r="JN42" s="161">
        <v>0</v>
      </c>
      <c r="JO42" s="161">
        <v>242768</v>
      </c>
      <c r="JP42" s="165">
        <v>2707638</v>
      </c>
      <c r="JQ42" s="321">
        <v>2707638</v>
      </c>
      <c r="JR42" s="163">
        <v>0</v>
      </c>
      <c r="JS42" s="161">
        <v>0</v>
      </c>
      <c r="JT42" s="162">
        <v>0</v>
      </c>
      <c r="JU42" s="164">
        <v>0</v>
      </c>
      <c r="JV42" s="161">
        <v>37577</v>
      </c>
      <c r="JW42" s="161">
        <v>0</v>
      </c>
      <c r="JX42" s="161">
        <v>0</v>
      </c>
      <c r="JY42" s="161">
        <v>206541</v>
      </c>
      <c r="JZ42" s="161">
        <v>231531</v>
      </c>
      <c r="KA42" s="165">
        <v>475649</v>
      </c>
      <c r="KB42" s="321">
        <v>475649</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237600</v>
      </c>
      <c r="KS42" s="161">
        <v>0</v>
      </c>
      <c r="KT42" s="161">
        <v>765816</v>
      </c>
      <c r="KU42" s="161">
        <v>0</v>
      </c>
      <c r="KV42" s="161">
        <v>0</v>
      </c>
      <c r="KW42" s="165">
        <v>1003416</v>
      </c>
      <c r="KX42" s="321">
        <v>1003416</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227217</v>
      </c>
      <c r="MK42" s="161">
        <v>0</v>
      </c>
      <c r="ML42" s="161">
        <v>4923723</v>
      </c>
      <c r="MM42" s="161">
        <v>1744486</v>
      </c>
      <c r="MN42" s="161">
        <v>2044695</v>
      </c>
      <c r="MO42" s="165">
        <v>8940121</v>
      </c>
      <c r="MP42" s="167">
        <v>8940121</v>
      </c>
      <c r="MQ42" s="163">
        <v>0</v>
      </c>
      <c r="MR42" s="161">
        <v>0</v>
      </c>
      <c r="MS42" s="165">
        <v>0</v>
      </c>
      <c r="MT42" s="169"/>
      <c r="MU42" s="161">
        <v>0</v>
      </c>
      <c r="MV42" s="161">
        <v>0</v>
      </c>
      <c r="MW42" s="161">
        <v>2463610</v>
      </c>
      <c r="MX42" s="161">
        <v>1139367</v>
      </c>
      <c r="MY42" s="161">
        <v>1733479</v>
      </c>
      <c r="MZ42" s="165">
        <v>5336456</v>
      </c>
      <c r="NA42" s="167">
        <v>5336456</v>
      </c>
      <c r="NB42" s="163">
        <v>0</v>
      </c>
      <c r="NC42" s="161">
        <v>0</v>
      </c>
      <c r="ND42" s="165">
        <v>0</v>
      </c>
      <c r="NE42" s="169"/>
      <c r="NF42" s="161">
        <v>227217</v>
      </c>
      <c r="NG42" s="161">
        <v>0</v>
      </c>
      <c r="NH42" s="161">
        <v>2460113</v>
      </c>
      <c r="NI42" s="161">
        <v>605119</v>
      </c>
      <c r="NJ42" s="161">
        <v>311216</v>
      </c>
      <c r="NK42" s="165">
        <v>3603665</v>
      </c>
      <c r="NL42" s="321">
        <v>3603665</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439093</v>
      </c>
      <c r="OJ42" s="161">
        <v>337890</v>
      </c>
      <c r="OK42" s="162">
        <v>776983</v>
      </c>
      <c r="OL42" s="164">
        <v>0</v>
      </c>
      <c r="OM42" s="161">
        <v>2804498</v>
      </c>
      <c r="ON42" s="161">
        <v>1963391</v>
      </c>
      <c r="OO42" s="161">
        <v>9558558</v>
      </c>
      <c r="OP42" s="161">
        <v>3961798</v>
      </c>
      <c r="OQ42" s="161">
        <v>3238682</v>
      </c>
      <c r="OR42" s="165">
        <v>21526927</v>
      </c>
      <c r="OS42" s="167">
        <v>22303910</v>
      </c>
    </row>
    <row r="43" spans="2:409" x14ac:dyDescent="0.2">
      <c r="B43" s="1" t="s">
        <v>84</v>
      </c>
    </row>
  </sheetData>
  <mergeCells count="159">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I7:LI8"/>
    <mergeCell ref="LJ7:LL7"/>
    <mergeCell ref="KC7:KE7"/>
    <mergeCell ref="KF7:KL7"/>
    <mergeCell ref="KM7:KM8"/>
    <mergeCell ref="KN7:KP7"/>
    <mergeCell ref="KQ7:KW7"/>
    <mergeCell ref="MQ7:MS7"/>
    <mergeCell ref="MT7:MZ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CL7:CL8"/>
    <mergeCell ref="BI7:BO7"/>
    <mergeCell ref="BP7:BP8"/>
    <mergeCell ref="BQ7:BS7"/>
    <mergeCell ref="BT7:BZ7"/>
    <mergeCell ref="BF7:BH7"/>
    <mergeCell ref="CA7:CA8"/>
    <mergeCell ref="CB7:CD7"/>
    <mergeCell ref="CE7:CK7"/>
    <mergeCell ref="DT7:DV7"/>
    <mergeCell ref="DW7:EC7"/>
    <mergeCell ref="ED7:ED8"/>
    <mergeCell ref="DL7:DR7"/>
    <mergeCell ref="CM7:CO7"/>
    <mergeCell ref="CP7:CV7"/>
    <mergeCell ref="CW7:CW8"/>
    <mergeCell ref="CX7:CZ7"/>
    <mergeCell ref="DA7:DG7"/>
    <mergeCell ref="DH7:DH8"/>
    <mergeCell ref="DI7:DK7"/>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500">
        <f>第１表!F2</f>
        <v>5</v>
      </c>
      <c r="F1" s="246">
        <f>第１表!G2</f>
        <v>4</v>
      </c>
      <c r="G1" s="679">
        <f>IF(F1&lt;3,F1-2+12,F1-2)</f>
        <v>2</v>
      </c>
      <c r="H1" s="679"/>
      <c r="IB1" s="367"/>
      <c r="IC1" s="252"/>
      <c r="ID1" s="649"/>
      <c r="IE1" s="649"/>
    </row>
    <row r="2" spans="1:409" ht="24" customHeight="1" x14ac:dyDescent="0.2">
      <c r="B2" s="20" t="s">
        <v>147</v>
      </c>
      <c r="E2" s="249"/>
      <c r="F2" s="250"/>
      <c r="G2" s="341"/>
      <c r="H2" s="341"/>
      <c r="IB2" s="251"/>
      <c r="IC2" s="252"/>
      <c r="ID2" s="370"/>
      <c r="IE2" s="370"/>
    </row>
    <row r="3" spans="1:409" ht="24" customHeight="1" thickBot="1" x14ac:dyDescent="0.25">
      <c r="B3" s="20" t="s">
        <v>137</v>
      </c>
    </row>
    <row r="4" spans="1:409" ht="21" customHeight="1" thickBot="1" x14ac:dyDescent="0.25">
      <c r="B4" s="709" t="s">
        <v>42</v>
      </c>
      <c r="C4" s="712" t="s">
        <v>63</v>
      </c>
      <c r="D4" s="712"/>
      <c r="E4" s="712"/>
      <c r="F4" s="712"/>
      <c r="G4" s="712"/>
      <c r="H4" s="712"/>
      <c r="I4" s="712"/>
      <c r="J4" s="712"/>
      <c r="K4" s="712"/>
      <c r="L4" s="712"/>
      <c r="M4" s="712"/>
      <c r="N4" s="715"/>
      <c r="O4" s="715"/>
      <c r="P4" s="715"/>
      <c r="Q4" s="715"/>
      <c r="R4" s="715"/>
      <c r="S4" s="715"/>
      <c r="T4" s="715"/>
      <c r="U4" s="715"/>
      <c r="V4" s="715"/>
      <c r="W4" s="715"/>
      <c r="X4" s="715"/>
      <c r="Y4" s="715"/>
      <c r="Z4" s="715"/>
      <c r="AA4" s="715"/>
      <c r="AB4" s="715"/>
      <c r="AC4" s="715"/>
      <c r="AD4" s="715"/>
      <c r="AE4" s="715"/>
      <c r="AF4" s="715"/>
      <c r="AG4" s="715"/>
      <c r="AH4" s="715"/>
      <c r="AI4" s="715"/>
      <c r="AJ4" s="715"/>
      <c r="AK4" s="715"/>
      <c r="AL4" s="715"/>
      <c r="AM4" s="715"/>
      <c r="AN4" s="715"/>
      <c r="AO4" s="715"/>
      <c r="AP4" s="715"/>
      <c r="AQ4" s="715"/>
      <c r="AR4" s="715"/>
      <c r="AS4" s="715"/>
      <c r="AT4" s="715"/>
      <c r="AU4" s="715"/>
      <c r="AV4" s="715"/>
      <c r="AW4" s="715"/>
      <c r="AX4" s="715"/>
      <c r="AY4" s="715"/>
      <c r="AZ4" s="715"/>
      <c r="BA4" s="715"/>
      <c r="BB4" s="715"/>
      <c r="BC4" s="715"/>
      <c r="BD4" s="715"/>
      <c r="BE4" s="715"/>
      <c r="BF4" s="715"/>
      <c r="BG4" s="715"/>
      <c r="BH4" s="715"/>
      <c r="BI4" s="715"/>
      <c r="BJ4" s="715"/>
      <c r="BK4" s="715"/>
      <c r="BL4" s="715"/>
      <c r="BM4" s="715"/>
      <c r="BN4" s="715"/>
      <c r="BO4" s="715"/>
      <c r="BP4" s="715"/>
      <c r="BQ4" s="715"/>
      <c r="BR4" s="715"/>
      <c r="BS4" s="715"/>
      <c r="BT4" s="715"/>
      <c r="BU4" s="715"/>
      <c r="BV4" s="715"/>
      <c r="BW4" s="715"/>
      <c r="BX4" s="715"/>
      <c r="BY4" s="715"/>
      <c r="BZ4" s="715"/>
      <c r="CA4" s="715"/>
      <c r="CB4" s="715"/>
      <c r="CC4" s="715"/>
      <c r="CD4" s="715"/>
      <c r="CE4" s="715"/>
      <c r="CF4" s="715"/>
      <c r="CG4" s="715"/>
      <c r="CH4" s="715"/>
      <c r="CI4" s="715"/>
      <c r="CJ4" s="715"/>
      <c r="CK4" s="715"/>
      <c r="CL4" s="715"/>
      <c r="CM4" s="715"/>
      <c r="CN4" s="715"/>
      <c r="CO4" s="715"/>
      <c r="CP4" s="715"/>
      <c r="CQ4" s="715"/>
      <c r="CR4" s="715"/>
      <c r="CS4" s="715"/>
      <c r="CT4" s="715"/>
      <c r="CU4" s="715"/>
      <c r="CV4" s="715"/>
      <c r="CW4" s="715"/>
      <c r="CX4" s="715"/>
      <c r="CY4" s="715"/>
      <c r="CZ4" s="715"/>
      <c r="DA4" s="715"/>
      <c r="DB4" s="715"/>
      <c r="DC4" s="715"/>
      <c r="DD4" s="715"/>
      <c r="DE4" s="715"/>
      <c r="DF4" s="715"/>
      <c r="DG4" s="715"/>
      <c r="DH4" s="715"/>
      <c r="DI4" s="715"/>
      <c r="DJ4" s="715"/>
      <c r="DK4" s="715"/>
      <c r="DL4" s="715"/>
      <c r="DM4" s="715"/>
      <c r="DN4" s="715"/>
      <c r="DO4" s="715"/>
      <c r="DP4" s="715"/>
      <c r="DQ4" s="715"/>
      <c r="DR4" s="715"/>
      <c r="DS4" s="715"/>
      <c r="DT4" s="715"/>
      <c r="DU4" s="715"/>
      <c r="DV4" s="715"/>
      <c r="DW4" s="715"/>
      <c r="DX4" s="715"/>
      <c r="DY4" s="715"/>
      <c r="DZ4" s="715"/>
      <c r="EA4" s="715"/>
      <c r="EB4" s="715"/>
      <c r="EC4" s="715"/>
      <c r="ED4" s="715"/>
      <c r="EE4" s="715"/>
      <c r="EF4" s="715"/>
      <c r="EG4" s="715"/>
      <c r="EH4" s="715"/>
      <c r="EI4" s="715"/>
      <c r="EJ4" s="715"/>
      <c r="EK4" s="715"/>
      <c r="EL4" s="715"/>
      <c r="EM4" s="715"/>
      <c r="EN4" s="715"/>
      <c r="EO4" s="715"/>
      <c r="EP4" s="715"/>
      <c r="EQ4" s="715"/>
      <c r="ER4" s="715"/>
      <c r="ES4" s="715"/>
      <c r="ET4" s="715"/>
      <c r="EU4" s="715"/>
      <c r="EV4" s="715"/>
      <c r="EW4" s="715"/>
      <c r="EX4" s="715"/>
      <c r="EY4" s="715"/>
      <c r="EZ4" s="715"/>
      <c r="FA4" s="715"/>
      <c r="FB4" s="715"/>
      <c r="FC4" s="715"/>
      <c r="FD4" s="715"/>
      <c r="FE4" s="715"/>
      <c r="FF4" s="715"/>
      <c r="FG4" s="715"/>
      <c r="FH4" s="715"/>
      <c r="FI4" s="715"/>
      <c r="FJ4" s="715"/>
      <c r="FK4" s="715"/>
      <c r="FL4" s="715"/>
      <c r="FM4" s="715"/>
      <c r="FN4" s="715"/>
      <c r="FO4" s="715"/>
      <c r="FP4" s="715"/>
      <c r="FQ4" s="715"/>
      <c r="FR4" s="715"/>
      <c r="FS4" s="715"/>
      <c r="FT4" s="715"/>
      <c r="FU4" s="715"/>
      <c r="FV4" s="715"/>
      <c r="FW4" s="715"/>
      <c r="FX4" s="715"/>
      <c r="FY4" s="715"/>
      <c r="FZ4" s="715"/>
      <c r="GA4" s="715"/>
      <c r="GB4" s="715"/>
      <c r="GC4" s="715"/>
      <c r="GD4" s="715"/>
      <c r="GE4" s="715"/>
      <c r="GF4" s="715"/>
      <c r="GG4" s="715"/>
      <c r="GH4" s="715"/>
      <c r="GI4" s="715"/>
      <c r="GJ4" s="715"/>
      <c r="GK4" s="715"/>
      <c r="GL4" s="715"/>
      <c r="GM4" s="715"/>
      <c r="GN4" s="715"/>
      <c r="GO4" s="715"/>
      <c r="GP4" s="715"/>
      <c r="GQ4" s="715"/>
      <c r="GR4" s="715"/>
      <c r="GS4" s="715"/>
      <c r="GT4" s="715"/>
      <c r="GU4" s="715"/>
      <c r="GV4" s="715"/>
      <c r="GW4" s="715"/>
      <c r="GX4" s="715"/>
      <c r="GY4" s="715"/>
      <c r="GZ4" s="715"/>
      <c r="HA4" s="715"/>
      <c r="HB4" s="715"/>
      <c r="HC4" s="715"/>
      <c r="HD4" s="715"/>
      <c r="HE4" s="715"/>
      <c r="HF4" s="715"/>
      <c r="HG4" s="715"/>
      <c r="HH4" s="715"/>
      <c r="HI4" s="715"/>
      <c r="HJ4" s="715"/>
      <c r="HK4" s="715"/>
      <c r="HL4" s="715"/>
      <c r="HM4" s="715"/>
      <c r="HN4" s="715"/>
      <c r="HO4" s="715"/>
      <c r="HP4" s="715"/>
      <c r="HQ4" s="715"/>
      <c r="HR4" s="715"/>
      <c r="HS4" s="715"/>
      <c r="HT4" s="715"/>
      <c r="HU4" s="715"/>
      <c r="HV4" s="715"/>
      <c r="HW4" s="715"/>
      <c r="HX4" s="715"/>
      <c r="HY4" s="716"/>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1:409" ht="21" customHeight="1" thickBot="1" x14ac:dyDescent="0.25">
      <c r="B5" s="710"/>
      <c r="C5" s="713"/>
      <c r="D5" s="713"/>
      <c r="E5" s="713"/>
      <c r="F5" s="713"/>
      <c r="G5" s="713"/>
      <c r="H5" s="713"/>
      <c r="I5" s="713"/>
      <c r="J5" s="713"/>
      <c r="K5" s="713"/>
      <c r="L5" s="713"/>
      <c r="M5" s="713"/>
      <c r="N5" s="717" t="s">
        <v>64</v>
      </c>
      <c r="O5" s="718"/>
      <c r="P5" s="718"/>
      <c r="Q5" s="718"/>
      <c r="R5" s="718"/>
      <c r="S5" s="718"/>
      <c r="T5" s="718"/>
      <c r="U5" s="718"/>
      <c r="V5" s="718"/>
      <c r="W5" s="718"/>
      <c r="X5" s="718"/>
      <c r="Y5" s="718"/>
      <c r="Z5" s="718"/>
      <c r="AA5" s="718"/>
      <c r="AB5" s="718"/>
      <c r="AC5" s="718"/>
      <c r="AD5" s="718"/>
      <c r="AE5" s="718"/>
      <c r="AF5" s="718"/>
      <c r="AG5" s="718"/>
      <c r="AH5" s="718"/>
      <c r="AI5" s="718"/>
      <c r="AJ5" s="718"/>
      <c r="AK5" s="718"/>
      <c r="AL5" s="718"/>
      <c r="AM5" s="718"/>
      <c r="AN5" s="718"/>
      <c r="AO5" s="718"/>
      <c r="AP5" s="718"/>
      <c r="AQ5" s="718"/>
      <c r="AR5" s="718"/>
      <c r="AS5" s="718"/>
      <c r="AT5" s="718"/>
      <c r="AU5" s="718"/>
      <c r="AV5" s="718"/>
      <c r="AW5" s="718"/>
      <c r="AX5" s="718"/>
      <c r="AY5" s="718"/>
      <c r="AZ5" s="718"/>
      <c r="BA5" s="718"/>
      <c r="BB5" s="718"/>
      <c r="BC5" s="718"/>
      <c r="BD5" s="718"/>
      <c r="BE5" s="718"/>
      <c r="BF5" s="718"/>
      <c r="BG5" s="718"/>
      <c r="BH5" s="718"/>
      <c r="BI5" s="718"/>
      <c r="BJ5" s="718"/>
      <c r="BK5" s="718"/>
      <c r="BL5" s="718"/>
      <c r="BM5" s="718"/>
      <c r="BN5" s="718"/>
      <c r="BO5" s="718"/>
      <c r="BP5" s="718"/>
      <c r="BQ5" s="718"/>
      <c r="BR5" s="718"/>
      <c r="BS5" s="718"/>
      <c r="BT5" s="718"/>
      <c r="BU5" s="718"/>
      <c r="BV5" s="718"/>
      <c r="BW5" s="718"/>
      <c r="BX5" s="718"/>
      <c r="BY5" s="718"/>
      <c r="BZ5" s="718"/>
      <c r="CA5" s="719"/>
      <c r="CB5" s="717" t="s">
        <v>65</v>
      </c>
      <c r="CC5" s="718"/>
      <c r="CD5" s="718"/>
      <c r="CE5" s="718"/>
      <c r="CF5" s="718"/>
      <c r="CG5" s="718"/>
      <c r="CH5" s="718"/>
      <c r="CI5" s="718"/>
      <c r="CJ5" s="718"/>
      <c r="CK5" s="718"/>
      <c r="CL5" s="718"/>
      <c r="CM5" s="718"/>
      <c r="CN5" s="718"/>
      <c r="CO5" s="718"/>
      <c r="CP5" s="718"/>
      <c r="CQ5" s="718"/>
      <c r="CR5" s="718"/>
      <c r="CS5" s="718"/>
      <c r="CT5" s="718"/>
      <c r="CU5" s="718"/>
      <c r="CV5" s="718"/>
      <c r="CW5" s="718"/>
      <c r="CX5" s="718"/>
      <c r="CY5" s="718"/>
      <c r="CZ5" s="718"/>
      <c r="DA5" s="718"/>
      <c r="DB5" s="718"/>
      <c r="DC5" s="718"/>
      <c r="DD5" s="718"/>
      <c r="DE5" s="718"/>
      <c r="DF5" s="718"/>
      <c r="DG5" s="718"/>
      <c r="DH5" s="719"/>
      <c r="DI5" s="521" t="s">
        <v>66</v>
      </c>
      <c r="DJ5" s="522"/>
      <c r="DK5" s="522"/>
      <c r="DL5" s="522"/>
      <c r="DM5" s="522"/>
      <c r="DN5" s="522"/>
      <c r="DO5" s="522"/>
      <c r="DP5" s="522"/>
      <c r="DQ5" s="522"/>
      <c r="DR5" s="522"/>
      <c r="DS5" s="522"/>
      <c r="DT5" s="522"/>
      <c r="DU5" s="522"/>
      <c r="DV5" s="522"/>
      <c r="DW5" s="522"/>
      <c r="DX5" s="522"/>
      <c r="DY5" s="522"/>
      <c r="DZ5" s="522"/>
      <c r="EA5" s="522"/>
      <c r="EB5" s="522"/>
      <c r="EC5" s="522"/>
      <c r="ED5" s="522"/>
      <c r="EE5" s="522"/>
      <c r="EF5" s="522"/>
      <c r="EG5" s="522"/>
      <c r="EH5" s="522"/>
      <c r="EI5" s="522"/>
      <c r="EJ5" s="522"/>
      <c r="EK5" s="522"/>
      <c r="EL5" s="522"/>
      <c r="EM5" s="522"/>
      <c r="EN5" s="522"/>
      <c r="EO5" s="522"/>
      <c r="EP5" s="522"/>
      <c r="EQ5" s="522"/>
      <c r="ER5" s="522"/>
      <c r="ES5" s="522"/>
      <c r="ET5" s="522"/>
      <c r="EU5" s="522"/>
      <c r="EV5" s="522"/>
      <c r="EW5" s="522"/>
      <c r="EX5" s="522"/>
      <c r="EY5" s="522"/>
      <c r="EZ5" s="522"/>
      <c r="FA5" s="522"/>
      <c r="FB5" s="522"/>
      <c r="FC5" s="522"/>
      <c r="FD5" s="522"/>
      <c r="FE5" s="522"/>
      <c r="FF5" s="522"/>
      <c r="FG5" s="522"/>
      <c r="FH5" s="522"/>
      <c r="FI5" s="522"/>
      <c r="FJ5" s="522"/>
      <c r="FK5" s="523"/>
      <c r="FL5" s="717" t="s">
        <v>67</v>
      </c>
      <c r="FM5" s="718"/>
      <c r="FN5" s="718"/>
      <c r="FO5" s="718"/>
      <c r="FP5" s="718"/>
      <c r="FQ5" s="718"/>
      <c r="FR5" s="718"/>
      <c r="FS5" s="718"/>
      <c r="FT5" s="718"/>
      <c r="FU5" s="718"/>
      <c r="FV5" s="718"/>
      <c r="FW5" s="718"/>
      <c r="FX5" s="718"/>
      <c r="FY5" s="718"/>
      <c r="FZ5" s="718"/>
      <c r="GA5" s="718"/>
      <c r="GB5" s="718"/>
      <c r="GC5" s="718"/>
      <c r="GD5" s="718"/>
      <c r="GE5" s="718"/>
      <c r="GF5" s="718"/>
      <c r="GG5" s="718"/>
      <c r="GH5" s="718"/>
      <c r="GI5" s="718"/>
      <c r="GJ5" s="718"/>
      <c r="GK5" s="718"/>
      <c r="GL5" s="718"/>
      <c r="GM5" s="718"/>
      <c r="GN5" s="718"/>
      <c r="GO5" s="718"/>
      <c r="GP5" s="718"/>
      <c r="GQ5" s="718"/>
      <c r="GR5" s="718"/>
      <c r="GS5" s="718"/>
      <c r="GT5" s="718"/>
      <c r="GU5" s="718"/>
      <c r="GV5" s="718"/>
      <c r="GW5" s="718"/>
      <c r="GX5" s="718"/>
      <c r="GY5" s="718"/>
      <c r="GZ5" s="718"/>
      <c r="HA5" s="718"/>
      <c r="HB5" s="718"/>
      <c r="HC5" s="719"/>
      <c r="HD5" s="720" t="s">
        <v>68</v>
      </c>
      <c r="HE5" s="721"/>
      <c r="HF5" s="721"/>
      <c r="HG5" s="721"/>
      <c r="HH5" s="721"/>
      <c r="HI5" s="721"/>
      <c r="HJ5" s="721"/>
      <c r="HK5" s="721"/>
      <c r="HL5" s="721"/>
      <c r="HM5" s="721"/>
      <c r="HN5" s="722"/>
      <c r="HO5" s="720" t="s">
        <v>69</v>
      </c>
      <c r="HP5" s="721"/>
      <c r="HQ5" s="721"/>
      <c r="HR5" s="721"/>
      <c r="HS5" s="721"/>
      <c r="HT5" s="721"/>
      <c r="HU5" s="721"/>
      <c r="HV5" s="721"/>
      <c r="HW5" s="721"/>
      <c r="HX5" s="721"/>
      <c r="HY5" s="7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21" customHeight="1" thickBot="1" x14ac:dyDescent="0.25">
      <c r="B6" s="710"/>
      <c r="C6" s="714"/>
      <c r="D6" s="714"/>
      <c r="E6" s="714"/>
      <c r="F6" s="714"/>
      <c r="G6" s="714"/>
      <c r="H6" s="714"/>
      <c r="I6" s="714"/>
      <c r="J6" s="714"/>
      <c r="K6" s="714"/>
      <c r="L6" s="714"/>
      <c r="M6" s="714"/>
      <c r="N6" s="513"/>
      <c r="O6" s="514"/>
      <c r="P6" s="514"/>
      <c r="Q6" s="514"/>
      <c r="R6" s="514"/>
      <c r="S6" s="514"/>
      <c r="T6" s="514"/>
      <c r="U6" s="514"/>
      <c r="V6" s="514"/>
      <c r="W6" s="514"/>
      <c r="X6" s="515"/>
      <c r="Y6" s="702" t="s">
        <v>70</v>
      </c>
      <c r="Z6" s="517"/>
      <c r="AA6" s="517"/>
      <c r="AB6" s="517"/>
      <c r="AC6" s="517"/>
      <c r="AD6" s="517"/>
      <c r="AE6" s="517"/>
      <c r="AF6" s="517"/>
      <c r="AG6" s="517"/>
      <c r="AH6" s="517"/>
      <c r="AI6" s="518"/>
      <c r="AJ6" s="697" t="s">
        <v>71</v>
      </c>
      <c r="AK6" s="698"/>
      <c r="AL6" s="698"/>
      <c r="AM6" s="698"/>
      <c r="AN6" s="698"/>
      <c r="AO6" s="698"/>
      <c r="AP6" s="698"/>
      <c r="AQ6" s="698"/>
      <c r="AR6" s="698"/>
      <c r="AS6" s="698"/>
      <c r="AT6" s="699"/>
      <c r="AU6" s="697" t="s">
        <v>72</v>
      </c>
      <c r="AV6" s="698"/>
      <c r="AW6" s="698"/>
      <c r="AX6" s="698"/>
      <c r="AY6" s="698"/>
      <c r="AZ6" s="698"/>
      <c r="BA6" s="698"/>
      <c r="BB6" s="698"/>
      <c r="BC6" s="698"/>
      <c r="BD6" s="698"/>
      <c r="BE6" s="699"/>
      <c r="BF6" s="697" t="s">
        <v>73</v>
      </c>
      <c r="BG6" s="698"/>
      <c r="BH6" s="698"/>
      <c r="BI6" s="698"/>
      <c r="BJ6" s="698"/>
      <c r="BK6" s="698"/>
      <c r="BL6" s="698"/>
      <c r="BM6" s="698"/>
      <c r="BN6" s="698"/>
      <c r="BO6" s="698"/>
      <c r="BP6" s="699"/>
      <c r="BQ6" s="697" t="s">
        <v>74</v>
      </c>
      <c r="BR6" s="698"/>
      <c r="BS6" s="698"/>
      <c r="BT6" s="698"/>
      <c r="BU6" s="698"/>
      <c r="BV6" s="698"/>
      <c r="BW6" s="698"/>
      <c r="BX6" s="698"/>
      <c r="BY6" s="698"/>
      <c r="BZ6" s="698"/>
      <c r="CA6" s="699"/>
      <c r="CB6" s="700"/>
      <c r="CC6" s="701"/>
      <c r="CD6" s="701"/>
      <c r="CE6" s="701"/>
      <c r="CF6" s="701"/>
      <c r="CG6" s="701"/>
      <c r="CH6" s="701"/>
      <c r="CI6" s="701"/>
      <c r="CJ6" s="701"/>
      <c r="CK6" s="701"/>
      <c r="CL6" s="726"/>
      <c r="CM6" s="697" t="s">
        <v>75</v>
      </c>
      <c r="CN6" s="698"/>
      <c r="CO6" s="698"/>
      <c r="CP6" s="698"/>
      <c r="CQ6" s="698"/>
      <c r="CR6" s="698"/>
      <c r="CS6" s="698"/>
      <c r="CT6" s="698"/>
      <c r="CU6" s="698"/>
      <c r="CV6" s="698"/>
      <c r="CW6" s="699"/>
      <c r="CX6" s="697" t="s">
        <v>76</v>
      </c>
      <c r="CY6" s="698"/>
      <c r="CZ6" s="698"/>
      <c r="DA6" s="698"/>
      <c r="DB6" s="698"/>
      <c r="DC6" s="698"/>
      <c r="DD6" s="698"/>
      <c r="DE6" s="698"/>
      <c r="DF6" s="698"/>
      <c r="DG6" s="698"/>
      <c r="DH6" s="699"/>
      <c r="DI6" s="700"/>
      <c r="DJ6" s="701"/>
      <c r="DK6" s="701"/>
      <c r="DL6" s="701"/>
      <c r="DM6" s="701"/>
      <c r="DN6" s="701"/>
      <c r="DO6" s="701"/>
      <c r="DP6" s="701"/>
      <c r="DQ6" s="701"/>
      <c r="DR6" s="701"/>
      <c r="DS6" s="701"/>
      <c r="DT6" s="697" t="s">
        <v>77</v>
      </c>
      <c r="DU6" s="698"/>
      <c r="DV6" s="698"/>
      <c r="DW6" s="698"/>
      <c r="DX6" s="698"/>
      <c r="DY6" s="698"/>
      <c r="DZ6" s="698"/>
      <c r="EA6" s="698"/>
      <c r="EB6" s="698"/>
      <c r="EC6" s="698"/>
      <c r="ED6" s="699"/>
      <c r="EE6" s="697" t="s">
        <v>78</v>
      </c>
      <c r="EF6" s="698"/>
      <c r="EG6" s="698"/>
      <c r="EH6" s="698"/>
      <c r="EI6" s="698"/>
      <c r="EJ6" s="698"/>
      <c r="EK6" s="698"/>
      <c r="EL6" s="698"/>
      <c r="EM6" s="698"/>
      <c r="EN6" s="698"/>
      <c r="EO6" s="699"/>
      <c r="EP6" s="697" t="s">
        <v>79</v>
      </c>
      <c r="EQ6" s="698"/>
      <c r="ER6" s="698"/>
      <c r="ES6" s="698"/>
      <c r="ET6" s="698"/>
      <c r="EU6" s="698"/>
      <c r="EV6" s="698"/>
      <c r="EW6" s="698"/>
      <c r="EX6" s="698"/>
      <c r="EY6" s="698"/>
      <c r="EZ6" s="699"/>
      <c r="FA6" s="619" t="s">
        <v>152</v>
      </c>
      <c r="FB6" s="698"/>
      <c r="FC6" s="698"/>
      <c r="FD6" s="698"/>
      <c r="FE6" s="698"/>
      <c r="FF6" s="698"/>
      <c r="FG6" s="698"/>
      <c r="FH6" s="698"/>
      <c r="FI6" s="698"/>
      <c r="FJ6" s="698"/>
      <c r="FK6" s="699"/>
      <c r="FL6" s="700"/>
      <c r="FM6" s="701"/>
      <c r="FN6" s="701"/>
      <c r="FO6" s="701"/>
      <c r="FP6" s="701"/>
      <c r="FQ6" s="701"/>
      <c r="FR6" s="701"/>
      <c r="FS6" s="701"/>
      <c r="FT6" s="701"/>
      <c r="FU6" s="701"/>
      <c r="FV6" s="701"/>
      <c r="FW6" s="697" t="s">
        <v>80</v>
      </c>
      <c r="FX6" s="698"/>
      <c r="FY6" s="698"/>
      <c r="FZ6" s="698"/>
      <c r="GA6" s="698"/>
      <c r="GB6" s="698"/>
      <c r="GC6" s="698"/>
      <c r="GD6" s="698"/>
      <c r="GE6" s="698"/>
      <c r="GF6" s="698"/>
      <c r="GG6" s="699"/>
      <c r="GH6" s="702" t="s">
        <v>81</v>
      </c>
      <c r="GI6" s="517"/>
      <c r="GJ6" s="517"/>
      <c r="GK6" s="517"/>
      <c r="GL6" s="517"/>
      <c r="GM6" s="517"/>
      <c r="GN6" s="517"/>
      <c r="GO6" s="517"/>
      <c r="GP6" s="517"/>
      <c r="GQ6" s="517"/>
      <c r="GR6" s="518"/>
      <c r="GS6" s="702" t="s">
        <v>82</v>
      </c>
      <c r="GT6" s="517"/>
      <c r="GU6" s="517"/>
      <c r="GV6" s="517"/>
      <c r="GW6" s="517"/>
      <c r="GX6" s="517"/>
      <c r="GY6" s="517"/>
      <c r="GZ6" s="517"/>
      <c r="HA6" s="517"/>
      <c r="HB6" s="517"/>
      <c r="HC6" s="518"/>
      <c r="HD6" s="723"/>
      <c r="HE6" s="724"/>
      <c r="HF6" s="724"/>
      <c r="HG6" s="724"/>
      <c r="HH6" s="724"/>
      <c r="HI6" s="724"/>
      <c r="HJ6" s="724"/>
      <c r="HK6" s="724"/>
      <c r="HL6" s="724"/>
      <c r="HM6" s="724"/>
      <c r="HN6" s="725"/>
      <c r="HO6" s="723"/>
      <c r="HP6" s="724"/>
      <c r="HQ6" s="724"/>
      <c r="HR6" s="724"/>
      <c r="HS6" s="724"/>
      <c r="HT6" s="724"/>
      <c r="HU6" s="724"/>
      <c r="HV6" s="724"/>
      <c r="HW6" s="724"/>
      <c r="HX6" s="724"/>
      <c r="HY6" s="725"/>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1:409" ht="21" customHeight="1" x14ac:dyDescent="0.2">
      <c r="B7" s="710"/>
      <c r="C7" s="695" t="s">
        <v>61</v>
      </c>
      <c r="D7" s="695"/>
      <c r="E7" s="695"/>
      <c r="F7" s="707" t="s">
        <v>62</v>
      </c>
      <c r="G7" s="695"/>
      <c r="H7" s="695"/>
      <c r="I7" s="695"/>
      <c r="J7" s="695"/>
      <c r="K7" s="695"/>
      <c r="L7" s="695"/>
      <c r="M7" s="707" t="s">
        <v>52</v>
      </c>
      <c r="N7" s="706" t="s">
        <v>61</v>
      </c>
      <c r="O7" s="695"/>
      <c r="P7" s="695"/>
      <c r="Q7" s="707" t="s">
        <v>62</v>
      </c>
      <c r="R7" s="695"/>
      <c r="S7" s="695"/>
      <c r="T7" s="695"/>
      <c r="U7" s="695"/>
      <c r="V7" s="695"/>
      <c r="W7" s="708"/>
      <c r="X7" s="703" t="s">
        <v>52</v>
      </c>
      <c r="Y7" s="513" t="s">
        <v>61</v>
      </c>
      <c r="Z7" s="514"/>
      <c r="AA7" s="689"/>
      <c r="AB7" s="688" t="s">
        <v>62</v>
      </c>
      <c r="AC7" s="514"/>
      <c r="AD7" s="514"/>
      <c r="AE7" s="514"/>
      <c r="AF7" s="514"/>
      <c r="AG7" s="514"/>
      <c r="AH7" s="689"/>
      <c r="AI7" s="515" t="s">
        <v>52</v>
      </c>
      <c r="AJ7" s="683" t="s">
        <v>61</v>
      </c>
      <c r="AK7" s="684"/>
      <c r="AL7" s="685"/>
      <c r="AM7" s="686" t="s">
        <v>62</v>
      </c>
      <c r="AN7" s="684"/>
      <c r="AO7" s="684"/>
      <c r="AP7" s="684"/>
      <c r="AQ7" s="684"/>
      <c r="AR7" s="684"/>
      <c r="AS7" s="687"/>
      <c r="AT7" s="515" t="s">
        <v>52</v>
      </c>
      <c r="AU7" s="683" t="s">
        <v>61</v>
      </c>
      <c r="AV7" s="684"/>
      <c r="AW7" s="685"/>
      <c r="AX7" s="686" t="s">
        <v>62</v>
      </c>
      <c r="AY7" s="684"/>
      <c r="AZ7" s="684"/>
      <c r="BA7" s="684"/>
      <c r="BB7" s="684"/>
      <c r="BC7" s="684"/>
      <c r="BD7" s="687"/>
      <c r="BE7" s="515" t="s">
        <v>52</v>
      </c>
      <c r="BF7" s="683" t="s">
        <v>61</v>
      </c>
      <c r="BG7" s="684"/>
      <c r="BH7" s="685"/>
      <c r="BI7" s="686" t="s">
        <v>62</v>
      </c>
      <c r="BJ7" s="684"/>
      <c r="BK7" s="684"/>
      <c r="BL7" s="684"/>
      <c r="BM7" s="684"/>
      <c r="BN7" s="684"/>
      <c r="BO7" s="687"/>
      <c r="BP7" s="515" t="s">
        <v>52</v>
      </c>
      <c r="BQ7" s="683" t="s">
        <v>61</v>
      </c>
      <c r="BR7" s="684"/>
      <c r="BS7" s="685"/>
      <c r="BT7" s="686" t="s">
        <v>62</v>
      </c>
      <c r="BU7" s="684"/>
      <c r="BV7" s="684"/>
      <c r="BW7" s="684"/>
      <c r="BX7" s="684"/>
      <c r="BY7" s="684"/>
      <c r="BZ7" s="687"/>
      <c r="CA7" s="515" t="s">
        <v>52</v>
      </c>
      <c r="CB7" s="690" t="s">
        <v>61</v>
      </c>
      <c r="CC7" s="691"/>
      <c r="CD7" s="692"/>
      <c r="CE7" s="693" t="s">
        <v>62</v>
      </c>
      <c r="CF7" s="691"/>
      <c r="CG7" s="691"/>
      <c r="CH7" s="691"/>
      <c r="CI7" s="691"/>
      <c r="CJ7" s="691"/>
      <c r="CK7" s="694"/>
      <c r="CL7" s="703" t="s">
        <v>52</v>
      </c>
      <c r="CM7" s="683" t="s">
        <v>61</v>
      </c>
      <c r="CN7" s="684"/>
      <c r="CO7" s="687"/>
      <c r="CP7" s="686" t="s">
        <v>62</v>
      </c>
      <c r="CQ7" s="684"/>
      <c r="CR7" s="684"/>
      <c r="CS7" s="684"/>
      <c r="CT7" s="684"/>
      <c r="CU7" s="684"/>
      <c r="CV7" s="687"/>
      <c r="CW7" s="705" t="s">
        <v>52</v>
      </c>
      <c r="CX7" s="683" t="s">
        <v>61</v>
      </c>
      <c r="CY7" s="684"/>
      <c r="CZ7" s="687"/>
      <c r="DA7" s="686" t="s">
        <v>62</v>
      </c>
      <c r="DB7" s="684"/>
      <c r="DC7" s="684"/>
      <c r="DD7" s="684"/>
      <c r="DE7" s="684"/>
      <c r="DF7" s="684"/>
      <c r="DG7" s="687"/>
      <c r="DH7" s="705" t="s">
        <v>52</v>
      </c>
      <c r="DI7" s="690" t="s">
        <v>61</v>
      </c>
      <c r="DJ7" s="691"/>
      <c r="DK7" s="694"/>
      <c r="DL7" s="693" t="s">
        <v>62</v>
      </c>
      <c r="DM7" s="691"/>
      <c r="DN7" s="691"/>
      <c r="DO7" s="691"/>
      <c r="DP7" s="691"/>
      <c r="DQ7" s="691"/>
      <c r="DR7" s="694"/>
      <c r="DS7" s="703" t="s">
        <v>52</v>
      </c>
      <c r="DT7" s="683" t="s">
        <v>61</v>
      </c>
      <c r="DU7" s="684"/>
      <c r="DV7" s="685"/>
      <c r="DW7" s="686" t="s">
        <v>62</v>
      </c>
      <c r="DX7" s="684"/>
      <c r="DY7" s="684"/>
      <c r="DZ7" s="684"/>
      <c r="EA7" s="684"/>
      <c r="EB7" s="684"/>
      <c r="EC7" s="687"/>
      <c r="ED7" s="515" t="s">
        <v>52</v>
      </c>
      <c r="EE7" s="683" t="s">
        <v>61</v>
      </c>
      <c r="EF7" s="684"/>
      <c r="EG7" s="685"/>
      <c r="EH7" s="686" t="s">
        <v>62</v>
      </c>
      <c r="EI7" s="684"/>
      <c r="EJ7" s="684"/>
      <c r="EK7" s="684"/>
      <c r="EL7" s="684"/>
      <c r="EM7" s="684"/>
      <c r="EN7" s="687"/>
      <c r="EO7" s="515" t="s">
        <v>52</v>
      </c>
      <c r="EP7" s="683" t="s">
        <v>61</v>
      </c>
      <c r="EQ7" s="684"/>
      <c r="ER7" s="685"/>
      <c r="ES7" s="686" t="s">
        <v>62</v>
      </c>
      <c r="ET7" s="684"/>
      <c r="EU7" s="684"/>
      <c r="EV7" s="684"/>
      <c r="EW7" s="684"/>
      <c r="EX7" s="684"/>
      <c r="EY7" s="687"/>
      <c r="EZ7" s="515" t="s">
        <v>52</v>
      </c>
      <c r="FA7" s="683" t="s">
        <v>61</v>
      </c>
      <c r="FB7" s="684"/>
      <c r="FC7" s="685"/>
      <c r="FD7" s="686" t="s">
        <v>62</v>
      </c>
      <c r="FE7" s="684"/>
      <c r="FF7" s="684"/>
      <c r="FG7" s="684"/>
      <c r="FH7" s="684"/>
      <c r="FI7" s="684"/>
      <c r="FJ7" s="687"/>
      <c r="FK7" s="515" t="s">
        <v>52</v>
      </c>
      <c r="FL7" s="690" t="s">
        <v>61</v>
      </c>
      <c r="FM7" s="691"/>
      <c r="FN7" s="692"/>
      <c r="FO7" s="693" t="s">
        <v>62</v>
      </c>
      <c r="FP7" s="691"/>
      <c r="FQ7" s="691"/>
      <c r="FR7" s="691"/>
      <c r="FS7" s="691"/>
      <c r="FT7" s="691"/>
      <c r="FU7" s="694"/>
      <c r="FV7" s="695" t="s">
        <v>52</v>
      </c>
      <c r="FW7" s="683" t="s">
        <v>61</v>
      </c>
      <c r="FX7" s="684"/>
      <c r="FY7" s="685"/>
      <c r="FZ7" s="686" t="s">
        <v>62</v>
      </c>
      <c r="GA7" s="684"/>
      <c r="GB7" s="684"/>
      <c r="GC7" s="684"/>
      <c r="GD7" s="684"/>
      <c r="GE7" s="684"/>
      <c r="GF7" s="687"/>
      <c r="GG7" s="515" t="s">
        <v>52</v>
      </c>
      <c r="GH7" s="513" t="s">
        <v>61</v>
      </c>
      <c r="GI7" s="514"/>
      <c r="GJ7" s="514"/>
      <c r="GK7" s="688" t="s">
        <v>62</v>
      </c>
      <c r="GL7" s="514"/>
      <c r="GM7" s="514"/>
      <c r="GN7" s="514"/>
      <c r="GO7" s="514"/>
      <c r="GP7" s="514"/>
      <c r="GQ7" s="689"/>
      <c r="GR7" s="681" t="s">
        <v>52</v>
      </c>
      <c r="GS7" s="513" t="s">
        <v>61</v>
      </c>
      <c r="GT7" s="514"/>
      <c r="GU7" s="689"/>
      <c r="GV7" s="688" t="s">
        <v>62</v>
      </c>
      <c r="GW7" s="514"/>
      <c r="GX7" s="514"/>
      <c r="GY7" s="514"/>
      <c r="GZ7" s="514"/>
      <c r="HA7" s="514"/>
      <c r="HB7" s="689"/>
      <c r="HC7" s="681" t="s">
        <v>52</v>
      </c>
      <c r="HD7" s="683" t="s">
        <v>61</v>
      </c>
      <c r="HE7" s="684"/>
      <c r="HF7" s="685"/>
      <c r="HG7" s="686" t="s">
        <v>62</v>
      </c>
      <c r="HH7" s="684"/>
      <c r="HI7" s="684"/>
      <c r="HJ7" s="684"/>
      <c r="HK7" s="684"/>
      <c r="HL7" s="684"/>
      <c r="HM7" s="687"/>
      <c r="HN7" s="515" t="s">
        <v>52</v>
      </c>
      <c r="HO7" s="683" t="s">
        <v>61</v>
      </c>
      <c r="HP7" s="684"/>
      <c r="HQ7" s="685"/>
      <c r="HR7" s="686" t="s">
        <v>62</v>
      </c>
      <c r="HS7" s="684"/>
      <c r="HT7" s="684"/>
      <c r="HU7" s="684"/>
      <c r="HV7" s="684"/>
      <c r="HW7" s="684"/>
      <c r="HX7" s="687"/>
      <c r="HY7" s="515"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1:409" ht="30" customHeight="1" thickBot="1" x14ac:dyDescent="0.25">
      <c r="B8" s="711"/>
      <c r="C8" s="325" t="s">
        <v>43</v>
      </c>
      <c r="D8" s="47" t="s">
        <v>44</v>
      </c>
      <c r="E8" s="326" t="s">
        <v>45</v>
      </c>
      <c r="F8" s="52" t="s">
        <v>83</v>
      </c>
      <c r="G8" s="47" t="s">
        <v>47</v>
      </c>
      <c r="H8" s="47" t="s">
        <v>48</v>
      </c>
      <c r="I8" s="47" t="s">
        <v>49</v>
      </c>
      <c r="J8" s="47" t="s">
        <v>50</v>
      </c>
      <c r="K8" s="47" t="s">
        <v>51</v>
      </c>
      <c r="L8" s="48" t="s">
        <v>45</v>
      </c>
      <c r="M8" s="727"/>
      <c r="N8" s="51" t="s">
        <v>43</v>
      </c>
      <c r="O8" s="47" t="s">
        <v>44</v>
      </c>
      <c r="P8" s="48" t="s">
        <v>45</v>
      </c>
      <c r="Q8" s="52" t="s">
        <v>83</v>
      </c>
      <c r="R8" s="47" t="s">
        <v>47</v>
      </c>
      <c r="S8" s="47" t="s">
        <v>48</v>
      </c>
      <c r="T8" s="47" t="s">
        <v>49</v>
      </c>
      <c r="U8" s="47" t="s">
        <v>50</v>
      </c>
      <c r="V8" s="47" t="s">
        <v>51</v>
      </c>
      <c r="W8" s="48" t="s">
        <v>45</v>
      </c>
      <c r="X8" s="704"/>
      <c r="Y8" s="51" t="s">
        <v>43</v>
      </c>
      <c r="Z8" s="47" t="s">
        <v>44</v>
      </c>
      <c r="AA8" s="48" t="s">
        <v>45</v>
      </c>
      <c r="AB8" s="52" t="s">
        <v>83</v>
      </c>
      <c r="AC8" s="47" t="s">
        <v>47</v>
      </c>
      <c r="AD8" s="47" t="s">
        <v>48</v>
      </c>
      <c r="AE8" s="47" t="s">
        <v>49</v>
      </c>
      <c r="AF8" s="47" t="s">
        <v>50</v>
      </c>
      <c r="AG8" s="47" t="s">
        <v>51</v>
      </c>
      <c r="AH8" s="48" t="s">
        <v>45</v>
      </c>
      <c r="AI8" s="680"/>
      <c r="AJ8" s="51" t="s">
        <v>43</v>
      </c>
      <c r="AK8" s="47" t="s">
        <v>44</v>
      </c>
      <c r="AL8" s="326" t="s">
        <v>45</v>
      </c>
      <c r="AM8" s="52" t="s">
        <v>83</v>
      </c>
      <c r="AN8" s="47" t="s">
        <v>47</v>
      </c>
      <c r="AO8" s="47" t="s">
        <v>48</v>
      </c>
      <c r="AP8" s="47" t="s">
        <v>49</v>
      </c>
      <c r="AQ8" s="47" t="s">
        <v>50</v>
      </c>
      <c r="AR8" s="47" t="s">
        <v>51</v>
      </c>
      <c r="AS8" s="48" t="s">
        <v>45</v>
      </c>
      <c r="AT8" s="680"/>
      <c r="AU8" s="51" t="s">
        <v>43</v>
      </c>
      <c r="AV8" s="47" t="s">
        <v>44</v>
      </c>
      <c r="AW8" s="326" t="s">
        <v>45</v>
      </c>
      <c r="AX8" s="52" t="s">
        <v>83</v>
      </c>
      <c r="AY8" s="47" t="s">
        <v>47</v>
      </c>
      <c r="AZ8" s="47" t="s">
        <v>48</v>
      </c>
      <c r="BA8" s="47" t="s">
        <v>49</v>
      </c>
      <c r="BB8" s="47" t="s">
        <v>50</v>
      </c>
      <c r="BC8" s="47" t="s">
        <v>51</v>
      </c>
      <c r="BD8" s="48" t="s">
        <v>45</v>
      </c>
      <c r="BE8" s="680"/>
      <c r="BF8" s="327" t="s">
        <v>43</v>
      </c>
      <c r="BG8" s="47" t="s">
        <v>44</v>
      </c>
      <c r="BH8" s="326" t="s">
        <v>45</v>
      </c>
      <c r="BI8" s="52" t="s">
        <v>83</v>
      </c>
      <c r="BJ8" s="47" t="s">
        <v>47</v>
      </c>
      <c r="BK8" s="47" t="s">
        <v>48</v>
      </c>
      <c r="BL8" s="47" t="s">
        <v>49</v>
      </c>
      <c r="BM8" s="47" t="s">
        <v>50</v>
      </c>
      <c r="BN8" s="47" t="s">
        <v>51</v>
      </c>
      <c r="BO8" s="48" t="s">
        <v>45</v>
      </c>
      <c r="BP8" s="680"/>
      <c r="BQ8" s="51" t="s">
        <v>43</v>
      </c>
      <c r="BR8" s="47" t="s">
        <v>44</v>
      </c>
      <c r="BS8" s="326" t="s">
        <v>45</v>
      </c>
      <c r="BT8" s="52" t="s">
        <v>83</v>
      </c>
      <c r="BU8" s="47" t="s">
        <v>47</v>
      </c>
      <c r="BV8" s="47" t="s">
        <v>48</v>
      </c>
      <c r="BW8" s="47" t="s">
        <v>49</v>
      </c>
      <c r="BX8" s="47" t="s">
        <v>50</v>
      </c>
      <c r="BY8" s="47" t="s">
        <v>51</v>
      </c>
      <c r="BZ8" s="48" t="s">
        <v>45</v>
      </c>
      <c r="CA8" s="680"/>
      <c r="CB8" s="51" t="s">
        <v>43</v>
      </c>
      <c r="CC8" s="47" t="s">
        <v>44</v>
      </c>
      <c r="CD8" s="326" t="s">
        <v>45</v>
      </c>
      <c r="CE8" s="52" t="s">
        <v>83</v>
      </c>
      <c r="CF8" s="47" t="s">
        <v>47</v>
      </c>
      <c r="CG8" s="47" t="s">
        <v>48</v>
      </c>
      <c r="CH8" s="47" t="s">
        <v>49</v>
      </c>
      <c r="CI8" s="47" t="s">
        <v>50</v>
      </c>
      <c r="CJ8" s="47" t="s">
        <v>51</v>
      </c>
      <c r="CK8" s="48" t="s">
        <v>45</v>
      </c>
      <c r="CL8" s="704"/>
      <c r="CM8" s="51" t="s">
        <v>43</v>
      </c>
      <c r="CN8" s="47" t="s">
        <v>44</v>
      </c>
      <c r="CO8" s="48" t="s">
        <v>45</v>
      </c>
      <c r="CP8" s="52" t="s">
        <v>83</v>
      </c>
      <c r="CQ8" s="47" t="s">
        <v>47</v>
      </c>
      <c r="CR8" s="47" t="s">
        <v>48</v>
      </c>
      <c r="CS8" s="47" t="s">
        <v>49</v>
      </c>
      <c r="CT8" s="47" t="s">
        <v>50</v>
      </c>
      <c r="CU8" s="47" t="s">
        <v>51</v>
      </c>
      <c r="CV8" s="48" t="s">
        <v>45</v>
      </c>
      <c r="CW8" s="704"/>
      <c r="CX8" s="51" t="s">
        <v>43</v>
      </c>
      <c r="CY8" s="47" t="s">
        <v>44</v>
      </c>
      <c r="CZ8" s="48" t="s">
        <v>45</v>
      </c>
      <c r="DA8" s="52" t="s">
        <v>83</v>
      </c>
      <c r="DB8" s="47" t="s">
        <v>47</v>
      </c>
      <c r="DC8" s="47" t="s">
        <v>48</v>
      </c>
      <c r="DD8" s="47" t="s">
        <v>49</v>
      </c>
      <c r="DE8" s="47" t="s">
        <v>50</v>
      </c>
      <c r="DF8" s="47" t="s">
        <v>51</v>
      </c>
      <c r="DG8" s="48" t="s">
        <v>45</v>
      </c>
      <c r="DH8" s="704"/>
      <c r="DI8" s="51" t="s">
        <v>43</v>
      </c>
      <c r="DJ8" s="47" t="s">
        <v>44</v>
      </c>
      <c r="DK8" s="48" t="s">
        <v>45</v>
      </c>
      <c r="DL8" s="52" t="s">
        <v>83</v>
      </c>
      <c r="DM8" s="47" t="s">
        <v>47</v>
      </c>
      <c r="DN8" s="47" t="s">
        <v>48</v>
      </c>
      <c r="DO8" s="47" t="s">
        <v>49</v>
      </c>
      <c r="DP8" s="47" t="s">
        <v>50</v>
      </c>
      <c r="DQ8" s="47" t="s">
        <v>51</v>
      </c>
      <c r="DR8" s="48" t="s">
        <v>45</v>
      </c>
      <c r="DS8" s="704"/>
      <c r="DT8" s="51" t="s">
        <v>43</v>
      </c>
      <c r="DU8" s="47" t="s">
        <v>44</v>
      </c>
      <c r="DV8" s="326" t="s">
        <v>45</v>
      </c>
      <c r="DW8" s="52" t="s">
        <v>83</v>
      </c>
      <c r="DX8" s="47" t="s">
        <v>47</v>
      </c>
      <c r="DY8" s="47" t="s">
        <v>48</v>
      </c>
      <c r="DZ8" s="47" t="s">
        <v>49</v>
      </c>
      <c r="EA8" s="47" t="s">
        <v>50</v>
      </c>
      <c r="EB8" s="47" t="s">
        <v>51</v>
      </c>
      <c r="EC8" s="48" t="s">
        <v>45</v>
      </c>
      <c r="ED8" s="680"/>
      <c r="EE8" s="51" t="s">
        <v>43</v>
      </c>
      <c r="EF8" s="47" t="s">
        <v>44</v>
      </c>
      <c r="EG8" s="326" t="s">
        <v>45</v>
      </c>
      <c r="EH8" s="52" t="s">
        <v>83</v>
      </c>
      <c r="EI8" s="47" t="s">
        <v>47</v>
      </c>
      <c r="EJ8" s="47" t="s">
        <v>48</v>
      </c>
      <c r="EK8" s="47" t="s">
        <v>49</v>
      </c>
      <c r="EL8" s="47" t="s">
        <v>50</v>
      </c>
      <c r="EM8" s="47" t="s">
        <v>51</v>
      </c>
      <c r="EN8" s="48" t="s">
        <v>45</v>
      </c>
      <c r="EO8" s="680"/>
      <c r="EP8" s="51" t="s">
        <v>43</v>
      </c>
      <c r="EQ8" s="47" t="s">
        <v>44</v>
      </c>
      <c r="ER8" s="326" t="s">
        <v>45</v>
      </c>
      <c r="ES8" s="52" t="s">
        <v>83</v>
      </c>
      <c r="ET8" s="47" t="s">
        <v>47</v>
      </c>
      <c r="EU8" s="47" t="s">
        <v>48</v>
      </c>
      <c r="EV8" s="47" t="s">
        <v>49</v>
      </c>
      <c r="EW8" s="47" t="s">
        <v>50</v>
      </c>
      <c r="EX8" s="47" t="s">
        <v>51</v>
      </c>
      <c r="EY8" s="48" t="s">
        <v>45</v>
      </c>
      <c r="EZ8" s="680"/>
      <c r="FA8" s="51" t="s">
        <v>43</v>
      </c>
      <c r="FB8" s="47" t="s">
        <v>44</v>
      </c>
      <c r="FC8" s="326" t="s">
        <v>45</v>
      </c>
      <c r="FD8" s="52" t="s">
        <v>83</v>
      </c>
      <c r="FE8" s="47" t="s">
        <v>47</v>
      </c>
      <c r="FF8" s="47" t="s">
        <v>48</v>
      </c>
      <c r="FG8" s="47" t="s">
        <v>49</v>
      </c>
      <c r="FH8" s="47" t="s">
        <v>50</v>
      </c>
      <c r="FI8" s="47" t="s">
        <v>51</v>
      </c>
      <c r="FJ8" s="48" t="s">
        <v>45</v>
      </c>
      <c r="FK8" s="680"/>
      <c r="FL8" s="51" t="s">
        <v>43</v>
      </c>
      <c r="FM8" s="47" t="s">
        <v>44</v>
      </c>
      <c r="FN8" s="326" t="s">
        <v>45</v>
      </c>
      <c r="FO8" s="52" t="s">
        <v>83</v>
      </c>
      <c r="FP8" s="47" t="s">
        <v>47</v>
      </c>
      <c r="FQ8" s="47" t="s">
        <v>48</v>
      </c>
      <c r="FR8" s="47" t="s">
        <v>49</v>
      </c>
      <c r="FS8" s="47" t="s">
        <v>50</v>
      </c>
      <c r="FT8" s="47" t="s">
        <v>51</v>
      </c>
      <c r="FU8" s="48" t="s">
        <v>45</v>
      </c>
      <c r="FV8" s="696"/>
      <c r="FW8" s="51" t="s">
        <v>43</v>
      </c>
      <c r="FX8" s="47" t="s">
        <v>44</v>
      </c>
      <c r="FY8" s="326" t="s">
        <v>45</v>
      </c>
      <c r="FZ8" s="52" t="s">
        <v>83</v>
      </c>
      <c r="GA8" s="47" t="s">
        <v>47</v>
      </c>
      <c r="GB8" s="47" t="s">
        <v>48</v>
      </c>
      <c r="GC8" s="47" t="s">
        <v>49</v>
      </c>
      <c r="GD8" s="47" t="s">
        <v>50</v>
      </c>
      <c r="GE8" s="47" t="s">
        <v>51</v>
      </c>
      <c r="GF8" s="48" t="s">
        <v>45</v>
      </c>
      <c r="GG8" s="680"/>
      <c r="GH8" s="51" t="s">
        <v>43</v>
      </c>
      <c r="GI8" s="47" t="s">
        <v>44</v>
      </c>
      <c r="GJ8" s="326" t="s">
        <v>45</v>
      </c>
      <c r="GK8" s="52" t="s">
        <v>83</v>
      </c>
      <c r="GL8" s="47" t="s">
        <v>47</v>
      </c>
      <c r="GM8" s="47" t="s">
        <v>48</v>
      </c>
      <c r="GN8" s="47" t="s">
        <v>49</v>
      </c>
      <c r="GO8" s="47" t="s">
        <v>50</v>
      </c>
      <c r="GP8" s="47" t="s">
        <v>51</v>
      </c>
      <c r="GQ8" s="48" t="s">
        <v>45</v>
      </c>
      <c r="GR8" s="682"/>
      <c r="GS8" s="51" t="s">
        <v>43</v>
      </c>
      <c r="GT8" s="47" t="s">
        <v>44</v>
      </c>
      <c r="GU8" s="326" t="s">
        <v>45</v>
      </c>
      <c r="GV8" s="52" t="s">
        <v>83</v>
      </c>
      <c r="GW8" s="47" t="s">
        <v>47</v>
      </c>
      <c r="GX8" s="47" t="s">
        <v>48</v>
      </c>
      <c r="GY8" s="47" t="s">
        <v>49</v>
      </c>
      <c r="GZ8" s="47" t="s">
        <v>50</v>
      </c>
      <c r="HA8" s="47" t="s">
        <v>51</v>
      </c>
      <c r="HB8" s="48" t="s">
        <v>45</v>
      </c>
      <c r="HC8" s="682"/>
      <c r="HD8" s="51" t="s">
        <v>43</v>
      </c>
      <c r="HE8" s="47" t="s">
        <v>44</v>
      </c>
      <c r="HF8" s="326" t="s">
        <v>45</v>
      </c>
      <c r="HG8" s="52" t="s">
        <v>83</v>
      </c>
      <c r="HH8" s="47" t="s">
        <v>47</v>
      </c>
      <c r="HI8" s="47" t="s">
        <v>48</v>
      </c>
      <c r="HJ8" s="47" t="s">
        <v>49</v>
      </c>
      <c r="HK8" s="47" t="s">
        <v>50</v>
      </c>
      <c r="HL8" s="47" t="s">
        <v>51</v>
      </c>
      <c r="HM8" s="48" t="s">
        <v>45</v>
      </c>
      <c r="HN8" s="680"/>
      <c r="HO8" s="51" t="s">
        <v>43</v>
      </c>
      <c r="HP8" s="47" t="s">
        <v>44</v>
      </c>
      <c r="HQ8" s="326" t="s">
        <v>45</v>
      </c>
      <c r="HR8" s="52" t="s">
        <v>83</v>
      </c>
      <c r="HS8" s="47" t="s">
        <v>47</v>
      </c>
      <c r="HT8" s="47" t="s">
        <v>48</v>
      </c>
      <c r="HU8" s="47" t="s">
        <v>49</v>
      </c>
      <c r="HV8" s="47" t="s">
        <v>50</v>
      </c>
      <c r="HW8" s="47" t="s">
        <v>51</v>
      </c>
      <c r="HX8" s="48" t="s">
        <v>45</v>
      </c>
      <c r="HY8" s="680"/>
      <c r="HZ8" s="368" t="s">
        <v>43</v>
      </c>
      <c r="IA8" s="369" t="s">
        <v>44</v>
      </c>
      <c r="IB8" s="41" t="s">
        <v>45</v>
      </c>
      <c r="IC8" s="42" t="s">
        <v>83</v>
      </c>
      <c r="ID8" s="369" t="s">
        <v>47</v>
      </c>
      <c r="IE8" s="369" t="s">
        <v>48</v>
      </c>
      <c r="IF8" s="369" t="s">
        <v>49</v>
      </c>
      <c r="IG8" s="369" t="s">
        <v>50</v>
      </c>
      <c r="IH8" s="369" t="s">
        <v>51</v>
      </c>
      <c r="II8" s="17" t="s">
        <v>45</v>
      </c>
      <c r="IJ8" s="647"/>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73" customFormat="1" ht="21" customHeight="1" x14ac:dyDescent="0.2">
      <c r="A9" s="44"/>
      <c r="B9" s="467" t="s">
        <v>4</v>
      </c>
      <c r="C9" s="387">
        <v>24399312</v>
      </c>
      <c r="D9" s="388">
        <v>40852982</v>
      </c>
      <c r="E9" s="389">
        <v>65252294</v>
      </c>
      <c r="F9" s="390">
        <v>0</v>
      </c>
      <c r="G9" s="388">
        <v>274986923</v>
      </c>
      <c r="H9" s="388">
        <v>355120609</v>
      </c>
      <c r="I9" s="388">
        <v>332407555</v>
      </c>
      <c r="J9" s="388">
        <v>283975145</v>
      </c>
      <c r="K9" s="388">
        <v>199566250</v>
      </c>
      <c r="L9" s="391">
        <v>1446056482</v>
      </c>
      <c r="M9" s="392">
        <v>1511308776</v>
      </c>
      <c r="N9" s="387">
        <v>7321208</v>
      </c>
      <c r="O9" s="388">
        <v>13907341</v>
      </c>
      <c r="P9" s="393">
        <v>21228549</v>
      </c>
      <c r="Q9" s="387">
        <v>0</v>
      </c>
      <c r="R9" s="388">
        <v>86438365</v>
      </c>
      <c r="S9" s="388">
        <v>122501035</v>
      </c>
      <c r="T9" s="388">
        <v>108335602</v>
      </c>
      <c r="U9" s="388">
        <v>108348656</v>
      </c>
      <c r="V9" s="388">
        <v>98652856</v>
      </c>
      <c r="W9" s="393">
        <v>524276514</v>
      </c>
      <c r="X9" s="392">
        <v>545505063</v>
      </c>
      <c r="Y9" s="387">
        <v>0</v>
      </c>
      <c r="Z9" s="388">
        <v>0</v>
      </c>
      <c r="AA9" s="393">
        <v>0</v>
      </c>
      <c r="AB9" s="394">
        <v>0</v>
      </c>
      <c r="AC9" s="395">
        <v>36540256</v>
      </c>
      <c r="AD9" s="395">
        <v>51907766</v>
      </c>
      <c r="AE9" s="395">
        <v>53818072</v>
      </c>
      <c r="AF9" s="395">
        <v>54399348</v>
      </c>
      <c r="AG9" s="395">
        <v>52725511</v>
      </c>
      <c r="AH9" s="393">
        <v>249390953</v>
      </c>
      <c r="AI9" s="392">
        <v>249390953</v>
      </c>
      <c r="AJ9" s="396">
        <v>0</v>
      </c>
      <c r="AK9" s="395">
        <v>0</v>
      </c>
      <c r="AL9" s="393">
        <v>0</v>
      </c>
      <c r="AM9" s="394">
        <v>0</v>
      </c>
      <c r="AN9" s="395">
        <v>415423</v>
      </c>
      <c r="AO9" s="391">
        <v>1210754</v>
      </c>
      <c r="AP9" s="395">
        <v>3247846</v>
      </c>
      <c r="AQ9" s="395">
        <v>6798630</v>
      </c>
      <c r="AR9" s="395">
        <v>11255223</v>
      </c>
      <c r="AS9" s="393">
        <v>22927876</v>
      </c>
      <c r="AT9" s="392">
        <v>22927876</v>
      </c>
      <c r="AU9" s="396">
        <v>3365649</v>
      </c>
      <c r="AV9" s="395">
        <v>9028252</v>
      </c>
      <c r="AW9" s="393">
        <v>12393901</v>
      </c>
      <c r="AX9" s="394">
        <v>0</v>
      </c>
      <c r="AY9" s="395">
        <v>31521209</v>
      </c>
      <c r="AZ9" s="395">
        <v>46417346</v>
      </c>
      <c r="BA9" s="395">
        <v>30957133</v>
      </c>
      <c r="BB9" s="395">
        <v>28496219</v>
      </c>
      <c r="BC9" s="395">
        <v>21941570</v>
      </c>
      <c r="BD9" s="393">
        <v>159333477</v>
      </c>
      <c r="BE9" s="397">
        <v>171727378</v>
      </c>
      <c r="BF9" s="396">
        <v>508311</v>
      </c>
      <c r="BG9" s="391">
        <v>1299793</v>
      </c>
      <c r="BH9" s="398">
        <v>1808104</v>
      </c>
      <c r="BI9" s="394">
        <v>0</v>
      </c>
      <c r="BJ9" s="395">
        <v>2023992</v>
      </c>
      <c r="BK9" s="395">
        <v>4392569</v>
      </c>
      <c r="BL9" s="395">
        <v>2732663</v>
      </c>
      <c r="BM9" s="395">
        <v>2452819</v>
      </c>
      <c r="BN9" s="395">
        <v>684268</v>
      </c>
      <c r="BO9" s="393">
        <v>12286311</v>
      </c>
      <c r="BP9" s="392">
        <v>14094415</v>
      </c>
      <c r="BQ9" s="396">
        <v>3447248</v>
      </c>
      <c r="BR9" s="395">
        <v>3579296</v>
      </c>
      <c r="BS9" s="393">
        <v>7026544</v>
      </c>
      <c r="BT9" s="394">
        <v>0</v>
      </c>
      <c r="BU9" s="395">
        <v>15937485</v>
      </c>
      <c r="BV9" s="395">
        <v>18572600</v>
      </c>
      <c r="BW9" s="395">
        <v>17579888</v>
      </c>
      <c r="BX9" s="395">
        <v>16201640</v>
      </c>
      <c r="BY9" s="395">
        <v>12046284</v>
      </c>
      <c r="BZ9" s="393">
        <v>80337897</v>
      </c>
      <c r="CA9" s="392">
        <v>87364441</v>
      </c>
      <c r="CB9" s="396">
        <v>2956230</v>
      </c>
      <c r="CC9" s="395">
        <v>6571394</v>
      </c>
      <c r="CD9" s="393">
        <v>9527624</v>
      </c>
      <c r="CE9" s="394">
        <v>0</v>
      </c>
      <c r="CF9" s="395">
        <v>85916175</v>
      </c>
      <c r="CG9" s="395">
        <v>99292022</v>
      </c>
      <c r="CH9" s="399">
        <v>76771411</v>
      </c>
      <c r="CI9" s="395">
        <v>42426647</v>
      </c>
      <c r="CJ9" s="395">
        <v>16894574</v>
      </c>
      <c r="CK9" s="393">
        <v>321300829</v>
      </c>
      <c r="CL9" s="392">
        <v>330828453</v>
      </c>
      <c r="CM9" s="387">
        <v>0</v>
      </c>
      <c r="CN9" s="388">
        <v>0</v>
      </c>
      <c r="CO9" s="393">
        <v>0</v>
      </c>
      <c r="CP9" s="394">
        <v>0</v>
      </c>
      <c r="CQ9" s="395">
        <v>69313683</v>
      </c>
      <c r="CR9" s="395">
        <v>71377267</v>
      </c>
      <c r="CS9" s="395">
        <v>56402421</v>
      </c>
      <c r="CT9" s="395">
        <v>28975311</v>
      </c>
      <c r="CU9" s="395">
        <v>12806472</v>
      </c>
      <c r="CV9" s="400">
        <v>238875154</v>
      </c>
      <c r="CW9" s="392">
        <v>238875154</v>
      </c>
      <c r="CX9" s="396">
        <v>2956230</v>
      </c>
      <c r="CY9" s="395">
        <v>6571394</v>
      </c>
      <c r="CZ9" s="393">
        <v>9527624</v>
      </c>
      <c r="DA9" s="394">
        <v>0</v>
      </c>
      <c r="DB9" s="395">
        <v>16602492</v>
      </c>
      <c r="DC9" s="395">
        <v>27914755</v>
      </c>
      <c r="DD9" s="395">
        <v>20368990</v>
      </c>
      <c r="DE9" s="395">
        <v>13451336</v>
      </c>
      <c r="DF9" s="395">
        <v>4088102</v>
      </c>
      <c r="DG9" s="393">
        <v>82425675</v>
      </c>
      <c r="DH9" s="392">
        <v>91953299</v>
      </c>
      <c r="DI9" s="396">
        <v>204619</v>
      </c>
      <c r="DJ9" s="395">
        <v>702203</v>
      </c>
      <c r="DK9" s="398">
        <v>906822</v>
      </c>
      <c r="DL9" s="394">
        <v>0</v>
      </c>
      <c r="DM9" s="395">
        <v>8507887</v>
      </c>
      <c r="DN9" s="395">
        <v>18066217</v>
      </c>
      <c r="DO9" s="395">
        <v>35819699</v>
      </c>
      <c r="DP9" s="395">
        <v>27717638</v>
      </c>
      <c r="DQ9" s="395">
        <v>11794827</v>
      </c>
      <c r="DR9" s="401">
        <v>101906268</v>
      </c>
      <c r="DS9" s="392">
        <v>102813090</v>
      </c>
      <c r="DT9" s="396">
        <v>196439</v>
      </c>
      <c r="DU9" s="395">
        <v>676079</v>
      </c>
      <c r="DV9" s="393">
        <v>872518</v>
      </c>
      <c r="DW9" s="394">
        <v>0</v>
      </c>
      <c r="DX9" s="395">
        <v>7952494</v>
      </c>
      <c r="DY9" s="395">
        <v>15564179</v>
      </c>
      <c r="DZ9" s="395">
        <v>30311225</v>
      </c>
      <c r="EA9" s="395">
        <v>23364013</v>
      </c>
      <c r="EB9" s="395">
        <v>10044161</v>
      </c>
      <c r="EC9" s="393">
        <v>87236072</v>
      </c>
      <c r="ED9" s="392">
        <v>88108590</v>
      </c>
      <c r="EE9" s="396">
        <v>8180</v>
      </c>
      <c r="EF9" s="391">
        <v>26124</v>
      </c>
      <c r="EG9" s="393">
        <v>34304</v>
      </c>
      <c r="EH9" s="397">
        <v>0</v>
      </c>
      <c r="EI9" s="395">
        <v>555393</v>
      </c>
      <c r="EJ9" s="395">
        <v>2502038</v>
      </c>
      <c r="EK9" s="395">
        <v>5508474</v>
      </c>
      <c r="EL9" s="395">
        <v>4353625</v>
      </c>
      <c r="EM9" s="399">
        <v>1750666</v>
      </c>
      <c r="EN9" s="391">
        <v>14670196</v>
      </c>
      <c r="EO9" s="392">
        <v>14704500</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4389303</v>
      </c>
      <c r="FM9" s="395">
        <v>8357834</v>
      </c>
      <c r="FN9" s="393">
        <v>12747137</v>
      </c>
      <c r="FO9" s="394">
        <v>0</v>
      </c>
      <c r="FP9" s="395">
        <v>14695047</v>
      </c>
      <c r="FQ9" s="395">
        <v>37591538</v>
      </c>
      <c r="FR9" s="395">
        <v>27302458</v>
      </c>
      <c r="FS9" s="395">
        <v>23816108</v>
      </c>
      <c r="FT9" s="395">
        <v>15215184</v>
      </c>
      <c r="FU9" s="393">
        <v>118620335</v>
      </c>
      <c r="FV9" s="392">
        <v>131367472</v>
      </c>
      <c r="FW9" s="396">
        <v>2458269</v>
      </c>
      <c r="FX9" s="395">
        <v>6408016</v>
      </c>
      <c r="FY9" s="391">
        <v>8866285</v>
      </c>
      <c r="FZ9" s="397">
        <v>0</v>
      </c>
      <c r="GA9" s="395">
        <v>10362915</v>
      </c>
      <c r="GB9" s="403">
        <v>34290932</v>
      </c>
      <c r="GC9" s="395">
        <v>25965750</v>
      </c>
      <c r="GD9" s="403">
        <v>22567164</v>
      </c>
      <c r="GE9" s="395">
        <v>14746184</v>
      </c>
      <c r="GF9" s="400">
        <v>107932945</v>
      </c>
      <c r="GG9" s="404">
        <v>116799230</v>
      </c>
      <c r="GH9" s="405">
        <v>194936</v>
      </c>
      <c r="GI9" s="395">
        <v>188520</v>
      </c>
      <c r="GJ9" s="403">
        <v>383456</v>
      </c>
      <c r="GK9" s="390">
        <v>0</v>
      </c>
      <c r="GL9" s="395">
        <v>819816</v>
      </c>
      <c r="GM9" s="391">
        <v>1053213</v>
      </c>
      <c r="GN9" s="395">
        <v>728233</v>
      </c>
      <c r="GO9" s="391">
        <v>464032</v>
      </c>
      <c r="GP9" s="395">
        <v>223160</v>
      </c>
      <c r="GQ9" s="401">
        <v>3288454</v>
      </c>
      <c r="GR9" s="392">
        <v>3671910</v>
      </c>
      <c r="GS9" s="391">
        <v>1736098</v>
      </c>
      <c r="GT9" s="395">
        <v>1761298</v>
      </c>
      <c r="GU9" s="393">
        <v>3497396</v>
      </c>
      <c r="GV9" s="391">
        <v>0</v>
      </c>
      <c r="GW9" s="395">
        <v>3512316</v>
      </c>
      <c r="GX9" s="391">
        <v>2247393</v>
      </c>
      <c r="GY9" s="395">
        <v>608475</v>
      </c>
      <c r="GZ9" s="391">
        <v>784912</v>
      </c>
      <c r="HA9" s="395">
        <v>245840</v>
      </c>
      <c r="HB9" s="391">
        <v>7398936</v>
      </c>
      <c r="HC9" s="392">
        <v>10896332</v>
      </c>
      <c r="HD9" s="391">
        <v>9527952</v>
      </c>
      <c r="HE9" s="395">
        <v>11314210</v>
      </c>
      <c r="HF9" s="391">
        <v>20842162</v>
      </c>
      <c r="HG9" s="397">
        <v>0</v>
      </c>
      <c r="HH9" s="395">
        <v>79429449</v>
      </c>
      <c r="HI9" s="403">
        <v>77669797</v>
      </c>
      <c r="HJ9" s="395">
        <v>84178385</v>
      </c>
      <c r="HK9" s="403">
        <v>81666096</v>
      </c>
      <c r="HL9" s="395">
        <v>57008809</v>
      </c>
      <c r="HM9" s="400">
        <v>379952536</v>
      </c>
      <c r="HN9" s="391">
        <v>400794698</v>
      </c>
      <c r="HO9" s="468"/>
      <c r="HP9" s="469"/>
      <c r="HQ9" s="470"/>
      <c r="HR9" s="471"/>
      <c r="HS9" s="469"/>
      <c r="HT9" s="471"/>
      <c r="HU9" s="469"/>
      <c r="HV9" s="471"/>
      <c r="HW9" s="469"/>
      <c r="HX9" s="471"/>
      <c r="HY9" s="472"/>
      <c r="HZ9" s="406">
        <v>697056</v>
      </c>
      <c r="IA9" s="407">
        <v>823968</v>
      </c>
      <c r="IB9" s="408">
        <v>1521024</v>
      </c>
      <c r="IC9" s="409">
        <v>0</v>
      </c>
      <c r="ID9" s="407">
        <v>75192195</v>
      </c>
      <c r="IE9" s="410">
        <v>97194241</v>
      </c>
      <c r="IF9" s="411">
        <v>100215197</v>
      </c>
      <c r="IG9" s="407">
        <v>78856102</v>
      </c>
      <c r="IH9" s="411">
        <v>52157806</v>
      </c>
      <c r="II9" s="412">
        <v>403615541</v>
      </c>
      <c r="IJ9" s="413">
        <v>405136565</v>
      </c>
      <c r="IK9" s="414">
        <v>0</v>
      </c>
      <c r="IL9" s="415">
        <v>0</v>
      </c>
      <c r="IM9" s="416">
        <v>0</v>
      </c>
      <c r="IN9" s="417"/>
      <c r="IO9" s="418">
        <v>1602085</v>
      </c>
      <c r="IP9" s="418">
        <v>2610739</v>
      </c>
      <c r="IQ9" s="418">
        <v>4550286</v>
      </c>
      <c r="IR9" s="418">
        <v>4383265</v>
      </c>
      <c r="IS9" s="418">
        <v>4497993</v>
      </c>
      <c r="IT9" s="419">
        <v>17644368</v>
      </c>
      <c r="IU9" s="420">
        <v>17644368</v>
      </c>
      <c r="IV9" s="421">
        <v>0</v>
      </c>
      <c r="IW9" s="418">
        <v>0</v>
      </c>
      <c r="IX9" s="422">
        <v>0</v>
      </c>
      <c r="IY9" s="423"/>
      <c r="IZ9" s="418">
        <v>198791</v>
      </c>
      <c r="JA9" s="418">
        <v>466292</v>
      </c>
      <c r="JB9" s="418">
        <v>668029</v>
      </c>
      <c r="JC9" s="418">
        <v>890348</v>
      </c>
      <c r="JD9" s="418">
        <v>1048559</v>
      </c>
      <c r="JE9" s="422">
        <v>3272019</v>
      </c>
      <c r="JF9" s="424">
        <v>3272019</v>
      </c>
      <c r="JG9" s="421">
        <v>0</v>
      </c>
      <c r="JH9" s="418">
        <v>0</v>
      </c>
      <c r="JI9" s="419">
        <v>0</v>
      </c>
      <c r="JJ9" s="425">
        <v>0</v>
      </c>
      <c r="JK9" s="418">
        <v>35491603</v>
      </c>
      <c r="JL9" s="418">
        <v>34313104</v>
      </c>
      <c r="JM9" s="418">
        <v>25548667</v>
      </c>
      <c r="JN9" s="418">
        <v>13045765</v>
      </c>
      <c r="JO9" s="418">
        <v>6813260</v>
      </c>
      <c r="JP9" s="422">
        <v>115212399</v>
      </c>
      <c r="JQ9" s="420">
        <v>115212399</v>
      </c>
      <c r="JR9" s="421">
        <v>26763</v>
      </c>
      <c r="JS9" s="418">
        <v>0</v>
      </c>
      <c r="JT9" s="419">
        <v>26763</v>
      </c>
      <c r="JU9" s="425">
        <v>0</v>
      </c>
      <c r="JV9" s="418">
        <v>6440928</v>
      </c>
      <c r="JW9" s="418">
        <v>7560995</v>
      </c>
      <c r="JX9" s="418">
        <v>9939832</v>
      </c>
      <c r="JY9" s="418">
        <v>4471574</v>
      </c>
      <c r="JZ9" s="418">
        <v>2969620</v>
      </c>
      <c r="KA9" s="422">
        <v>31382949</v>
      </c>
      <c r="KB9" s="420">
        <v>31409712</v>
      </c>
      <c r="KC9" s="426">
        <v>670293</v>
      </c>
      <c r="KD9" s="427">
        <v>773019</v>
      </c>
      <c r="KE9" s="422">
        <v>1443312</v>
      </c>
      <c r="KF9" s="425">
        <v>0</v>
      </c>
      <c r="KG9" s="418">
        <v>8828472</v>
      </c>
      <c r="KH9" s="418">
        <v>14181405</v>
      </c>
      <c r="KI9" s="418">
        <v>16497958</v>
      </c>
      <c r="KJ9" s="418">
        <v>12463332</v>
      </c>
      <c r="KK9" s="418">
        <v>6062964</v>
      </c>
      <c r="KL9" s="422">
        <v>58034131</v>
      </c>
      <c r="KM9" s="428">
        <v>59477443</v>
      </c>
      <c r="KN9" s="414">
        <v>0</v>
      </c>
      <c r="KO9" s="415">
        <v>50949</v>
      </c>
      <c r="KP9" s="416">
        <v>50949</v>
      </c>
      <c r="KQ9" s="417"/>
      <c r="KR9" s="418">
        <v>18728710</v>
      </c>
      <c r="KS9" s="418">
        <v>31985031</v>
      </c>
      <c r="KT9" s="418">
        <v>33011914</v>
      </c>
      <c r="KU9" s="418">
        <v>30621974</v>
      </c>
      <c r="KV9" s="418">
        <v>17852898</v>
      </c>
      <c r="KW9" s="422">
        <v>132200527</v>
      </c>
      <c r="KX9" s="420">
        <v>132251476</v>
      </c>
      <c r="KY9" s="421">
        <v>0</v>
      </c>
      <c r="KZ9" s="418">
        <v>0</v>
      </c>
      <c r="LA9" s="422">
        <v>0</v>
      </c>
      <c r="LB9" s="429"/>
      <c r="LC9" s="418">
        <v>582722</v>
      </c>
      <c r="LD9" s="418">
        <v>1188165</v>
      </c>
      <c r="LE9" s="418">
        <v>1073308</v>
      </c>
      <c r="LF9" s="418">
        <v>796528</v>
      </c>
      <c r="LG9" s="418">
        <v>859403</v>
      </c>
      <c r="LH9" s="422">
        <v>4500126</v>
      </c>
      <c r="LI9" s="424">
        <v>4500126</v>
      </c>
      <c r="LJ9" s="421">
        <v>0</v>
      </c>
      <c r="LK9" s="418">
        <v>0</v>
      </c>
      <c r="LL9" s="422">
        <v>0</v>
      </c>
      <c r="LM9" s="429"/>
      <c r="LN9" s="418">
        <v>110504</v>
      </c>
      <c r="LO9" s="418">
        <v>749761</v>
      </c>
      <c r="LP9" s="418">
        <v>3154290</v>
      </c>
      <c r="LQ9" s="418">
        <v>3870597</v>
      </c>
      <c r="LR9" s="418">
        <v>2757698</v>
      </c>
      <c r="LS9" s="422">
        <v>10642850</v>
      </c>
      <c r="LT9" s="420">
        <v>10642850</v>
      </c>
      <c r="LU9" s="421">
        <v>0</v>
      </c>
      <c r="LV9" s="418">
        <v>0</v>
      </c>
      <c r="LW9" s="422">
        <v>0</v>
      </c>
      <c r="LX9" s="429"/>
      <c r="LY9" s="418">
        <v>3208380</v>
      </c>
      <c r="LZ9" s="418">
        <v>4138749</v>
      </c>
      <c r="MA9" s="418">
        <v>5770913</v>
      </c>
      <c r="MB9" s="418">
        <v>8312719</v>
      </c>
      <c r="MC9" s="418">
        <v>9295411</v>
      </c>
      <c r="MD9" s="422">
        <v>30726172</v>
      </c>
      <c r="ME9" s="424">
        <v>30726172</v>
      </c>
      <c r="MF9" s="421">
        <v>0</v>
      </c>
      <c r="MG9" s="418">
        <v>0</v>
      </c>
      <c r="MH9" s="422">
        <v>0</v>
      </c>
      <c r="MI9" s="429"/>
      <c r="MJ9" s="418">
        <v>20595400</v>
      </c>
      <c r="MK9" s="418">
        <v>52741059</v>
      </c>
      <c r="ML9" s="418">
        <v>164460035</v>
      </c>
      <c r="MM9" s="418">
        <v>239064053</v>
      </c>
      <c r="MN9" s="418">
        <v>146411449</v>
      </c>
      <c r="MO9" s="422">
        <v>623271996</v>
      </c>
      <c r="MP9" s="428">
        <v>623271996</v>
      </c>
      <c r="MQ9" s="421">
        <v>0</v>
      </c>
      <c r="MR9" s="418">
        <v>0</v>
      </c>
      <c r="MS9" s="422">
        <v>0</v>
      </c>
      <c r="MT9" s="429"/>
      <c r="MU9" s="418">
        <v>2305576</v>
      </c>
      <c r="MV9" s="418">
        <v>11129250</v>
      </c>
      <c r="MW9" s="418">
        <v>97052066</v>
      </c>
      <c r="MX9" s="418">
        <v>150537055</v>
      </c>
      <c r="MY9" s="418">
        <v>87799262</v>
      </c>
      <c r="MZ9" s="422">
        <v>348823209</v>
      </c>
      <c r="NA9" s="428">
        <v>348823209</v>
      </c>
      <c r="NB9" s="421">
        <v>0</v>
      </c>
      <c r="NC9" s="418">
        <v>0</v>
      </c>
      <c r="ND9" s="422">
        <v>0</v>
      </c>
      <c r="NE9" s="429"/>
      <c r="NF9" s="418">
        <v>18289824</v>
      </c>
      <c r="NG9" s="418">
        <v>41407390</v>
      </c>
      <c r="NH9" s="418">
        <v>66504239</v>
      </c>
      <c r="NI9" s="418">
        <v>82657675</v>
      </c>
      <c r="NJ9" s="418">
        <v>50263935</v>
      </c>
      <c r="NK9" s="422">
        <v>259123063</v>
      </c>
      <c r="NL9" s="420">
        <v>259123063</v>
      </c>
      <c r="NM9" s="421">
        <v>0</v>
      </c>
      <c r="NN9" s="418">
        <v>0</v>
      </c>
      <c r="NO9" s="422">
        <v>0</v>
      </c>
      <c r="NP9" s="429"/>
      <c r="NQ9" s="418">
        <v>0</v>
      </c>
      <c r="NR9" s="418">
        <v>0</v>
      </c>
      <c r="NS9" s="418">
        <v>285318</v>
      </c>
      <c r="NT9" s="418">
        <v>2626191</v>
      </c>
      <c r="NU9" s="418">
        <v>963863</v>
      </c>
      <c r="NV9" s="422">
        <v>3875372</v>
      </c>
      <c r="NW9" s="424">
        <v>3875372</v>
      </c>
      <c r="NX9" s="421">
        <v>0</v>
      </c>
      <c r="NY9" s="418">
        <v>0</v>
      </c>
      <c r="NZ9" s="422">
        <v>0</v>
      </c>
      <c r="OA9" s="429"/>
      <c r="OB9" s="418">
        <v>0</v>
      </c>
      <c r="OC9" s="418">
        <v>204419</v>
      </c>
      <c r="OD9" s="418">
        <v>618412</v>
      </c>
      <c r="OE9" s="418">
        <v>3243132</v>
      </c>
      <c r="OF9" s="418">
        <v>7384389</v>
      </c>
      <c r="OG9" s="422">
        <v>11450352</v>
      </c>
      <c r="OH9" s="424">
        <v>11450352</v>
      </c>
      <c r="OI9" s="421">
        <v>25096368</v>
      </c>
      <c r="OJ9" s="418">
        <v>41676950</v>
      </c>
      <c r="OK9" s="419">
        <v>66773318</v>
      </c>
      <c r="OL9" s="425">
        <v>0</v>
      </c>
      <c r="OM9" s="418">
        <v>370774518</v>
      </c>
      <c r="ON9" s="418">
        <v>505055909</v>
      </c>
      <c r="OO9" s="418">
        <v>597082787</v>
      </c>
      <c r="OP9" s="418">
        <v>601895300</v>
      </c>
      <c r="OQ9" s="418">
        <v>398135505</v>
      </c>
      <c r="OR9" s="422">
        <v>2472944019</v>
      </c>
      <c r="OS9" s="428">
        <v>2539717337</v>
      </c>
    </row>
    <row r="10" spans="1:409" s="473" customFormat="1" ht="21" customHeight="1" x14ac:dyDescent="0.2">
      <c r="A10" s="44"/>
      <c r="B10" s="474" t="s">
        <v>5</v>
      </c>
      <c r="C10" s="432">
        <v>9561571</v>
      </c>
      <c r="D10" s="433">
        <v>21172268</v>
      </c>
      <c r="E10" s="434">
        <v>30733839</v>
      </c>
      <c r="F10" s="435">
        <v>0</v>
      </c>
      <c r="G10" s="433">
        <v>102907031</v>
      </c>
      <c r="H10" s="433">
        <v>164844495</v>
      </c>
      <c r="I10" s="433">
        <v>152595177</v>
      </c>
      <c r="J10" s="433">
        <v>126225018</v>
      </c>
      <c r="K10" s="433">
        <v>93788925</v>
      </c>
      <c r="L10" s="435">
        <v>640360646</v>
      </c>
      <c r="M10" s="436">
        <v>671094485</v>
      </c>
      <c r="N10" s="432">
        <v>3292268</v>
      </c>
      <c r="O10" s="433">
        <v>8156955</v>
      </c>
      <c r="P10" s="434">
        <v>11449223</v>
      </c>
      <c r="Q10" s="432">
        <v>0</v>
      </c>
      <c r="R10" s="433">
        <v>34319035</v>
      </c>
      <c r="S10" s="433">
        <v>59841177</v>
      </c>
      <c r="T10" s="433">
        <v>52132712</v>
      </c>
      <c r="U10" s="433">
        <v>46970004</v>
      </c>
      <c r="V10" s="433">
        <v>45176494</v>
      </c>
      <c r="W10" s="434">
        <v>238439422</v>
      </c>
      <c r="X10" s="436">
        <v>249888645</v>
      </c>
      <c r="Y10" s="432">
        <v>0</v>
      </c>
      <c r="Z10" s="433">
        <v>0</v>
      </c>
      <c r="AA10" s="434">
        <v>0</v>
      </c>
      <c r="AB10" s="432">
        <v>0</v>
      </c>
      <c r="AC10" s="433">
        <v>14695583</v>
      </c>
      <c r="AD10" s="433">
        <v>24098978</v>
      </c>
      <c r="AE10" s="433">
        <v>24845629</v>
      </c>
      <c r="AF10" s="433">
        <v>21523012</v>
      </c>
      <c r="AG10" s="433">
        <v>23738222</v>
      </c>
      <c r="AH10" s="434">
        <v>108901424</v>
      </c>
      <c r="AI10" s="436">
        <v>108901424</v>
      </c>
      <c r="AJ10" s="432">
        <v>0</v>
      </c>
      <c r="AK10" s="433">
        <v>0</v>
      </c>
      <c r="AL10" s="434">
        <v>0</v>
      </c>
      <c r="AM10" s="432">
        <v>0</v>
      </c>
      <c r="AN10" s="433">
        <v>62484</v>
      </c>
      <c r="AO10" s="433">
        <v>604276</v>
      </c>
      <c r="AP10" s="433">
        <v>1348353</v>
      </c>
      <c r="AQ10" s="433">
        <v>2963140</v>
      </c>
      <c r="AR10" s="433">
        <v>5437570</v>
      </c>
      <c r="AS10" s="434">
        <v>10415823</v>
      </c>
      <c r="AT10" s="436">
        <v>10415823</v>
      </c>
      <c r="AU10" s="432">
        <v>1540377</v>
      </c>
      <c r="AV10" s="433">
        <v>5189971</v>
      </c>
      <c r="AW10" s="434">
        <v>6730348</v>
      </c>
      <c r="AX10" s="432">
        <v>0</v>
      </c>
      <c r="AY10" s="433">
        <v>12887330</v>
      </c>
      <c r="AZ10" s="433">
        <v>24905127</v>
      </c>
      <c r="BA10" s="433">
        <v>16739692</v>
      </c>
      <c r="BB10" s="433">
        <v>14357859</v>
      </c>
      <c r="BC10" s="433">
        <v>10533279</v>
      </c>
      <c r="BD10" s="434">
        <v>79423287</v>
      </c>
      <c r="BE10" s="436">
        <v>86153635</v>
      </c>
      <c r="BF10" s="432">
        <v>283923</v>
      </c>
      <c r="BG10" s="433">
        <v>759944</v>
      </c>
      <c r="BH10" s="437">
        <v>1043867</v>
      </c>
      <c r="BI10" s="438">
        <v>0</v>
      </c>
      <c r="BJ10" s="433">
        <v>558014</v>
      </c>
      <c r="BK10" s="433">
        <v>1693284</v>
      </c>
      <c r="BL10" s="433">
        <v>1385142</v>
      </c>
      <c r="BM10" s="433">
        <v>993609</v>
      </c>
      <c r="BN10" s="433">
        <v>170227</v>
      </c>
      <c r="BO10" s="434">
        <v>4800276</v>
      </c>
      <c r="BP10" s="436">
        <v>5844143</v>
      </c>
      <c r="BQ10" s="432">
        <v>1467968</v>
      </c>
      <c r="BR10" s="433">
        <v>2207040</v>
      </c>
      <c r="BS10" s="434">
        <v>3675008</v>
      </c>
      <c r="BT10" s="432">
        <v>0</v>
      </c>
      <c r="BU10" s="433">
        <v>6115624</v>
      </c>
      <c r="BV10" s="433">
        <v>8539512</v>
      </c>
      <c r="BW10" s="433">
        <v>7813896</v>
      </c>
      <c r="BX10" s="433">
        <v>7132384</v>
      </c>
      <c r="BY10" s="433">
        <v>5297196</v>
      </c>
      <c r="BZ10" s="434">
        <v>34898612</v>
      </c>
      <c r="CA10" s="436">
        <v>38573620</v>
      </c>
      <c r="CB10" s="432">
        <v>1440356</v>
      </c>
      <c r="CC10" s="433">
        <v>3380856</v>
      </c>
      <c r="CD10" s="434">
        <v>4821212</v>
      </c>
      <c r="CE10" s="432">
        <v>0</v>
      </c>
      <c r="CF10" s="433">
        <v>31679177</v>
      </c>
      <c r="CG10" s="433">
        <v>45926889</v>
      </c>
      <c r="CH10" s="433">
        <v>32865450</v>
      </c>
      <c r="CI10" s="433">
        <v>17802199</v>
      </c>
      <c r="CJ10" s="433">
        <v>7485080</v>
      </c>
      <c r="CK10" s="434">
        <v>135758795</v>
      </c>
      <c r="CL10" s="436">
        <v>140580007</v>
      </c>
      <c r="CM10" s="432">
        <v>0</v>
      </c>
      <c r="CN10" s="433">
        <v>0</v>
      </c>
      <c r="CO10" s="434">
        <v>0</v>
      </c>
      <c r="CP10" s="438">
        <v>0</v>
      </c>
      <c r="CQ10" s="433">
        <v>25816338</v>
      </c>
      <c r="CR10" s="433">
        <v>33680909</v>
      </c>
      <c r="CS10" s="433">
        <v>22593420</v>
      </c>
      <c r="CT10" s="433">
        <v>10931328</v>
      </c>
      <c r="CU10" s="433">
        <v>5285426</v>
      </c>
      <c r="CV10" s="434">
        <v>98307421</v>
      </c>
      <c r="CW10" s="436">
        <v>98307421</v>
      </c>
      <c r="CX10" s="432">
        <v>1440356</v>
      </c>
      <c r="CY10" s="433">
        <v>3380856</v>
      </c>
      <c r="CZ10" s="434">
        <v>4821212</v>
      </c>
      <c r="DA10" s="432">
        <v>0</v>
      </c>
      <c r="DB10" s="433">
        <v>5862839</v>
      </c>
      <c r="DC10" s="433">
        <v>12245980</v>
      </c>
      <c r="DD10" s="433">
        <v>10272030</v>
      </c>
      <c r="DE10" s="433">
        <v>6870871</v>
      </c>
      <c r="DF10" s="433">
        <v>2199654</v>
      </c>
      <c r="DG10" s="434">
        <v>37451374</v>
      </c>
      <c r="DH10" s="436">
        <v>42272586</v>
      </c>
      <c r="DI10" s="432">
        <v>92849</v>
      </c>
      <c r="DJ10" s="433">
        <v>385607</v>
      </c>
      <c r="DK10" s="437">
        <v>478456</v>
      </c>
      <c r="DL10" s="438">
        <v>0</v>
      </c>
      <c r="DM10" s="433">
        <v>2790882</v>
      </c>
      <c r="DN10" s="433">
        <v>7875543</v>
      </c>
      <c r="DO10" s="433">
        <v>16819861</v>
      </c>
      <c r="DP10" s="433">
        <v>13049685</v>
      </c>
      <c r="DQ10" s="433">
        <v>5995574</v>
      </c>
      <c r="DR10" s="434">
        <v>46531545</v>
      </c>
      <c r="DS10" s="436">
        <v>47010001</v>
      </c>
      <c r="DT10" s="432">
        <v>84669</v>
      </c>
      <c r="DU10" s="433">
        <v>385607</v>
      </c>
      <c r="DV10" s="434">
        <v>470276</v>
      </c>
      <c r="DW10" s="432">
        <v>0</v>
      </c>
      <c r="DX10" s="433">
        <v>2611844</v>
      </c>
      <c r="DY10" s="433">
        <v>6194483</v>
      </c>
      <c r="DZ10" s="433">
        <v>12969725</v>
      </c>
      <c r="EA10" s="433">
        <v>10159094</v>
      </c>
      <c r="EB10" s="433">
        <v>4631394</v>
      </c>
      <c r="EC10" s="434">
        <v>36566540</v>
      </c>
      <c r="ED10" s="436">
        <v>37036816</v>
      </c>
      <c r="EE10" s="432">
        <v>8180</v>
      </c>
      <c r="EF10" s="437">
        <v>0</v>
      </c>
      <c r="EG10" s="434">
        <v>8180</v>
      </c>
      <c r="EH10" s="432">
        <v>0</v>
      </c>
      <c r="EI10" s="433">
        <v>179038</v>
      </c>
      <c r="EJ10" s="433">
        <v>1681060</v>
      </c>
      <c r="EK10" s="433">
        <v>3850136</v>
      </c>
      <c r="EL10" s="433">
        <v>2890591</v>
      </c>
      <c r="EM10" s="433">
        <v>1364180</v>
      </c>
      <c r="EN10" s="437">
        <v>9965005</v>
      </c>
      <c r="EO10" s="436">
        <v>9973185</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985685</v>
      </c>
      <c r="FM10" s="433">
        <v>3308000</v>
      </c>
      <c r="FN10" s="434">
        <v>4293685</v>
      </c>
      <c r="FO10" s="432">
        <v>0</v>
      </c>
      <c r="FP10" s="433">
        <v>3925760</v>
      </c>
      <c r="FQ10" s="433">
        <v>15211545</v>
      </c>
      <c r="FR10" s="433">
        <v>11326720</v>
      </c>
      <c r="FS10" s="433">
        <v>9611376</v>
      </c>
      <c r="FT10" s="433">
        <v>6749816</v>
      </c>
      <c r="FU10" s="434">
        <v>46825217</v>
      </c>
      <c r="FV10" s="436">
        <v>51118902</v>
      </c>
      <c r="FW10" s="440">
        <v>941949</v>
      </c>
      <c r="FX10" s="433">
        <v>2752320</v>
      </c>
      <c r="FY10" s="437">
        <v>3694269</v>
      </c>
      <c r="FZ10" s="438">
        <v>0</v>
      </c>
      <c r="GA10" s="433">
        <v>3314592</v>
      </c>
      <c r="GB10" s="433">
        <v>14908536</v>
      </c>
      <c r="GC10" s="433">
        <v>11145216</v>
      </c>
      <c r="GD10" s="433">
        <v>9315808</v>
      </c>
      <c r="GE10" s="433">
        <v>6649544</v>
      </c>
      <c r="GF10" s="434">
        <v>45333696</v>
      </c>
      <c r="GG10" s="441">
        <v>49027965</v>
      </c>
      <c r="GH10" s="440">
        <v>0</v>
      </c>
      <c r="GI10" s="433">
        <v>14400</v>
      </c>
      <c r="GJ10" s="437">
        <v>14400</v>
      </c>
      <c r="GK10" s="438">
        <v>0</v>
      </c>
      <c r="GL10" s="433">
        <v>77968</v>
      </c>
      <c r="GM10" s="433">
        <v>101089</v>
      </c>
      <c r="GN10" s="433">
        <v>87104</v>
      </c>
      <c r="GO10" s="433">
        <v>109648</v>
      </c>
      <c r="GP10" s="433">
        <v>83552</v>
      </c>
      <c r="GQ10" s="434">
        <v>459361</v>
      </c>
      <c r="GR10" s="436">
        <v>473761</v>
      </c>
      <c r="GS10" s="432">
        <v>43736</v>
      </c>
      <c r="GT10" s="433">
        <v>541280</v>
      </c>
      <c r="GU10" s="434">
        <v>585016</v>
      </c>
      <c r="GV10" s="432">
        <v>0</v>
      </c>
      <c r="GW10" s="433">
        <v>533200</v>
      </c>
      <c r="GX10" s="433">
        <v>201920</v>
      </c>
      <c r="GY10" s="433">
        <v>94400</v>
      </c>
      <c r="GZ10" s="433">
        <v>185920</v>
      </c>
      <c r="HA10" s="433">
        <v>16720</v>
      </c>
      <c r="HB10" s="437">
        <v>1032160</v>
      </c>
      <c r="HC10" s="436">
        <v>1617176</v>
      </c>
      <c r="HD10" s="432">
        <v>3750413</v>
      </c>
      <c r="HE10" s="433">
        <v>5940850</v>
      </c>
      <c r="HF10" s="437">
        <v>9691263</v>
      </c>
      <c r="HG10" s="438">
        <v>0</v>
      </c>
      <c r="HH10" s="433">
        <v>30192177</v>
      </c>
      <c r="HI10" s="433">
        <v>35989341</v>
      </c>
      <c r="HJ10" s="433">
        <v>39450434</v>
      </c>
      <c r="HK10" s="433">
        <v>38791754</v>
      </c>
      <c r="HL10" s="433">
        <v>28381961</v>
      </c>
      <c r="HM10" s="434">
        <v>172805667</v>
      </c>
      <c r="HN10" s="435">
        <v>182496930</v>
      </c>
      <c r="HO10" s="475"/>
      <c r="HP10" s="476"/>
      <c r="HQ10" s="477"/>
      <c r="HR10" s="478"/>
      <c r="HS10" s="476"/>
      <c r="HT10" s="476"/>
      <c r="HU10" s="476"/>
      <c r="HV10" s="476"/>
      <c r="HW10" s="476"/>
      <c r="HX10" s="479"/>
      <c r="HY10" s="480"/>
      <c r="HZ10" s="442">
        <v>181667</v>
      </c>
      <c r="IA10" s="443">
        <v>611874</v>
      </c>
      <c r="IB10" s="444">
        <v>793541</v>
      </c>
      <c r="IC10" s="445">
        <v>0</v>
      </c>
      <c r="ID10" s="446">
        <v>30371223</v>
      </c>
      <c r="IE10" s="447">
        <v>42639315</v>
      </c>
      <c r="IF10" s="448">
        <v>40352453</v>
      </c>
      <c r="IG10" s="446">
        <v>34529633</v>
      </c>
      <c r="IH10" s="448">
        <v>27107731</v>
      </c>
      <c r="II10" s="449">
        <v>175000355</v>
      </c>
      <c r="IJ10" s="450">
        <v>175793896</v>
      </c>
      <c r="IK10" s="451">
        <v>0</v>
      </c>
      <c r="IL10" s="452">
        <v>0</v>
      </c>
      <c r="IM10" s="453">
        <v>0</v>
      </c>
      <c r="IN10" s="454"/>
      <c r="IO10" s="455">
        <v>565511</v>
      </c>
      <c r="IP10" s="455">
        <v>1253389</v>
      </c>
      <c r="IQ10" s="455">
        <v>1913911</v>
      </c>
      <c r="IR10" s="455">
        <v>2284049</v>
      </c>
      <c r="IS10" s="455">
        <v>2704313</v>
      </c>
      <c r="IT10" s="456">
        <v>8721173</v>
      </c>
      <c r="IU10" s="457">
        <v>8721173</v>
      </c>
      <c r="IV10" s="458">
        <v>0</v>
      </c>
      <c r="IW10" s="455">
        <v>0</v>
      </c>
      <c r="IX10" s="459">
        <v>0</v>
      </c>
      <c r="IY10" s="460"/>
      <c r="IZ10" s="455">
        <v>156858</v>
      </c>
      <c r="JA10" s="455">
        <v>349404</v>
      </c>
      <c r="JB10" s="455">
        <v>402453</v>
      </c>
      <c r="JC10" s="455">
        <v>819578</v>
      </c>
      <c r="JD10" s="455">
        <v>961950</v>
      </c>
      <c r="JE10" s="459">
        <v>2690243</v>
      </c>
      <c r="JF10" s="461">
        <v>2690243</v>
      </c>
      <c r="JG10" s="458">
        <v>0</v>
      </c>
      <c r="JH10" s="455">
        <v>0</v>
      </c>
      <c r="JI10" s="456">
        <v>0</v>
      </c>
      <c r="JJ10" s="462">
        <v>0</v>
      </c>
      <c r="JK10" s="455">
        <v>13990723</v>
      </c>
      <c r="JL10" s="455">
        <v>17211833</v>
      </c>
      <c r="JM10" s="455">
        <v>12105903</v>
      </c>
      <c r="JN10" s="455">
        <v>7901245</v>
      </c>
      <c r="JO10" s="455">
        <v>3412650</v>
      </c>
      <c r="JP10" s="459">
        <v>54622354</v>
      </c>
      <c r="JQ10" s="457">
        <v>54622354</v>
      </c>
      <c r="JR10" s="458">
        <v>0</v>
      </c>
      <c r="JS10" s="455">
        <v>0</v>
      </c>
      <c r="JT10" s="456">
        <v>0</v>
      </c>
      <c r="JU10" s="462">
        <v>0</v>
      </c>
      <c r="JV10" s="455">
        <v>3350386</v>
      </c>
      <c r="JW10" s="455">
        <v>3730266</v>
      </c>
      <c r="JX10" s="455">
        <v>7115270</v>
      </c>
      <c r="JY10" s="455">
        <v>2337211</v>
      </c>
      <c r="JZ10" s="455">
        <v>1728313</v>
      </c>
      <c r="KA10" s="459">
        <v>18261446</v>
      </c>
      <c r="KB10" s="457">
        <v>18261446</v>
      </c>
      <c r="KC10" s="463">
        <v>181667</v>
      </c>
      <c r="KD10" s="464">
        <v>560925</v>
      </c>
      <c r="KE10" s="459">
        <v>742592</v>
      </c>
      <c r="KF10" s="462">
        <v>0</v>
      </c>
      <c r="KG10" s="455">
        <v>3580504</v>
      </c>
      <c r="KH10" s="455">
        <v>5445345</v>
      </c>
      <c r="KI10" s="455">
        <v>6365999</v>
      </c>
      <c r="KJ10" s="455">
        <v>4991667</v>
      </c>
      <c r="KK10" s="455">
        <v>2955775</v>
      </c>
      <c r="KL10" s="459">
        <v>23339290</v>
      </c>
      <c r="KM10" s="465">
        <v>24081882</v>
      </c>
      <c r="KN10" s="451">
        <v>0</v>
      </c>
      <c r="KO10" s="452">
        <v>50949</v>
      </c>
      <c r="KP10" s="453">
        <v>50949</v>
      </c>
      <c r="KQ10" s="454"/>
      <c r="KR10" s="455">
        <v>7737017</v>
      </c>
      <c r="KS10" s="455">
        <v>13570264</v>
      </c>
      <c r="KT10" s="455">
        <v>11394413</v>
      </c>
      <c r="KU10" s="455">
        <v>13525239</v>
      </c>
      <c r="KV10" s="455">
        <v>7415371</v>
      </c>
      <c r="KW10" s="459">
        <v>53642304</v>
      </c>
      <c r="KX10" s="457">
        <v>53693253</v>
      </c>
      <c r="KY10" s="458">
        <v>0</v>
      </c>
      <c r="KZ10" s="455">
        <v>0</v>
      </c>
      <c r="LA10" s="459">
        <v>0</v>
      </c>
      <c r="LB10" s="466"/>
      <c r="LC10" s="455">
        <v>0</v>
      </c>
      <c r="LD10" s="455">
        <v>0</v>
      </c>
      <c r="LE10" s="455">
        <v>0</v>
      </c>
      <c r="LF10" s="455">
        <v>0</v>
      </c>
      <c r="LG10" s="455">
        <v>0</v>
      </c>
      <c r="LH10" s="459">
        <v>0</v>
      </c>
      <c r="LI10" s="461">
        <v>0</v>
      </c>
      <c r="LJ10" s="458">
        <v>0</v>
      </c>
      <c r="LK10" s="455">
        <v>0</v>
      </c>
      <c r="LL10" s="459">
        <v>0</v>
      </c>
      <c r="LM10" s="466"/>
      <c r="LN10" s="455">
        <v>0</v>
      </c>
      <c r="LO10" s="455">
        <v>452520</v>
      </c>
      <c r="LP10" s="455">
        <v>0</v>
      </c>
      <c r="LQ10" s="455">
        <v>521274</v>
      </c>
      <c r="LR10" s="455">
        <v>558947</v>
      </c>
      <c r="LS10" s="459">
        <v>1532741</v>
      </c>
      <c r="LT10" s="457">
        <v>1532741</v>
      </c>
      <c r="LU10" s="458">
        <v>0</v>
      </c>
      <c r="LV10" s="455">
        <v>0</v>
      </c>
      <c r="LW10" s="459">
        <v>0</v>
      </c>
      <c r="LX10" s="466"/>
      <c r="LY10" s="455">
        <v>990224</v>
      </c>
      <c r="LZ10" s="455">
        <v>626294</v>
      </c>
      <c r="MA10" s="455">
        <v>1054504</v>
      </c>
      <c r="MB10" s="455">
        <v>2149370</v>
      </c>
      <c r="MC10" s="455">
        <v>7370412</v>
      </c>
      <c r="MD10" s="459">
        <v>12190804</v>
      </c>
      <c r="ME10" s="461">
        <v>12190804</v>
      </c>
      <c r="MF10" s="458">
        <v>0</v>
      </c>
      <c r="MG10" s="455">
        <v>0</v>
      </c>
      <c r="MH10" s="459">
        <v>0</v>
      </c>
      <c r="MI10" s="466"/>
      <c r="MJ10" s="455">
        <v>8714389</v>
      </c>
      <c r="MK10" s="455">
        <v>29593590</v>
      </c>
      <c r="ML10" s="455">
        <v>84166949</v>
      </c>
      <c r="MM10" s="455">
        <v>101852487</v>
      </c>
      <c r="MN10" s="455">
        <v>71555112</v>
      </c>
      <c r="MO10" s="459">
        <v>295882527</v>
      </c>
      <c r="MP10" s="465">
        <v>295882527</v>
      </c>
      <c r="MQ10" s="458">
        <v>0</v>
      </c>
      <c r="MR10" s="455">
        <v>0</v>
      </c>
      <c r="MS10" s="459">
        <v>0</v>
      </c>
      <c r="MT10" s="466"/>
      <c r="MU10" s="455">
        <v>1734566</v>
      </c>
      <c r="MV10" s="455">
        <v>8160372</v>
      </c>
      <c r="MW10" s="455">
        <v>50537794</v>
      </c>
      <c r="MX10" s="455">
        <v>62687337</v>
      </c>
      <c r="MY10" s="455">
        <v>41742091</v>
      </c>
      <c r="MZ10" s="459">
        <v>164862160</v>
      </c>
      <c r="NA10" s="465">
        <v>164862160</v>
      </c>
      <c r="NB10" s="458">
        <v>0</v>
      </c>
      <c r="NC10" s="455">
        <v>0</v>
      </c>
      <c r="ND10" s="459">
        <v>0</v>
      </c>
      <c r="NE10" s="466"/>
      <c r="NF10" s="455">
        <v>6979823</v>
      </c>
      <c r="NG10" s="455">
        <v>21433218</v>
      </c>
      <c r="NH10" s="455">
        <v>33331587</v>
      </c>
      <c r="NI10" s="455">
        <v>38108855</v>
      </c>
      <c r="NJ10" s="455">
        <v>26533264</v>
      </c>
      <c r="NK10" s="459">
        <v>126386747</v>
      </c>
      <c r="NL10" s="457">
        <v>126386747</v>
      </c>
      <c r="NM10" s="458">
        <v>0</v>
      </c>
      <c r="NN10" s="455">
        <v>0</v>
      </c>
      <c r="NO10" s="459">
        <v>0</v>
      </c>
      <c r="NP10" s="466"/>
      <c r="NQ10" s="455">
        <v>0</v>
      </c>
      <c r="NR10" s="455">
        <v>0</v>
      </c>
      <c r="NS10" s="455">
        <v>0</v>
      </c>
      <c r="NT10" s="455">
        <v>719683</v>
      </c>
      <c r="NU10" s="455">
        <v>622006</v>
      </c>
      <c r="NV10" s="459">
        <v>1341689</v>
      </c>
      <c r="NW10" s="461">
        <v>1341689</v>
      </c>
      <c r="NX10" s="458">
        <v>0</v>
      </c>
      <c r="NY10" s="455">
        <v>0</v>
      </c>
      <c r="NZ10" s="459">
        <v>0</v>
      </c>
      <c r="OA10" s="466"/>
      <c r="OB10" s="455">
        <v>0</v>
      </c>
      <c r="OC10" s="455">
        <v>0</v>
      </c>
      <c r="OD10" s="455">
        <v>297568</v>
      </c>
      <c r="OE10" s="455">
        <v>336612</v>
      </c>
      <c r="OF10" s="455">
        <v>2657751</v>
      </c>
      <c r="OG10" s="459">
        <v>3291931</v>
      </c>
      <c r="OH10" s="461">
        <v>3291931</v>
      </c>
      <c r="OI10" s="458">
        <v>9743238</v>
      </c>
      <c r="OJ10" s="455">
        <v>21784142</v>
      </c>
      <c r="OK10" s="456">
        <v>31527380</v>
      </c>
      <c r="OL10" s="462">
        <v>0</v>
      </c>
      <c r="OM10" s="455">
        <v>141992643</v>
      </c>
      <c r="ON10" s="455">
        <v>237077400</v>
      </c>
      <c r="OO10" s="455">
        <v>277114579</v>
      </c>
      <c r="OP10" s="455">
        <v>262607138</v>
      </c>
      <c r="OQ10" s="455">
        <v>192451768</v>
      </c>
      <c r="OR10" s="459">
        <v>1111243528</v>
      </c>
      <c r="OS10" s="465">
        <v>1142770908</v>
      </c>
    </row>
    <row r="11" spans="1:409" ht="21" customHeight="1" x14ac:dyDescent="0.2">
      <c r="B11" s="126" t="s">
        <v>6</v>
      </c>
      <c r="C11" s="110">
        <v>3726265</v>
      </c>
      <c r="D11" s="114">
        <v>4246108</v>
      </c>
      <c r="E11" s="113">
        <v>7972373</v>
      </c>
      <c r="F11" s="109">
        <v>0</v>
      </c>
      <c r="G11" s="114">
        <v>38464440</v>
      </c>
      <c r="H11" s="114">
        <v>37409400</v>
      </c>
      <c r="I11" s="114">
        <v>38190268</v>
      </c>
      <c r="J11" s="114">
        <v>34291348</v>
      </c>
      <c r="K11" s="114">
        <v>28020492</v>
      </c>
      <c r="L11" s="109">
        <v>176375948</v>
      </c>
      <c r="M11" s="116">
        <v>184348321</v>
      </c>
      <c r="N11" s="110">
        <v>1106432</v>
      </c>
      <c r="O11" s="114">
        <v>1419230</v>
      </c>
      <c r="P11" s="113">
        <v>2525662</v>
      </c>
      <c r="Q11" s="110">
        <v>0</v>
      </c>
      <c r="R11" s="114">
        <v>11865031</v>
      </c>
      <c r="S11" s="114">
        <v>14733258</v>
      </c>
      <c r="T11" s="114">
        <v>11865396</v>
      </c>
      <c r="U11" s="114">
        <v>13693160</v>
      </c>
      <c r="V11" s="114">
        <v>14033741</v>
      </c>
      <c r="W11" s="113">
        <v>66190586</v>
      </c>
      <c r="X11" s="116">
        <v>68716248</v>
      </c>
      <c r="Y11" s="110">
        <v>0</v>
      </c>
      <c r="Z11" s="114">
        <v>0</v>
      </c>
      <c r="AA11" s="113">
        <v>0</v>
      </c>
      <c r="AB11" s="110">
        <v>0</v>
      </c>
      <c r="AC11" s="114">
        <v>4585752</v>
      </c>
      <c r="AD11" s="114">
        <v>5578906</v>
      </c>
      <c r="AE11" s="114">
        <v>5804643</v>
      </c>
      <c r="AF11" s="114">
        <v>5996857</v>
      </c>
      <c r="AG11" s="114">
        <v>6962215</v>
      </c>
      <c r="AH11" s="113">
        <v>28928373</v>
      </c>
      <c r="AI11" s="116">
        <v>28928373</v>
      </c>
      <c r="AJ11" s="110">
        <v>0</v>
      </c>
      <c r="AK11" s="114">
        <v>0</v>
      </c>
      <c r="AL11" s="113">
        <v>0</v>
      </c>
      <c r="AM11" s="110">
        <v>0</v>
      </c>
      <c r="AN11" s="114">
        <v>138997</v>
      </c>
      <c r="AO11" s="114">
        <v>74462</v>
      </c>
      <c r="AP11" s="114">
        <v>390334</v>
      </c>
      <c r="AQ11" s="114">
        <v>574465</v>
      </c>
      <c r="AR11" s="114">
        <v>1462191</v>
      </c>
      <c r="AS11" s="113">
        <v>2640449</v>
      </c>
      <c r="AT11" s="116">
        <v>2640449</v>
      </c>
      <c r="AU11" s="110">
        <v>505933</v>
      </c>
      <c r="AV11" s="114">
        <v>1019766</v>
      </c>
      <c r="AW11" s="113">
        <v>1525699</v>
      </c>
      <c r="AX11" s="110">
        <v>0</v>
      </c>
      <c r="AY11" s="114">
        <v>4353609</v>
      </c>
      <c r="AZ11" s="114">
        <v>5890267</v>
      </c>
      <c r="BA11" s="114">
        <v>3170015</v>
      </c>
      <c r="BB11" s="114">
        <v>4208732</v>
      </c>
      <c r="BC11" s="114">
        <v>3378682</v>
      </c>
      <c r="BD11" s="113">
        <v>21001305</v>
      </c>
      <c r="BE11" s="116">
        <v>22527004</v>
      </c>
      <c r="BF11" s="110">
        <v>43867</v>
      </c>
      <c r="BG11" s="114">
        <v>0</v>
      </c>
      <c r="BH11" s="112">
        <v>43867</v>
      </c>
      <c r="BI11" s="111">
        <v>0</v>
      </c>
      <c r="BJ11" s="114">
        <v>210065</v>
      </c>
      <c r="BK11" s="114">
        <v>620775</v>
      </c>
      <c r="BL11" s="114">
        <v>149268</v>
      </c>
      <c r="BM11" s="114">
        <v>362738</v>
      </c>
      <c r="BN11" s="114">
        <v>80789</v>
      </c>
      <c r="BO11" s="113">
        <v>1423635</v>
      </c>
      <c r="BP11" s="116">
        <v>1467502</v>
      </c>
      <c r="BQ11" s="110">
        <v>556632</v>
      </c>
      <c r="BR11" s="114">
        <v>399464</v>
      </c>
      <c r="BS11" s="113">
        <v>956096</v>
      </c>
      <c r="BT11" s="110">
        <v>0</v>
      </c>
      <c r="BU11" s="114">
        <v>2576608</v>
      </c>
      <c r="BV11" s="114">
        <v>2568848</v>
      </c>
      <c r="BW11" s="114">
        <v>2351136</v>
      </c>
      <c r="BX11" s="114">
        <v>2550368</v>
      </c>
      <c r="BY11" s="114">
        <v>2149864</v>
      </c>
      <c r="BZ11" s="113">
        <v>12196824</v>
      </c>
      <c r="CA11" s="116">
        <v>13152920</v>
      </c>
      <c r="CB11" s="110">
        <v>194361</v>
      </c>
      <c r="CC11" s="114">
        <v>439388</v>
      </c>
      <c r="CD11" s="113">
        <v>633749</v>
      </c>
      <c r="CE11" s="110">
        <v>0</v>
      </c>
      <c r="CF11" s="114">
        <v>11257351</v>
      </c>
      <c r="CG11" s="114">
        <v>6873910</v>
      </c>
      <c r="CH11" s="114">
        <v>6853636</v>
      </c>
      <c r="CI11" s="114">
        <v>5626066</v>
      </c>
      <c r="CJ11" s="114">
        <v>2814162</v>
      </c>
      <c r="CK11" s="113">
        <v>33425125</v>
      </c>
      <c r="CL11" s="116">
        <v>34058874</v>
      </c>
      <c r="CM11" s="110">
        <v>0</v>
      </c>
      <c r="CN11" s="114">
        <v>0</v>
      </c>
      <c r="CO11" s="113">
        <v>0</v>
      </c>
      <c r="CP11" s="111">
        <v>0</v>
      </c>
      <c r="CQ11" s="114">
        <v>9152607</v>
      </c>
      <c r="CR11" s="114">
        <v>3294305</v>
      </c>
      <c r="CS11" s="114">
        <v>4948589</v>
      </c>
      <c r="CT11" s="114">
        <v>4209057</v>
      </c>
      <c r="CU11" s="114">
        <v>2137703</v>
      </c>
      <c r="CV11" s="113">
        <v>23742261</v>
      </c>
      <c r="CW11" s="116">
        <v>23742261</v>
      </c>
      <c r="CX11" s="110">
        <v>194361</v>
      </c>
      <c r="CY11" s="114">
        <v>439388</v>
      </c>
      <c r="CZ11" s="113">
        <v>633749</v>
      </c>
      <c r="DA11" s="110">
        <v>0</v>
      </c>
      <c r="DB11" s="114">
        <v>2104744</v>
      </c>
      <c r="DC11" s="114">
        <v>3579605</v>
      </c>
      <c r="DD11" s="114">
        <v>1905047</v>
      </c>
      <c r="DE11" s="114">
        <v>1417009</v>
      </c>
      <c r="DF11" s="114">
        <v>676459</v>
      </c>
      <c r="DG11" s="113">
        <v>9682864</v>
      </c>
      <c r="DH11" s="116">
        <v>10316613</v>
      </c>
      <c r="DI11" s="110">
        <v>66061</v>
      </c>
      <c r="DJ11" s="114">
        <v>80171</v>
      </c>
      <c r="DK11" s="112">
        <v>146232</v>
      </c>
      <c r="DL11" s="111">
        <v>0</v>
      </c>
      <c r="DM11" s="114">
        <v>1024612</v>
      </c>
      <c r="DN11" s="114">
        <v>1932472</v>
      </c>
      <c r="DO11" s="114">
        <v>3224965</v>
      </c>
      <c r="DP11" s="114">
        <v>1449343</v>
      </c>
      <c r="DQ11" s="114">
        <v>1669094</v>
      </c>
      <c r="DR11" s="113">
        <v>9300486</v>
      </c>
      <c r="DS11" s="116">
        <v>9446718</v>
      </c>
      <c r="DT11" s="110">
        <v>66061</v>
      </c>
      <c r="DU11" s="114">
        <v>80171</v>
      </c>
      <c r="DV11" s="113">
        <v>146232</v>
      </c>
      <c r="DW11" s="110">
        <v>0</v>
      </c>
      <c r="DX11" s="114">
        <v>892705</v>
      </c>
      <c r="DY11" s="114">
        <v>1779015</v>
      </c>
      <c r="DZ11" s="114">
        <v>2654845</v>
      </c>
      <c r="EA11" s="114">
        <v>982137</v>
      </c>
      <c r="EB11" s="114">
        <v>1438942</v>
      </c>
      <c r="EC11" s="113">
        <v>7747644</v>
      </c>
      <c r="ED11" s="116">
        <v>7893876</v>
      </c>
      <c r="EE11" s="110">
        <v>0</v>
      </c>
      <c r="EF11" s="112">
        <v>0</v>
      </c>
      <c r="EG11" s="113">
        <v>0</v>
      </c>
      <c r="EH11" s="110">
        <v>0</v>
      </c>
      <c r="EI11" s="114">
        <v>131907</v>
      </c>
      <c r="EJ11" s="114">
        <v>153457</v>
      </c>
      <c r="EK11" s="114">
        <v>570120</v>
      </c>
      <c r="EL11" s="114">
        <v>467206</v>
      </c>
      <c r="EM11" s="114">
        <v>230152</v>
      </c>
      <c r="EN11" s="112">
        <v>1552842</v>
      </c>
      <c r="EO11" s="116">
        <v>1552842</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543600</v>
      </c>
      <c r="FM11" s="114">
        <v>666840</v>
      </c>
      <c r="FN11" s="113">
        <v>1210440</v>
      </c>
      <c r="FO11" s="110">
        <v>0</v>
      </c>
      <c r="FP11" s="114">
        <v>2027821</v>
      </c>
      <c r="FQ11" s="114">
        <v>4139184</v>
      </c>
      <c r="FR11" s="114">
        <v>3250902</v>
      </c>
      <c r="FS11" s="114">
        <v>3521488</v>
      </c>
      <c r="FT11" s="114">
        <v>2510152</v>
      </c>
      <c r="FU11" s="113">
        <v>15449547</v>
      </c>
      <c r="FV11" s="116">
        <v>16659987</v>
      </c>
      <c r="FW11" s="115">
        <v>345000</v>
      </c>
      <c r="FX11" s="114">
        <v>565880</v>
      </c>
      <c r="FY11" s="112">
        <v>910880</v>
      </c>
      <c r="FZ11" s="111">
        <v>0</v>
      </c>
      <c r="GA11" s="114">
        <v>1517304</v>
      </c>
      <c r="GB11" s="114">
        <v>3625712</v>
      </c>
      <c r="GC11" s="114">
        <v>3078182</v>
      </c>
      <c r="GD11" s="114">
        <v>3271432</v>
      </c>
      <c r="GE11" s="114">
        <v>2427432</v>
      </c>
      <c r="GF11" s="113">
        <v>13920062</v>
      </c>
      <c r="GG11" s="318">
        <v>14830942</v>
      </c>
      <c r="GH11" s="115">
        <v>14520</v>
      </c>
      <c r="GI11" s="114">
        <v>21120</v>
      </c>
      <c r="GJ11" s="112">
        <v>35640</v>
      </c>
      <c r="GK11" s="111">
        <v>0</v>
      </c>
      <c r="GL11" s="114">
        <v>285717</v>
      </c>
      <c r="GM11" s="114">
        <v>181872</v>
      </c>
      <c r="GN11" s="114">
        <v>69360</v>
      </c>
      <c r="GO11" s="114">
        <v>87616</v>
      </c>
      <c r="GP11" s="114">
        <v>0</v>
      </c>
      <c r="GQ11" s="113">
        <v>624565</v>
      </c>
      <c r="GR11" s="116">
        <v>660205</v>
      </c>
      <c r="GS11" s="110">
        <v>184080</v>
      </c>
      <c r="GT11" s="114">
        <v>79840</v>
      </c>
      <c r="GU11" s="113">
        <v>263920</v>
      </c>
      <c r="GV11" s="110">
        <v>0</v>
      </c>
      <c r="GW11" s="114">
        <v>224800</v>
      </c>
      <c r="GX11" s="114">
        <v>331600</v>
      </c>
      <c r="GY11" s="114">
        <v>103360</v>
      </c>
      <c r="GZ11" s="114">
        <v>162440</v>
      </c>
      <c r="HA11" s="114">
        <v>82720</v>
      </c>
      <c r="HB11" s="112">
        <v>904920</v>
      </c>
      <c r="HC11" s="116">
        <v>1168840</v>
      </c>
      <c r="HD11" s="110">
        <v>1815811</v>
      </c>
      <c r="HE11" s="114">
        <v>1640479</v>
      </c>
      <c r="HF11" s="112">
        <v>3456290</v>
      </c>
      <c r="HG11" s="111">
        <v>0</v>
      </c>
      <c r="HH11" s="114">
        <v>12289625</v>
      </c>
      <c r="HI11" s="114">
        <v>9730576</v>
      </c>
      <c r="HJ11" s="114">
        <v>12995369</v>
      </c>
      <c r="HK11" s="114">
        <v>10001291</v>
      </c>
      <c r="HL11" s="114">
        <v>6993343</v>
      </c>
      <c r="HM11" s="113">
        <v>52010204</v>
      </c>
      <c r="HN11" s="109">
        <v>55466494</v>
      </c>
      <c r="HO11" s="328"/>
      <c r="HP11" s="329"/>
      <c r="HQ11" s="330"/>
      <c r="HR11" s="331"/>
      <c r="HS11" s="329"/>
      <c r="HT11" s="329"/>
      <c r="HU11" s="329"/>
      <c r="HV11" s="329"/>
      <c r="HW11" s="329"/>
      <c r="HX11" s="332"/>
      <c r="HY11" s="333"/>
      <c r="HZ11" s="131">
        <v>90529</v>
      </c>
      <c r="IA11" s="132">
        <v>0</v>
      </c>
      <c r="IB11" s="133">
        <v>90529</v>
      </c>
      <c r="IC11" s="146">
        <v>0</v>
      </c>
      <c r="ID11" s="132">
        <v>10522793</v>
      </c>
      <c r="IE11" s="147">
        <v>10911332</v>
      </c>
      <c r="IF11" s="133">
        <v>13825934</v>
      </c>
      <c r="IG11" s="132">
        <v>14977560</v>
      </c>
      <c r="IH11" s="133">
        <v>7065264</v>
      </c>
      <c r="II11" s="148">
        <v>57302883</v>
      </c>
      <c r="IJ11" s="139">
        <v>57393412</v>
      </c>
      <c r="IK11" s="232">
        <v>0</v>
      </c>
      <c r="IL11" s="236">
        <v>0</v>
      </c>
      <c r="IM11" s="237">
        <v>0</v>
      </c>
      <c r="IN11" s="140"/>
      <c r="IO11" s="119">
        <v>362340</v>
      </c>
      <c r="IP11" s="119">
        <v>115950</v>
      </c>
      <c r="IQ11" s="119">
        <v>1172580</v>
      </c>
      <c r="IR11" s="119">
        <v>1142953</v>
      </c>
      <c r="IS11" s="119">
        <v>1194604</v>
      </c>
      <c r="IT11" s="141">
        <v>3988427</v>
      </c>
      <c r="IU11" s="320">
        <v>3988427</v>
      </c>
      <c r="IV11" s="142">
        <v>0</v>
      </c>
      <c r="IW11" s="119">
        <v>0</v>
      </c>
      <c r="IX11" s="120">
        <v>0</v>
      </c>
      <c r="IY11" s="144"/>
      <c r="IZ11" s="119">
        <v>31241</v>
      </c>
      <c r="JA11" s="119">
        <v>106196</v>
      </c>
      <c r="JB11" s="119">
        <v>227796</v>
      </c>
      <c r="JC11" s="119">
        <v>53934</v>
      </c>
      <c r="JD11" s="119">
        <v>86609</v>
      </c>
      <c r="JE11" s="120">
        <v>505776</v>
      </c>
      <c r="JF11" s="121">
        <v>505776</v>
      </c>
      <c r="JG11" s="142">
        <v>0</v>
      </c>
      <c r="JH11" s="119">
        <v>0</v>
      </c>
      <c r="JI11" s="141">
        <v>0</v>
      </c>
      <c r="JJ11" s="118">
        <v>0</v>
      </c>
      <c r="JK11" s="119">
        <v>3453306</v>
      </c>
      <c r="JL11" s="119">
        <v>2879320</v>
      </c>
      <c r="JM11" s="119">
        <v>2343034</v>
      </c>
      <c r="JN11" s="119">
        <v>1600249</v>
      </c>
      <c r="JO11" s="119">
        <v>506161</v>
      </c>
      <c r="JP11" s="120">
        <v>10782070</v>
      </c>
      <c r="JQ11" s="320">
        <v>10782070</v>
      </c>
      <c r="JR11" s="142">
        <v>0</v>
      </c>
      <c r="JS11" s="119">
        <v>0</v>
      </c>
      <c r="JT11" s="141">
        <v>0</v>
      </c>
      <c r="JU11" s="118">
        <v>0</v>
      </c>
      <c r="JV11" s="119">
        <v>1469100</v>
      </c>
      <c r="JW11" s="119">
        <v>1446978</v>
      </c>
      <c r="JX11" s="119">
        <v>892789</v>
      </c>
      <c r="JY11" s="119">
        <v>598073</v>
      </c>
      <c r="JZ11" s="119">
        <v>756653</v>
      </c>
      <c r="KA11" s="120">
        <v>5163593</v>
      </c>
      <c r="KB11" s="320">
        <v>5163593</v>
      </c>
      <c r="KC11" s="234">
        <v>90529</v>
      </c>
      <c r="KD11" s="230">
        <v>0</v>
      </c>
      <c r="KE11" s="120">
        <v>90529</v>
      </c>
      <c r="KF11" s="118">
        <v>0</v>
      </c>
      <c r="KG11" s="119">
        <v>980508</v>
      </c>
      <c r="KH11" s="119">
        <v>951221</v>
      </c>
      <c r="KI11" s="119">
        <v>1873188</v>
      </c>
      <c r="KJ11" s="119">
        <v>3205480</v>
      </c>
      <c r="KK11" s="119">
        <v>559813</v>
      </c>
      <c r="KL11" s="120">
        <v>7570210</v>
      </c>
      <c r="KM11" s="143">
        <v>7660739</v>
      </c>
      <c r="KN11" s="232">
        <v>0</v>
      </c>
      <c r="KO11" s="236">
        <v>0</v>
      </c>
      <c r="KP11" s="237">
        <v>0</v>
      </c>
      <c r="KQ11" s="140"/>
      <c r="KR11" s="119">
        <v>3468862</v>
      </c>
      <c r="KS11" s="119">
        <v>4833837</v>
      </c>
      <c r="KT11" s="119">
        <v>4966851</v>
      </c>
      <c r="KU11" s="119">
        <v>5649674</v>
      </c>
      <c r="KV11" s="119">
        <v>2342070</v>
      </c>
      <c r="KW11" s="120">
        <v>21261294</v>
      </c>
      <c r="KX11" s="320">
        <v>21261294</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1901311</v>
      </c>
      <c r="LQ11" s="119">
        <v>1022410</v>
      </c>
      <c r="LR11" s="119">
        <v>559299</v>
      </c>
      <c r="LS11" s="120">
        <v>3483020</v>
      </c>
      <c r="LT11" s="320">
        <v>3483020</v>
      </c>
      <c r="LU11" s="142">
        <v>0</v>
      </c>
      <c r="LV11" s="119">
        <v>0</v>
      </c>
      <c r="LW11" s="120">
        <v>0</v>
      </c>
      <c r="LX11" s="145"/>
      <c r="LY11" s="119">
        <v>757436</v>
      </c>
      <c r="LZ11" s="119">
        <v>577830</v>
      </c>
      <c r="MA11" s="119">
        <v>448385</v>
      </c>
      <c r="MB11" s="119">
        <v>1704787</v>
      </c>
      <c r="MC11" s="119">
        <v>1060055</v>
      </c>
      <c r="MD11" s="120">
        <v>4548493</v>
      </c>
      <c r="ME11" s="121">
        <v>4548493</v>
      </c>
      <c r="MF11" s="142">
        <v>0</v>
      </c>
      <c r="MG11" s="119">
        <v>0</v>
      </c>
      <c r="MH11" s="120">
        <v>0</v>
      </c>
      <c r="MI11" s="145"/>
      <c r="MJ11" s="119">
        <v>2740323</v>
      </c>
      <c r="MK11" s="119">
        <v>5741275</v>
      </c>
      <c r="ML11" s="119">
        <v>17268276</v>
      </c>
      <c r="MM11" s="119">
        <v>25284132</v>
      </c>
      <c r="MN11" s="119">
        <v>16907495</v>
      </c>
      <c r="MO11" s="120">
        <v>67941501</v>
      </c>
      <c r="MP11" s="143">
        <v>67941501</v>
      </c>
      <c r="MQ11" s="142">
        <v>0</v>
      </c>
      <c r="MR11" s="119">
        <v>0</v>
      </c>
      <c r="MS11" s="120">
        <v>0</v>
      </c>
      <c r="MT11" s="145"/>
      <c r="MU11" s="119">
        <v>179967</v>
      </c>
      <c r="MV11" s="119">
        <v>960774</v>
      </c>
      <c r="MW11" s="119">
        <v>9239569</v>
      </c>
      <c r="MX11" s="119">
        <v>13342454</v>
      </c>
      <c r="MY11" s="119">
        <v>8527019</v>
      </c>
      <c r="MZ11" s="120">
        <v>32249783</v>
      </c>
      <c r="NA11" s="143">
        <v>32249783</v>
      </c>
      <c r="NB11" s="142">
        <v>0</v>
      </c>
      <c r="NC11" s="119">
        <v>0</v>
      </c>
      <c r="ND11" s="120">
        <v>0</v>
      </c>
      <c r="NE11" s="145"/>
      <c r="NF11" s="119">
        <v>2560356</v>
      </c>
      <c r="NG11" s="119">
        <v>4780501</v>
      </c>
      <c r="NH11" s="119">
        <v>7743389</v>
      </c>
      <c r="NI11" s="119">
        <v>9101057</v>
      </c>
      <c r="NJ11" s="119">
        <v>7154636</v>
      </c>
      <c r="NK11" s="120">
        <v>31339939</v>
      </c>
      <c r="NL11" s="320">
        <v>31339939</v>
      </c>
      <c r="NM11" s="142">
        <v>0</v>
      </c>
      <c r="NN11" s="119">
        <v>0</v>
      </c>
      <c r="NO11" s="120">
        <v>0</v>
      </c>
      <c r="NP11" s="145"/>
      <c r="NQ11" s="119">
        <v>0</v>
      </c>
      <c r="NR11" s="119">
        <v>0</v>
      </c>
      <c r="NS11" s="119">
        <v>285318</v>
      </c>
      <c r="NT11" s="119">
        <v>1744490</v>
      </c>
      <c r="NU11" s="119">
        <v>60813</v>
      </c>
      <c r="NV11" s="120">
        <v>2090621</v>
      </c>
      <c r="NW11" s="121">
        <v>2090621</v>
      </c>
      <c r="NX11" s="142">
        <v>0</v>
      </c>
      <c r="NY11" s="119">
        <v>0</v>
      </c>
      <c r="NZ11" s="120">
        <v>0</v>
      </c>
      <c r="OA11" s="145"/>
      <c r="OB11" s="119">
        <v>0</v>
      </c>
      <c r="OC11" s="119">
        <v>0</v>
      </c>
      <c r="OD11" s="119">
        <v>0</v>
      </c>
      <c r="OE11" s="119">
        <v>1096131</v>
      </c>
      <c r="OF11" s="119">
        <v>1165027</v>
      </c>
      <c r="OG11" s="120">
        <v>2261158</v>
      </c>
      <c r="OH11" s="121">
        <v>2261158</v>
      </c>
      <c r="OI11" s="142">
        <v>3816794</v>
      </c>
      <c r="OJ11" s="119">
        <v>4246108</v>
      </c>
      <c r="OK11" s="141">
        <v>8062902</v>
      </c>
      <c r="OL11" s="118">
        <v>0</v>
      </c>
      <c r="OM11" s="119">
        <v>51727556</v>
      </c>
      <c r="ON11" s="119">
        <v>54062007</v>
      </c>
      <c r="OO11" s="119">
        <v>69284478</v>
      </c>
      <c r="OP11" s="119">
        <v>74553040</v>
      </c>
      <c r="OQ11" s="119">
        <v>51993251</v>
      </c>
      <c r="OR11" s="120">
        <v>301620332</v>
      </c>
      <c r="OS11" s="143">
        <v>309683234</v>
      </c>
    </row>
    <row r="12" spans="1:409" ht="21" customHeight="1" x14ac:dyDescent="0.2">
      <c r="B12" s="126" t="s">
        <v>14</v>
      </c>
      <c r="C12" s="110">
        <v>1272417</v>
      </c>
      <c r="D12" s="114">
        <v>3002745</v>
      </c>
      <c r="E12" s="113">
        <v>4275162</v>
      </c>
      <c r="F12" s="109">
        <v>0</v>
      </c>
      <c r="G12" s="114">
        <v>16467508</v>
      </c>
      <c r="H12" s="114">
        <v>24587249</v>
      </c>
      <c r="I12" s="114">
        <v>26393489</v>
      </c>
      <c r="J12" s="114">
        <v>16002159</v>
      </c>
      <c r="K12" s="114">
        <v>8229923</v>
      </c>
      <c r="L12" s="112">
        <v>91680328</v>
      </c>
      <c r="M12" s="116">
        <v>95955490</v>
      </c>
      <c r="N12" s="110">
        <v>302047</v>
      </c>
      <c r="O12" s="114">
        <v>901645</v>
      </c>
      <c r="P12" s="113">
        <v>1203692</v>
      </c>
      <c r="Q12" s="110">
        <v>0</v>
      </c>
      <c r="R12" s="114">
        <v>4551692</v>
      </c>
      <c r="S12" s="114">
        <v>8442308</v>
      </c>
      <c r="T12" s="114">
        <v>7954454</v>
      </c>
      <c r="U12" s="114">
        <v>5428602</v>
      </c>
      <c r="V12" s="114">
        <v>4199826</v>
      </c>
      <c r="W12" s="113">
        <v>30576882</v>
      </c>
      <c r="X12" s="116">
        <v>31780574</v>
      </c>
      <c r="Y12" s="110">
        <v>0</v>
      </c>
      <c r="Z12" s="114">
        <v>0</v>
      </c>
      <c r="AA12" s="113">
        <v>0</v>
      </c>
      <c r="AB12" s="110">
        <v>0</v>
      </c>
      <c r="AC12" s="114">
        <v>2079825</v>
      </c>
      <c r="AD12" s="114">
        <v>4024936</v>
      </c>
      <c r="AE12" s="114">
        <v>4032912</v>
      </c>
      <c r="AF12" s="114">
        <v>2940421</v>
      </c>
      <c r="AG12" s="114">
        <v>1974791</v>
      </c>
      <c r="AH12" s="113">
        <v>15052885</v>
      </c>
      <c r="AI12" s="116">
        <v>15052885</v>
      </c>
      <c r="AJ12" s="110">
        <v>0</v>
      </c>
      <c r="AK12" s="114">
        <v>0</v>
      </c>
      <c r="AL12" s="113">
        <v>0</v>
      </c>
      <c r="AM12" s="110">
        <v>0</v>
      </c>
      <c r="AN12" s="114">
        <v>0</v>
      </c>
      <c r="AO12" s="114">
        <v>0</v>
      </c>
      <c r="AP12" s="114">
        <v>23691</v>
      </c>
      <c r="AQ12" s="114">
        <v>157783</v>
      </c>
      <c r="AR12" s="114">
        <v>495162</v>
      </c>
      <c r="AS12" s="113">
        <v>676636</v>
      </c>
      <c r="AT12" s="116">
        <v>676636</v>
      </c>
      <c r="AU12" s="110">
        <v>78271</v>
      </c>
      <c r="AV12" s="114">
        <v>570959</v>
      </c>
      <c r="AW12" s="113">
        <v>649230</v>
      </c>
      <c r="AX12" s="110">
        <v>0</v>
      </c>
      <c r="AY12" s="114">
        <v>1347458</v>
      </c>
      <c r="AZ12" s="114">
        <v>3083034</v>
      </c>
      <c r="BA12" s="114">
        <v>2407004</v>
      </c>
      <c r="BB12" s="114">
        <v>1165705</v>
      </c>
      <c r="BC12" s="114">
        <v>1111793</v>
      </c>
      <c r="BD12" s="113">
        <v>9114994</v>
      </c>
      <c r="BE12" s="116">
        <v>9764224</v>
      </c>
      <c r="BF12" s="110">
        <v>0</v>
      </c>
      <c r="BG12" s="114">
        <v>88262</v>
      </c>
      <c r="BH12" s="112">
        <v>88262</v>
      </c>
      <c r="BI12" s="111">
        <v>0</v>
      </c>
      <c r="BJ12" s="114">
        <v>65801</v>
      </c>
      <c r="BK12" s="114">
        <v>5338</v>
      </c>
      <c r="BL12" s="114">
        <v>94183</v>
      </c>
      <c r="BM12" s="114">
        <v>177933</v>
      </c>
      <c r="BN12" s="114">
        <v>0</v>
      </c>
      <c r="BO12" s="113">
        <v>343255</v>
      </c>
      <c r="BP12" s="116">
        <v>431517</v>
      </c>
      <c r="BQ12" s="110">
        <v>223776</v>
      </c>
      <c r="BR12" s="114">
        <v>242424</v>
      </c>
      <c r="BS12" s="113">
        <v>466200</v>
      </c>
      <c r="BT12" s="110">
        <v>0</v>
      </c>
      <c r="BU12" s="114">
        <v>1058608</v>
      </c>
      <c r="BV12" s="114">
        <v>1329000</v>
      </c>
      <c r="BW12" s="114">
        <v>1396664</v>
      </c>
      <c r="BX12" s="114">
        <v>986760</v>
      </c>
      <c r="BY12" s="114">
        <v>618080</v>
      </c>
      <c r="BZ12" s="113">
        <v>5389112</v>
      </c>
      <c r="CA12" s="116">
        <v>5855312</v>
      </c>
      <c r="CB12" s="110">
        <v>162521</v>
      </c>
      <c r="CC12" s="114">
        <v>428173</v>
      </c>
      <c r="CD12" s="113">
        <v>590694</v>
      </c>
      <c r="CE12" s="110">
        <v>0</v>
      </c>
      <c r="CF12" s="114">
        <v>5742314</v>
      </c>
      <c r="CG12" s="114">
        <v>7639447</v>
      </c>
      <c r="CH12" s="114">
        <v>7793933</v>
      </c>
      <c r="CI12" s="114">
        <v>4133546</v>
      </c>
      <c r="CJ12" s="114">
        <v>423069</v>
      </c>
      <c r="CK12" s="113">
        <v>25732309</v>
      </c>
      <c r="CL12" s="116">
        <v>26323003</v>
      </c>
      <c r="CM12" s="110">
        <v>0</v>
      </c>
      <c r="CN12" s="114">
        <v>0</v>
      </c>
      <c r="CO12" s="113">
        <v>0</v>
      </c>
      <c r="CP12" s="111">
        <v>0</v>
      </c>
      <c r="CQ12" s="114">
        <v>5093225</v>
      </c>
      <c r="CR12" s="114">
        <v>6220584</v>
      </c>
      <c r="CS12" s="114">
        <v>6622430</v>
      </c>
      <c r="CT12" s="114">
        <v>3188215</v>
      </c>
      <c r="CU12" s="114">
        <v>423069</v>
      </c>
      <c r="CV12" s="113">
        <v>21547523</v>
      </c>
      <c r="CW12" s="116">
        <v>21547523</v>
      </c>
      <c r="CX12" s="110">
        <v>162521</v>
      </c>
      <c r="CY12" s="114">
        <v>428173</v>
      </c>
      <c r="CZ12" s="113">
        <v>590694</v>
      </c>
      <c r="DA12" s="110">
        <v>0</v>
      </c>
      <c r="DB12" s="114">
        <v>649089</v>
      </c>
      <c r="DC12" s="114">
        <v>1418863</v>
      </c>
      <c r="DD12" s="114">
        <v>1171503</v>
      </c>
      <c r="DE12" s="114">
        <v>945331</v>
      </c>
      <c r="DF12" s="114">
        <v>0</v>
      </c>
      <c r="DG12" s="113">
        <v>4184786</v>
      </c>
      <c r="DH12" s="116">
        <v>4775480</v>
      </c>
      <c r="DI12" s="110">
        <v>0</v>
      </c>
      <c r="DJ12" s="114">
        <v>34853</v>
      </c>
      <c r="DK12" s="112">
        <v>34853</v>
      </c>
      <c r="DL12" s="111">
        <v>0</v>
      </c>
      <c r="DM12" s="114">
        <v>615523</v>
      </c>
      <c r="DN12" s="114">
        <v>1221298</v>
      </c>
      <c r="DO12" s="114">
        <v>3251189</v>
      </c>
      <c r="DP12" s="114">
        <v>1367738</v>
      </c>
      <c r="DQ12" s="114">
        <v>297459</v>
      </c>
      <c r="DR12" s="113">
        <v>6753207</v>
      </c>
      <c r="DS12" s="116">
        <v>6788060</v>
      </c>
      <c r="DT12" s="110">
        <v>0</v>
      </c>
      <c r="DU12" s="114">
        <v>34853</v>
      </c>
      <c r="DV12" s="113">
        <v>34853</v>
      </c>
      <c r="DW12" s="110">
        <v>0</v>
      </c>
      <c r="DX12" s="114">
        <v>615523</v>
      </c>
      <c r="DY12" s="114">
        <v>1129879</v>
      </c>
      <c r="DZ12" s="114">
        <v>3213971</v>
      </c>
      <c r="EA12" s="114">
        <v>1299220</v>
      </c>
      <c r="EB12" s="114">
        <v>221623</v>
      </c>
      <c r="EC12" s="113">
        <v>6480216</v>
      </c>
      <c r="ED12" s="116">
        <v>6515069</v>
      </c>
      <c r="EE12" s="110">
        <v>0</v>
      </c>
      <c r="EF12" s="112">
        <v>0</v>
      </c>
      <c r="EG12" s="113">
        <v>0</v>
      </c>
      <c r="EH12" s="110">
        <v>0</v>
      </c>
      <c r="EI12" s="114">
        <v>0</v>
      </c>
      <c r="EJ12" s="114">
        <v>91419</v>
      </c>
      <c r="EK12" s="114">
        <v>37218</v>
      </c>
      <c r="EL12" s="114">
        <v>68518</v>
      </c>
      <c r="EM12" s="114">
        <v>75836</v>
      </c>
      <c r="EN12" s="112">
        <v>272991</v>
      </c>
      <c r="EO12" s="116">
        <v>272991</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253624</v>
      </c>
      <c r="FM12" s="114">
        <v>870928</v>
      </c>
      <c r="FN12" s="113">
        <v>1124552</v>
      </c>
      <c r="FO12" s="110">
        <v>0</v>
      </c>
      <c r="FP12" s="114">
        <v>739944</v>
      </c>
      <c r="FQ12" s="114">
        <v>3127488</v>
      </c>
      <c r="FR12" s="114">
        <v>2211643</v>
      </c>
      <c r="FS12" s="114">
        <v>1395532</v>
      </c>
      <c r="FT12" s="114">
        <v>891016</v>
      </c>
      <c r="FU12" s="113">
        <v>8365623</v>
      </c>
      <c r="FV12" s="116">
        <v>9490175</v>
      </c>
      <c r="FW12" s="115">
        <v>153736</v>
      </c>
      <c r="FX12" s="114">
        <v>762896</v>
      </c>
      <c r="FY12" s="112">
        <v>916632</v>
      </c>
      <c r="FZ12" s="111">
        <v>0</v>
      </c>
      <c r="GA12" s="114">
        <v>649288</v>
      </c>
      <c r="GB12" s="114">
        <v>2873168</v>
      </c>
      <c r="GC12" s="114">
        <v>2087312</v>
      </c>
      <c r="GD12" s="114">
        <v>1372300</v>
      </c>
      <c r="GE12" s="114">
        <v>891016</v>
      </c>
      <c r="GF12" s="113">
        <v>7873084</v>
      </c>
      <c r="GG12" s="318">
        <v>8789716</v>
      </c>
      <c r="GH12" s="115">
        <v>23760</v>
      </c>
      <c r="GI12" s="114">
        <v>40832</v>
      </c>
      <c r="GJ12" s="112">
        <v>64592</v>
      </c>
      <c r="GK12" s="111">
        <v>0</v>
      </c>
      <c r="GL12" s="114">
        <v>62656</v>
      </c>
      <c r="GM12" s="114">
        <v>29040</v>
      </c>
      <c r="GN12" s="114">
        <v>51216</v>
      </c>
      <c r="GO12" s="114">
        <v>23232</v>
      </c>
      <c r="GP12" s="114">
        <v>0</v>
      </c>
      <c r="GQ12" s="113">
        <v>166144</v>
      </c>
      <c r="GR12" s="116">
        <v>230736</v>
      </c>
      <c r="GS12" s="110">
        <v>76128</v>
      </c>
      <c r="GT12" s="114">
        <v>67200</v>
      </c>
      <c r="GU12" s="113">
        <v>143328</v>
      </c>
      <c r="GV12" s="110">
        <v>0</v>
      </c>
      <c r="GW12" s="114">
        <v>28000</v>
      </c>
      <c r="GX12" s="114">
        <v>225280</v>
      </c>
      <c r="GY12" s="114">
        <v>73115</v>
      </c>
      <c r="GZ12" s="114">
        <v>0</v>
      </c>
      <c r="HA12" s="114">
        <v>0</v>
      </c>
      <c r="HB12" s="112">
        <v>326395</v>
      </c>
      <c r="HC12" s="116">
        <v>469723</v>
      </c>
      <c r="HD12" s="110">
        <v>554225</v>
      </c>
      <c r="HE12" s="114">
        <v>767146</v>
      </c>
      <c r="HF12" s="112">
        <v>1321371</v>
      </c>
      <c r="HG12" s="111">
        <v>0</v>
      </c>
      <c r="HH12" s="114">
        <v>4818035</v>
      </c>
      <c r="HI12" s="114">
        <v>4156708</v>
      </c>
      <c r="HJ12" s="114">
        <v>5182270</v>
      </c>
      <c r="HK12" s="114">
        <v>3676741</v>
      </c>
      <c r="HL12" s="114">
        <v>2418553</v>
      </c>
      <c r="HM12" s="113">
        <v>20252307</v>
      </c>
      <c r="HN12" s="109">
        <v>21573678</v>
      </c>
      <c r="HO12" s="328"/>
      <c r="HP12" s="329"/>
      <c r="HQ12" s="330"/>
      <c r="HR12" s="331"/>
      <c r="HS12" s="329"/>
      <c r="HT12" s="329"/>
      <c r="HU12" s="329"/>
      <c r="HV12" s="329"/>
      <c r="HW12" s="329"/>
      <c r="HX12" s="332"/>
      <c r="HY12" s="333"/>
      <c r="HZ12" s="131">
        <v>86797</v>
      </c>
      <c r="IA12" s="132">
        <v>132506</v>
      </c>
      <c r="IB12" s="133">
        <v>219303</v>
      </c>
      <c r="IC12" s="134">
        <v>0</v>
      </c>
      <c r="ID12" s="135">
        <v>5398785</v>
      </c>
      <c r="IE12" s="136">
        <v>8121439</v>
      </c>
      <c r="IF12" s="137">
        <v>7054174</v>
      </c>
      <c r="IG12" s="135">
        <v>4670219</v>
      </c>
      <c r="IH12" s="137">
        <v>4344578</v>
      </c>
      <c r="II12" s="138">
        <v>29589195</v>
      </c>
      <c r="IJ12" s="139">
        <v>29808498</v>
      </c>
      <c r="IK12" s="232">
        <v>0</v>
      </c>
      <c r="IL12" s="236">
        <v>0</v>
      </c>
      <c r="IM12" s="237">
        <v>0</v>
      </c>
      <c r="IN12" s="140"/>
      <c r="IO12" s="119">
        <v>79044</v>
      </c>
      <c r="IP12" s="119">
        <v>337710</v>
      </c>
      <c r="IQ12" s="119">
        <v>0</v>
      </c>
      <c r="IR12" s="119">
        <v>226243</v>
      </c>
      <c r="IS12" s="119">
        <v>82791</v>
      </c>
      <c r="IT12" s="141">
        <v>725788</v>
      </c>
      <c r="IU12" s="320">
        <v>725788</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2833723</v>
      </c>
      <c r="JL12" s="119">
        <v>3117711</v>
      </c>
      <c r="JM12" s="119">
        <v>2434076</v>
      </c>
      <c r="JN12" s="119">
        <v>586070</v>
      </c>
      <c r="JO12" s="119">
        <v>799247</v>
      </c>
      <c r="JP12" s="120">
        <v>9770827</v>
      </c>
      <c r="JQ12" s="320">
        <v>9770827</v>
      </c>
      <c r="JR12" s="142">
        <v>0</v>
      </c>
      <c r="JS12" s="119">
        <v>0</v>
      </c>
      <c r="JT12" s="141">
        <v>0</v>
      </c>
      <c r="JU12" s="118">
        <v>0</v>
      </c>
      <c r="JV12" s="119">
        <v>139415</v>
      </c>
      <c r="JW12" s="119">
        <v>267573</v>
      </c>
      <c r="JX12" s="119">
        <v>98122</v>
      </c>
      <c r="JY12" s="119">
        <v>84646</v>
      </c>
      <c r="JZ12" s="119">
        <v>0</v>
      </c>
      <c r="KA12" s="120">
        <v>589756</v>
      </c>
      <c r="KB12" s="320">
        <v>589756</v>
      </c>
      <c r="KC12" s="234">
        <v>86797</v>
      </c>
      <c r="KD12" s="230">
        <v>132506</v>
      </c>
      <c r="KE12" s="120">
        <v>219303</v>
      </c>
      <c r="KF12" s="118">
        <v>0</v>
      </c>
      <c r="KG12" s="119">
        <v>889805</v>
      </c>
      <c r="KH12" s="119">
        <v>1272346</v>
      </c>
      <c r="KI12" s="119">
        <v>1264637</v>
      </c>
      <c r="KJ12" s="119">
        <v>342372</v>
      </c>
      <c r="KK12" s="119">
        <v>1408685</v>
      </c>
      <c r="KL12" s="120">
        <v>5177845</v>
      </c>
      <c r="KM12" s="143">
        <v>5397148</v>
      </c>
      <c r="KN12" s="232">
        <v>0</v>
      </c>
      <c r="KO12" s="236">
        <v>0</v>
      </c>
      <c r="KP12" s="237">
        <v>0</v>
      </c>
      <c r="KQ12" s="140"/>
      <c r="KR12" s="119">
        <v>1306010</v>
      </c>
      <c r="KS12" s="119">
        <v>2746221</v>
      </c>
      <c r="KT12" s="119">
        <v>2910514</v>
      </c>
      <c r="KU12" s="119">
        <v>2626503</v>
      </c>
      <c r="KV12" s="119">
        <v>1699295</v>
      </c>
      <c r="KW12" s="120">
        <v>11288543</v>
      </c>
      <c r="KX12" s="320">
        <v>11288543</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206600</v>
      </c>
      <c r="LQ12" s="119">
        <v>256804</v>
      </c>
      <c r="LR12" s="119">
        <v>0</v>
      </c>
      <c r="LS12" s="120">
        <v>463404</v>
      </c>
      <c r="LT12" s="320">
        <v>463404</v>
      </c>
      <c r="LU12" s="142">
        <v>0</v>
      </c>
      <c r="LV12" s="119">
        <v>0</v>
      </c>
      <c r="LW12" s="120">
        <v>0</v>
      </c>
      <c r="LX12" s="145"/>
      <c r="LY12" s="119">
        <v>150788</v>
      </c>
      <c r="LZ12" s="119">
        <v>379878</v>
      </c>
      <c r="MA12" s="119">
        <v>140225</v>
      </c>
      <c r="MB12" s="119">
        <v>547581</v>
      </c>
      <c r="MC12" s="119">
        <v>354560</v>
      </c>
      <c r="MD12" s="120">
        <v>1573032</v>
      </c>
      <c r="ME12" s="121">
        <v>1573032</v>
      </c>
      <c r="MF12" s="142">
        <v>0</v>
      </c>
      <c r="MG12" s="119">
        <v>0</v>
      </c>
      <c r="MH12" s="120">
        <v>0</v>
      </c>
      <c r="MI12" s="145"/>
      <c r="MJ12" s="119">
        <v>0</v>
      </c>
      <c r="MK12" s="119">
        <v>1460629</v>
      </c>
      <c r="ML12" s="119">
        <v>11334539</v>
      </c>
      <c r="MM12" s="119">
        <v>19745551</v>
      </c>
      <c r="MN12" s="119">
        <v>9182558</v>
      </c>
      <c r="MO12" s="120">
        <v>41723277</v>
      </c>
      <c r="MP12" s="143">
        <v>41723277</v>
      </c>
      <c r="MQ12" s="142">
        <v>0</v>
      </c>
      <c r="MR12" s="119">
        <v>0</v>
      </c>
      <c r="MS12" s="120">
        <v>0</v>
      </c>
      <c r="MT12" s="145"/>
      <c r="MU12" s="119">
        <v>0</v>
      </c>
      <c r="MV12" s="119">
        <v>166708</v>
      </c>
      <c r="MW12" s="119">
        <v>8111122</v>
      </c>
      <c r="MX12" s="119">
        <v>14096323</v>
      </c>
      <c r="MY12" s="119">
        <v>6399852</v>
      </c>
      <c r="MZ12" s="120">
        <v>28774005</v>
      </c>
      <c r="NA12" s="143">
        <v>28774005</v>
      </c>
      <c r="NB12" s="142">
        <v>0</v>
      </c>
      <c r="NC12" s="119">
        <v>0</v>
      </c>
      <c r="ND12" s="120">
        <v>0</v>
      </c>
      <c r="NE12" s="145"/>
      <c r="NF12" s="119">
        <v>0</v>
      </c>
      <c r="NG12" s="119">
        <v>1293921</v>
      </c>
      <c r="NH12" s="119">
        <v>3223417</v>
      </c>
      <c r="NI12" s="119">
        <v>5353309</v>
      </c>
      <c r="NJ12" s="119">
        <v>1449236</v>
      </c>
      <c r="NK12" s="120">
        <v>11319883</v>
      </c>
      <c r="NL12" s="320">
        <v>11319883</v>
      </c>
      <c r="NM12" s="142">
        <v>0</v>
      </c>
      <c r="NN12" s="119">
        <v>0</v>
      </c>
      <c r="NO12" s="120">
        <v>0</v>
      </c>
      <c r="NP12" s="145"/>
      <c r="NQ12" s="119">
        <v>0</v>
      </c>
      <c r="NR12" s="119">
        <v>0</v>
      </c>
      <c r="NS12" s="119">
        <v>0</v>
      </c>
      <c r="NT12" s="119">
        <v>0</v>
      </c>
      <c r="NU12" s="119">
        <v>281044</v>
      </c>
      <c r="NV12" s="120">
        <v>281044</v>
      </c>
      <c r="NW12" s="121">
        <v>281044</v>
      </c>
      <c r="NX12" s="142">
        <v>0</v>
      </c>
      <c r="NY12" s="119">
        <v>0</v>
      </c>
      <c r="NZ12" s="120">
        <v>0</v>
      </c>
      <c r="OA12" s="145"/>
      <c r="OB12" s="119">
        <v>0</v>
      </c>
      <c r="OC12" s="119">
        <v>0</v>
      </c>
      <c r="OD12" s="119">
        <v>0</v>
      </c>
      <c r="OE12" s="119">
        <v>295919</v>
      </c>
      <c r="OF12" s="119">
        <v>1052426</v>
      </c>
      <c r="OG12" s="120">
        <v>1348345</v>
      </c>
      <c r="OH12" s="121">
        <v>1348345</v>
      </c>
      <c r="OI12" s="142">
        <v>1359214</v>
      </c>
      <c r="OJ12" s="119">
        <v>3135251</v>
      </c>
      <c r="OK12" s="141">
        <v>4494465</v>
      </c>
      <c r="OL12" s="118">
        <v>0</v>
      </c>
      <c r="OM12" s="119">
        <v>21866293</v>
      </c>
      <c r="ON12" s="119">
        <v>34169317</v>
      </c>
      <c r="OO12" s="119">
        <v>44782202</v>
      </c>
      <c r="OP12" s="119">
        <v>40417929</v>
      </c>
      <c r="OQ12" s="119">
        <v>21757059</v>
      </c>
      <c r="OR12" s="120">
        <v>162992800</v>
      </c>
      <c r="OS12" s="143">
        <v>167487265</v>
      </c>
    </row>
    <row r="13" spans="1:409" ht="21" customHeight="1" x14ac:dyDescent="0.2">
      <c r="B13" s="126" t="s">
        <v>7</v>
      </c>
      <c r="C13" s="110">
        <v>1209559</v>
      </c>
      <c r="D13" s="114">
        <v>925609</v>
      </c>
      <c r="E13" s="113">
        <v>2135168</v>
      </c>
      <c r="F13" s="109">
        <v>0</v>
      </c>
      <c r="G13" s="114">
        <v>23406637</v>
      </c>
      <c r="H13" s="114">
        <v>23017503</v>
      </c>
      <c r="I13" s="114">
        <v>18049323</v>
      </c>
      <c r="J13" s="114">
        <v>16570857</v>
      </c>
      <c r="K13" s="114">
        <v>11245357</v>
      </c>
      <c r="L13" s="109">
        <v>92289677</v>
      </c>
      <c r="M13" s="116">
        <v>94424845</v>
      </c>
      <c r="N13" s="110">
        <v>246714</v>
      </c>
      <c r="O13" s="114">
        <v>195597</v>
      </c>
      <c r="P13" s="113">
        <v>442311</v>
      </c>
      <c r="Q13" s="110">
        <v>0</v>
      </c>
      <c r="R13" s="114">
        <v>6707351</v>
      </c>
      <c r="S13" s="114">
        <v>7420193</v>
      </c>
      <c r="T13" s="114">
        <v>6920781</v>
      </c>
      <c r="U13" s="114">
        <v>7912460</v>
      </c>
      <c r="V13" s="114">
        <v>5975922</v>
      </c>
      <c r="W13" s="113">
        <v>34936707</v>
      </c>
      <c r="X13" s="116">
        <v>35379018</v>
      </c>
      <c r="Y13" s="110">
        <v>0</v>
      </c>
      <c r="Z13" s="114">
        <v>0</v>
      </c>
      <c r="AA13" s="113">
        <v>0</v>
      </c>
      <c r="AB13" s="110">
        <v>0</v>
      </c>
      <c r="AC13" s="114">
        <v>3184425</v>
      </c>
      <c r="AD13" s="114">
        <v>3884959</v>
      </c>
      <c r="AE13" s="114">
        <v>3878827</v>
      </c>
      <c r="AF13" s="114">
        <v>4439355</v>
      </c>
      <c r="AG13" s="114">
        <v>3631723</v>
      </c>
      <c r="AH13" s="113">
        <v>19019289</v>
      </c>
      <c r="AI13" s="116">
        <v>19019289</v>
      </c>
      <c r="AJ13" s="110">
        <v>0</v>
      </c>
      <c r="AK13" s="114">
        <v>0</v>
      </c>
      <c r="AL13" s="113">
        <v>0</v>
      </c>
      <c r="AM13" s="110">
        <v>0</v>
      </c>
      <c r="AN13" s="114">
        <v>46763</v>
      </c>
      <c r="AO13" s="114">
        <v>177224</v>
      </c>
      <c r="AP13" s="114">
        <v>420883</v>
      </c>
      <c r="AQ13" s="114">
        <v>1156280</v>
      </c>
      <c r="AR13" s="114">
        <v>597874</v>
      </c>
      <c r="AS13" s="113">
        <v>2399024</v>
      </c>
      <c r="AT13" s="116">
        <v>2399024</v>
      </c>
      <c r="AU13" s="110">
        <v>42490</v>
      </c>
      <c r="AV13" s="114">
        <v>105013</v>
      </c>
      <c r="AW13" s="113">
        <v>147503</v>
      </c>
      <c r="AX13" s="110">
        <v>0</v>
      </c>
      <c r="AY13" s="114">
        <v>2005398</v>
      </c>
      <c r="AZ13" s="114">
        <v>1970598</v>
      </c>
      <c r="BA13" s="114">
        <v>1251368</v>
      </c>
      <c r="BB13" s="114">
        <v>1282334</v>
      </c>
      <c r="BC13" s="114">
        <v>1045822</v>
      </c>
      <c r="BD13" s="113">
        <v>7555520</v>
      </c>
      <c r="BE13" s="116">
        <v>7703023</v>
      </c>
      <c r="BF13" s="110">
        <v>0</v>
      </c>
      <c r="BG13" s="114">
        <v>0</v>
      </c>
      <c r="BH13" s="112">
        <v>0</v>
      </c>
      <c r="BI13" s="111">
        <v>0</v>
      </c>
      <c r="BJ13" s="114">
        <v>175245</v>
      </c>
      <c r="BK13" s="114">
        <v>168140</v>
      </c>
      <c r="BL13" s="114">
        <v>251791</v>
      </c>
      <c r="BM13" s="114">
        <v>134427</v>
      </c>
      <c r="BN13" s="114">
        <v>23319</v>
      </c>
      <c r="BO13" s="113">
        <v>752922</v>
      </c>
      <c r="BP13" s="116">
        <v>752922</v>
      </c>
      <c r="BQ13" s="110">
        <v>204224</v>
      </c>
      <c r="BR13" s="114">
        <v>90584</v>
      </c>
      <c r="BS13" s="113">
        <v>294808</v>
      </c>
      <c r="BT13" s="110">
        <v>0</v>
      </c>
      <c r="BU13" s="114">
        <v>1295520</v>
      </c>
      <c r="BV13" s="114">
        <v>1219272</v>
      </c>
      <c r="BW13" s="114">
        <v>1117912</v>
      </c>
      <c r="BX13" s="114">
        <v>900064</v>
      </c>
      <c r="BY13" s="114">
        <v>677184</v>
      </c>
      <c r="BZ13" s="113">
        <v>5209952</v>
      </c>
      <c r="CA13" s="116">
        <v>5504760</v>
      </c>
      <c r="CB13" s="110">
        <v>19428</v>
      </c>
      <c r="CC13" s="114">
        <v>71358</v>
      </c>
      <c r="CD13" s="113">
        <v>90786</v>
      </c>
      <c r="CE13" s="110">
        <v>0</v>
      </c>
      <c r="CF13" s="114">
        <v>7364183</v>
      </c>
      <c r="CG13" s="114">
        <v>5527051</v>
      </c>
      <c r="CH13" s="114">
        <v>3763959</v>
      </c>
      <c r="CI13" s="114">
        <v>1616793</v>
      </c>
      <c r="CJ13" s="114">
        <v>945026</v>
      </c>
      <c r="CK13" s="113">
        <v>19217012</v>
      </c>
      <c r="CL13" s="116">
        <v>19307798</v>
      </c>
      <c r="CM13" s="110">
        <v>0</v>
      </c>
      <c r="CN13" s="114">
        <v>0</v>
      </c>
      <c r="CO13" s="113">
        <v>0</v>
      </c>
      <c r="CP13" s="111">
        <v>0</v>
      </c>
      <c r="CQ13" s="114">
        <v>6392574</v>
      </c>
      <c r="CR13" s="114">
        <v>4284950</v>
      </c>
      <c r="CS13" s="114">
        <v>3098945</v>
      </c>
      <c r="CT13" s="114">
        <v>1397809</v>
      </c>
      <c r="CU13" s="114">
        <v>888632</v>
      </c>
      <c r="CV13" s="113">
        <v>16062910</v>
      </c>
      <c r="CW13" s="116">
        <v>16062910</v>
      </c>
      <c r="CX13" s="110">
        <v>19428</v>
      </c>
      <c r="CY13" s="114">
        <v>71358</v>
      </c>
      <c r="CZ13" s="113">
        <v>90786</v>
      </c>
      <c r="DA13" s="110">
        <v>0</v>
      </c>
      <c r="DB13" s="114">
        <v>971609</v>
      </c>
      <c r="DC13" s="114">
        <v>1242101</v>
      </c>
      <c r="DD13" s="114">
        <v>665014</v>
      </c>
      <c r="DE13" s="114">
        <v>218984</v>
      </c>
      <c r="DF13" s="114">
        <v>56394</v>
      </c>
      <c r="DG13" s="113">
        <v>3154102</v>
      </c>
      <c r="DH13" s="116">
        <v>3244888</v>
      </c>
      <c r="DI13" s="110">
        <v>0</v>
      </c>
      <c r="DJ13" s="114">
        <v>0</v>
      </c>
      <c r="DK13" s="112">
        <v>0</v>
      </c>
      <c r="DL13" s="111">
        <v>0</v>
      </c>
      <c r="DM13" s="114">
        <v>949644</v>
      </c>
      <c r="DN13" s="114">
        <v>1463240</v>
      </c>
      <c r="DO13" s="114">
        <v>1469812</v>
      </c>
      <c r="DP13" s="114">
        <v>1258018</v>
      </c>
      <c r="DQ13" s="114">
        <v>374874</v>
      </c>
      <c r="DR13" s="113">
        <v>5515588</v>
      </c>
      <c r="DS13" s="116">
        <v>5515588</v>
      </c>
      <c r="DT13" s="110">
        <v>0</v>
      </c>
      <c r="DU13" s="114">
        <v>0</v>
      </c>
      <c r="DV13" s="113">
        <v>0</v>
      </c>
      <c r="DW13" s="110">
        <v>0</v>
      </c>
      <c r="DX13" s="114">
        <v>890380</v>
      </c>
      <c r="DY13" s="114">
        <v>1371498</v>
      </c>
      <c r="DZ13" s="114">
        <v>1469812</v>
      </c>
      <c r="EA13" s="114">
        <v>969039</v>
      </c>
      <c r="EB13" s="114">
        <v>374874</v>
      </c>
      <c r="EC13" s="113">
        <v>5075603</v>
      </c>
      <c r="ED13" s="116">
        <v>5075603</v>
      </c>
      <c r="EE13" s="110">
        <v>0</v>
      </c>
      <c r="EF13" s="112">
        <v>0</v>
      </c>
      <c r="EG13" s="113">
        <v>0</v>
      </c>
      <c r="EH13" s="110">
        <v>0</v>
      </c>
      <c r="EI13" s="114">
        <v>59264</v>
      </c>
      <c r="EJ13" s="114">
        <v>91742</v>
      </c>
      <c r="EK13" s="114">
        <v>0</v>
      </c>
      <c r="EL13" s="114">
        <v>288979</v>
      </c>
      <c r="EM13" s="114">
        <v>0</v>
      </c>
      <c r="EN13" s="112">
        <v>439985</v>
      </c>
      <c r="EO13" s="116">
        <v>439985</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475400</v>
      </c>
      <c r="FM13" s="114">
        <v>170064</v>
      </c>
      <c r="FN13" s="113">
        <v>645464</v>
      </c>
      <c r="FO13" s="110">
        <v>0</v>
      </c>
      <c r="FP13" s="114">
        <v>1228240</v>
      </c>
      <c r="FQ13" s="114">
        <v>2822624</v>
      </c>
      <c r="FR13" s="114">
        <v>1582520</v>
      </c>
      <c r="FS13" s="114">
        <v>1458992</v>
      </c>
      <c r="FT13" s="114">
        <v>953856</v>
      </c>
      <c r="FU13" s="113">
        <v>8046232</v>
      </c>
      <c r="FV13" s="116">
        <v>8691696</v>
      </c>
      <c r="FW13" s="115">
        <v>81000</v>
      </c>
      <c r="FX13" s="114">
        <v>155664</v>
      </c>
      <c r="FY13" s="112">
        <v>236664</v>
      </c>
      <c r="FZ13" s="111">
        <v>0</v>
      </c>
      <c r="GA13" s="114">
        <v>730640</v>
      </c>
      <c r="GB13" s="114">
        <v>2472360</v>
      </c>
      <c r="GC13" s="114">
        <v>1469176</v>
      </c>
      <c r="GD13" s="114">
        <v>1300904</v>
      </c>
      <c r="GE13" s="114">
        <v>770816</v>
      </c>
      <c r="GF13" s="113">
        <v>6743896</v>
      </c>
      <c r="GG13" s="318">
        <v>6980560</v>
      </c>
      <c r="GH13" s="115">
        <v>86240</v>
      </c>
      <c r="GI13" s="114">
        <v>14400</v>
      </c>
      <c r="GJ13" s="112">
        <v>100640</v>
      </c>
      <c r="GK13" s="111">
        <v>0</v>
      </c>
      <c r="GL13" s="114">
        <v>79200</v>
      </c>
      <c r="GM13" s="114">
        <v>175384</v>
      </c>
      <c r="GN13" s="114">
        <v>113344</v>
      </c>
      <c r="GO13" s="114">
        <v>78800</v>
      </c>
      <c r="GP13" s="114">
        <v>51040</v>
      </c>
      <c r="GQ13" s="113">
        <v>497768</v>
      </c>
      <c r="GR13" s="116">
        <v>598408</v>
      </c>
      <c r="GS13" s="110">
        <v>308160</v>
      </c>
      <c r="GT13" s="114">
        <v>0</v>
      </c>
      <c r="GU13" s="113">
        <v>308160</v>
      </c>
      <c r="GV13" s="110">
        <v>0</v>
      </c>
      <c r="GW13" s="114">
        <v>418400</v>
      </c>
      <c r="GX13" s="114">
        <v>174880</v>
      </c>
      <c r="GY13" s="114">
        <v>0</v>
      </c>
      <c r="GZ13" s="114">
        <v>79288</v>
      </c>
      <c r="HA13" s="114">
        <v>132000</v>
      </c>
      <c r="HB13" s="112">
        <v>804568</v>
      </c>
      <c r="HC13" s="116">
        <v>1112728</v>
      </c>
      <c r="HD13" s="110">
        <v>468017</v>
      </c>
      <c r="HE13" s="114">
        <v>488590</v>
      </c>
      <c r="HF13" s="112">
        <v>956607</v>
      </c>
      <c r="HG13" s="111">
        <v>0</v>
      </c>
      <c r="HH13" s="114">
        <v>7157219</v>
      </c>
      <c r="HI13" s="114">
        <v>5784395</v>
      </c>
      <c r="HJ13" s="114">
        <v>4312251</v>
      </c>
      <c r="HK13" s="114">
        <v>4324594</v>
      </c>
      <c r="HL13" s="114">
        <v>2995679</v>
      </c>
      <c r="HM13" s="113">
        <v>24574138</v>
      </c>
      <c r="HN13" s="109">
        <v>25530745</v>
      </c>
      <c r="HO13" s="328"/>
      <c r="HP13" s="329"/>
      <c r="HQ13" s="330"/>
      <c r="HR13" s="331"/>
      <c r="HS13" s="329"/>
      <c r="HT13" s="329"/>
      <c r="HU13" s="329"/>
      <c r="HV13" s="329"/>
      <c r="HW13" s="329"/>
      <c r="HX13" s="332"/>
      <c r="HY13" s="333"/>
      <c r="HZ13" s="131">
        <v>48850</v>
      </c>
      <c r="IA13" s="132">
        <v>0</v>
      </c>
      <c r="IB13" s="133">
        <v>48850</v>
      </c>
      <c r="IC13" s="146">
        <v>0</v>
      </c>
      <c r="ID13" s="132">
        <v>6014395</v>
      </c>
      <c r="IE13" s="147">
        <v>4685430</v>
      </c>
      <c r="IF13" s="133">
        <v>6538390</v>
      </c>
      <c r="IG13" s="132">
        <v>2165353</v>
      </c>
      <c r="IH13" s="133">
        <v>2133899</v>
      </c>
      <c r="II13" s="148">
        <v>21537467</v>
      </c>
      <c r="IJ13" s="139">
        <v>21586317</v>
      </c>
      <c r="IK13" s="232">
        <v>0</v>
      </c>
      <c r="IL13" s="236">
        <v>0</v>
      </c>
      <c r="IM13" s="237">
        <v>0</v>
      </c>
      <c r="IN13" s="140"/>
      <c r="IO13" s="119">
        <v>0</v>
      </c>
      <c r="IP13" s="119">
        <v>0</v>
      </c>
      <c r="IQ13" s="119">
        <v>0</v>
      </c>
      <c r="IR13" s="119">
        <v>46934</v>
      </c>
      <c r="IS13" s="119">
        <v>0</v>
      </c>
      <c r="IT13" s="141">
        <v>46934</v>
      </c>
      <c r="IU13" s="320">
        <v>46934</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488179</v>
      </c>
      <c r="JL13" s="119">
        <v>1932103</v>
      </c>
      <c r="JM13" s="119">
        <v>1667588</v>
      </c>
      <c r="JN13" s="119">
        <v>247988</v>
      </c>
      <c r="JO13" s="119">
        <v>114974</v>
      </c>
      <c r="JP13" s="120">
        <v>7450832</v>
      </c>
      <c r="JQ13" s="320">
        <v>7450832</v>
      </c>
      <c r="JR13" s="142">
        <v>0</v>
      </c>
      <c r="JS13" s="119">
        <v>0</v>
      </c>
      <c r="JT13" s="141">
        <v>0</v>
      </c>
      <c r="JU13" s="118">
        <v>0</v>
      </c>
      <c r="JV13" s="119">
        <v>620275</v>
      </c>
      <c r="JW13" s="119">
        <v>1118948</v>
      </c>
      <c r="JX13" s="119">
        <v>684316</v>
      </c>
      <c r="JY13" s="119">
        <v>328271</v>
      </c>
      <c r="JZ13" s="119">
        <v>175880</v>
      </c>
      <c r="KA13" s="120">
        <v>2927690</v>
      </c>
      <c r="KB13" s="320">
        <v>2927690</v>
      </c>
      <c r="KC13" s="234">
        <v>48850</v>
      </c>
      <c r="KD13" s="230">
        <v>0</v>
      </c>
      <c r="KE13" s="120">
        <v>48850</v>
      </c>
      <c r="KF13" s="118">
        <v>0</v>
      </c>
      <c r="KG13" s="119">
        <v>449140</v>
      </c>
      <c r="KH13" s="119">
        <v>801130</v>
      </c>
      <c r="KI13" s="119">
        <v>416074</v>
      </c>
      <c r="KJ13" s="119">
        <v>0</v>
      </c>
      <c r="KK13" s="119">
        <v>0</v>
      </c>
      <c r="KL13" s="120">
        <v>1666344</v>
      </c>
      <c r="KM13" s="143">
        <v>1715194</v>
      </c>
      <c r="KN13" s="232">
        <v>0</v>
      </c>
      <c r="KO13" s="236">
        <v>0</v>
      </c>
      <c r="KP13" s="237">
        <v>0</v>
      </c>
      <c r="KQ13" s="140"/>
      <c r="KR13" s="119">
        <v>1297910</v>
      </c>
      <c r="KS13" s="119">
        <v>658398</v>
      </c>
      <c r="KT13" s="119">
        <v>3223629</v>
      </c>
      <c r="KU13" s="119">
        <v>989485</v>
      </c>
      <c r="KV13" s="119">
        <v>1186052</v>
      </c>
      <c r="KW13" s="120">
        <v>7355474</v>
      </c>
      <c r="KX13" s="320">
        <v>7355474</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158891</v>
      </c>
      <c r="LZ13" s="119">
        <v>174851</v>
      </c>
      <c r="MA13" s="119">
        <v>546783</v>
      </c>
      <c r="MB13" s="119">
        <v>552675</v>
      </c>
      <c r="MC13" s="119">
        <v>656993</v>
      </c>
      <c r="MD13" s="120">
        <v>2090193</v>
      </c>
      <c r="ME13" s="121">
        <v>2090193</v>
      </c>
      <c r="MF13" s="142">
        <v>0</v>
      </c>
      <c r="MG13" s="119">
        <v>0</v>
      </c>
      <c r="MH13" s="120">
        <v>0</v>
      </c>
      <c r="MI13" s="145"/>
      <c r="MJ13" s="119">
        <v>3296648</v>
      </c>
      <c r="MK13" s="119">
        <v>3786846</v>
      </c>
      <c r="ML13" s="119">
        <v>5971582</v>
      </c>
      <c r="MM13" s="119">
        <v>16575176</v>
      </c>
      <c r="MN13" s="119">
        <v>9342145</v>
      </c>
      <c r="MO13" s="120">
        <v>38972397</v>
      </c>
      <c r="MP13" s="143">
        <v>38972397</v>
      </c>
      <c r="MQ13" s="142">
        <v>0</v>
      </c>
      <c r="MR13" s="119">
        <v>0</v>
      </c>
      <c r="MS13" s="120">
        <v>0</v>
      </c>
      <c r="MT13" s="145"/>
      <c r="MU13" s="119">
        <v>0</v>
      </c>
      <c r="MV13" s="119">
        <v>635583</v>
      </c>
      <c r="MW13" s="119">
        <v>4049082</v>
      </c>
      <c r="MX13" s="119">
        <v>10572601</v>
      </c>
      <c r="MY13" s="119">
        <v>6920864</v>
      </c>
      <c r="MZ13" s="120">
        <v>22178130</v>
      </c>
      <c r="NA13" s="143">
        <v>22178130</v>
      </c>
      <c r="NB13" s="142">
        <v>0</v>
      </c>
      <c r="NC13" s="119">
        <v>0</v>
      </c>
      <c r="ND13" s="120">
        <v>0</v>
      </c>
      <c r="NE13" s="145"/>
      <c r="NF13" s="119">
        <v>3296648</v>
      </c>
      <c r="NG13" s="119">
        <v>3151263</v>
      </c>
      <c r="NH13" s="119">
        <v>1922500</v>
      </c>
      <c r="NI13" s="119">
        <v>5840557</v>
      </c>
      <c r="NJ13" s="119">
        <v>2421281</v>
      </c>
      <c r="NK13" s="120">
        <v>16632249</v>
      </c>
      <c r="NL13" s="320">
        <v>16632249</v>
      </c>
      <c r="NM13" s="142">
        <v>0</v>
      </c>
      <c r="NN13" s="119">
        <v>0</v>
      </c>
      <c r="NO13" s="120">
        <v>0</v>
      </c>
      <c r="NP13" s="145"/>
      <c r="NQ13" s="119">
        <v>0</v>
      </c>
      <c r="NR13" s="119">
        <v>0</v>
      </c>
      <c r="NS13" s="119">
        <v>0</v>
      </c>
      <c r="NT13" s="119">
        <v>162018</v>
      </c>
      <c r="NU13" s="119">
        <v>0</v>
      </c>
      <c r="NV13" s="120">
        <v>162018</v>
      </c>
      <c r="NW13" s="121">
        <v>162018</v>
      </c>
      <c r="NX13" s="142">
        <v>0</v>
      </c>
      <c r="NY13" s="119">
        <v>0</v>
      </c>
      <c r="NZ13" s="120">
        <v>0</v>
      </c>
      <c r="OA13" s="145"/>
      <c r="OB13" s="119">
        <v>0</v>
      </c>
      <c r="OC13" s="119">
        <v>0</v>
      </c>
      <c r="OD13" s="119">
        <v>0</v>
      </c>
      <c r="OE13" s="119">
        <v>0</v>
      </c>
      <c r="OF13" s="119">
        <v>0</v>
      </c>
      <c r="OG13" s="120">
        <v>0</v>
      </c>
      <c r="OH13" s="121">
        <v>0</v>
      </c>
      <c r="OI13" s="142">
        <v>1258409</v>
      </c>
      <c r="OJ13" s="119">
        <v>925609</v>
      </c>
      <c r="OK13" s="141">
        <v>2184018</v>
      </c>
      <c r="OL13" s="118">
        <v>0</v>
      </c>
      <c r="OM13" s="119">
        <v>32717680</v>
      </c>
      <c r="ON13" s="119">
        <v>31489779</v>
      </c>
      <c r="OO13" s="119">
        <v>30559295</v>
      </c>
      <c r="OP13" s="119">
        <v>35311386</v>
      </c>
      <c r="OQ13" s="119">
        <v>22721401</v>
      </c>
      <c r="OR13" s="120">
        <v>152799541</v>
      </c>
      <c r="OS13" s="143">
        <v>154983559</v>
      </c>
    </row>
    <row r="14" spans="1:409" ht="21" customHeight="1" x14ac:dyDescent="0.2">
      <c r="B14" s="126" t="s">
        <v>8</v>
      </c>
      <c r="C14" s="110">
        <v>922736</v>
      </c>
      <c r="D14" s="114">
        <v>595331</v>
      </c>
      <c r="E14" s="113">
        <v>1518067</v>
      </c>
      <c r="F14" s="109">
        <v>0</v>
      </c>
      <c r="G14" s="114">
        <v>6247204</v>
      </c>
      <c r="H14" s="114">
        <v>8720489</v>
      </c>
      <c r="I14" s="114">
        <v>8970421</v>
      </c>
      <c r="J14" s="114">
        <v>6130472</v>
      </c>
      <c r="K14" s="114">
        <v>5470759</v>
      </c>
      <c r="L14" s="109">
        <v>35539345</v>
      </c>
      <c r="M14" s="116">
        <v>37057412</v>
      </c>
      <c r="N14" s="110">
        <v>218796</v>
      </c>
      <c r="O14" s="114">
        <v>206439</v>
      </c>
      <c r="P14" s="113">
        <v>425235</v>
      </c>
      <c r="Q14" s="110">
        <v>0</v>
      </c>
      <c r="R14" s="114">
        <v>1950767</v>
      </c>
      <c r="S14" s="114">
        <v>2852011</v>
      </c>
      <c r="T14" s="114">
        <v>3074999</v>
      </c>
      <c r="U14" s="114">
        <v>2682428</v>
      </c>
      <c r="V14" s="114">
        <v>2411065</v>
      </c>
      <c r="W14" s="113">
        <v>12971270</v>
      </c>
      <c r="X14" s="116">
        <v>13396505</v>
      </c>
      <c r="Y14" s="110">
        <v>0</v>
      </c>
      <c r="Z14" s="114">
        <v>0</v>
      </c>
      <c r="AA14" s="113">
        <v>0</v>
      </c>
      <c r="AB14" s="110">
        <v>0</v>
      </c>
      <c r="AC14" s="114">
        <v>788996</v>
      </c>
      <c r="AD14" s="114">
        <v>1738575</v>
      </c>
      <c r="AE14" s="114">
        <v>1695166</v>
      </c>
      <c r="AF14" s="114">
        <v>1533135</v>
      </c>
      <c r="AG14" s="114">
        <v>1140261</v>
      </c>
      <c r="AH14" s="113">
        <v>6896133</v>
      </c>
      <c r="AI14" s="116">
        <v>6896133</v>
      </c>
      <c r="AJ14" s="110">
        <v>0</v>
      </c>
      <c r="AK14" s="114">
        <v>0</v>
      </c>
      <c r="AL14" s="113">
        <v>0</v>
      </c>
      <c r="AM14" s="110">
        <v>0</v>
      </c>
      <c r="AN14" s="114">
        <v>0</v>
      </c>
      <c r="AO14" s="114">
        <v>13952</v>
      </c>
      <c r="AP14" s="114">
        <v>92242</v>
      </c>
      <c r="AQ14" s="114">
        <v>36772</v>
      </c>
      <c r="AR14" s="114">
        <v>236321</v>
      </c>
      <c r="AS14" s="113">
        <v>379287</v>
      </c>
      <c r="AT14" s="116">
        <v>379287</v>
      </c>
      <c r="AU14" s="110">
        <v>72620</v>
      </c>
      <c r="AV14" s="114">
        <v>146251</v>
      </c>
      <c r="AW14" s="113">
        <v>218871</v>
      </c>
      <c r="AX14" s="110">
        <v>0</v>
      </c>
      <c r="AY14" s="114">
        <v>748701</v>
      </c>
      <c r="AZ14" s="114">
        <v>705658</v>
      </c>
      <c r="BA14" s="114">
        <v>820328</v>
      </c>
      <c r="BB14" s="114">
        <v>841507</v>
      </c>
      <c r="BC14" s="114">
        <v>807507</v>
      </c>
      <c r="BD14" s="113">
        <v>3923701</v>
      </c>
      <c r="BE14" s="116">
        <v>4142572</v>
      </c>
      <c r="BF14" s="110">
        <v>0</v>
      </c>
      <c r="BG14" s="114">
        <v>20796</v>
      </c>
      <c r="BH14" s="112">
        <v>20796</v>
      </c>
      <c r="BI14" s="111">
        <v>0</v>
      </c>
      <c r="BJ14" s="114">
        <v>58150</v>
      </c>
      <c r="BK14" s="114">
        <v>54826</v>
      </c>
      <c r="BL14" s="114">
        <v>84719</v>
      </c>
      <c r="BM14" s="114">
        <v>58150</v>
      </c>
      <c r="BN14" s="114">
        <v>0</v>
      </c>
      <c r="BO14" s="113">
        <v>255845</v>
      </c>
      <c r="BP14" s="116">
        <v>276641</v>
      </c>
      <c r="BQ14" s="110">
        <v>146176</v>
      </c>
      <c r="BR14" s="114">
        <v>39392</v>
      </c>
      <c r="BS14" s="113">
        <v>185568</v>
      </c>
      <c r="BT14" s="110">
        <v>0</v>
      </c>
      <c r="BU14" s="114">
        <v>354920</v>
      </c>
      <c r="BV14" s="114">
        <v>339000</v>
      </c>
      <c r="BW14" s="114">
        <v>382544</v>
      </c>
      <c r="BX14" s="114">
        <v>212864</v>
      </c>
      <c r="BY14" s="114">
        <v>226976</v>
      </c>
      <c r="BZ14" s="113">
        <v>1516304</v>
      </c>
      <c r="CA14" s="116">
        <v>1701872</v>
      </c>
      <c r="CB14" s="110">
        <v>141915</v>
      </c>
      <c r="CC14" s="114">
        <v>115736</v>
      </c>
      <c r="CD14" s="113">
        <v>257651</v>
      </c>
      <c r="CE14" s="110">
        <v>0</v>
      </c>
      <c r="CF14" s="114">
        <v>1884918</v>
      </c>
      <c r="CG14" s="114">
        <v>2600106</v>
      </c>
      <c r="CH14" s="114">
        <v>2692544</v>
      </c>
      <c r="CI14" s="114">
        <v>1215207</v>
      </c>
      <c r="CJ14" s="114">
        <v>881531</v>
      </c>
      <c r="CK14" s="113">
        <v>9274306</v>
      </c>
      <c r="CL14" s="116">
        <v>9531957</v>
      </c>
      <c r="CM14" s="110">
        <v>0</v>
      </c>
      <c r="CN14" s="114">
        <v>0</v>
      </c>
      <c r="CO14" s="113">
        <v>0</v>
      </c>
      <c r="CP14" s="111">
        <v>0</v>
      </c>
      <c r="CQ14" s="114">
        <v>1454071</v>
      </c>
      <c r="CR14" s="114">
        <v>2110849</v>
      </c>
      <c r="CS14" s="114">
        <v>2215098</v>
      </c>
      <c r="CT14" s="114">
        <v>961782</v>
      </c>
      <c r="CU14" s="114">
        <v>881531</v>
      </c>
      <c r="CV14" s="113">
        <v>7623331</v>
      </c>
      <c r="CW14" s="116">
        <v>7623331</v>
      </c>
      <c r="CX14" s="110">
        <v>141915</v>
      </c>
      <c r="CY14" s="114">
        <v>115736</v>
      </c>
      <c r="CZ14" s="113">
        <v>257651</v>
      </c>
      <c r="DA14" s="110">
        <v>0</v>
      </c>
      <c r="DB14" s="114">
        <v>430847</v>
      </c>
      <c r="DC14" s="114">
        <v>489257</v>
      </c>
      <c r="DD14" s="114">
        <v>477446</v>
      </c>
      <c r="DE14" s="114">
        <v>253425</v>
      </c>
      <c r="DF14" s="114">
        <v>0</v>
      </c>
      <c r="DG14" s="113">
        <v>1650975</v>
      </c>
      <c r="DH14" s="116">
        <v>1908626</v>
      </c>
      <c r="DI14" s="110">
        <v>29100</v>
      </c>
      <c r="DJ14" s="114">
        <v>0</v>
      </c>
      <c r="DK14" s="112">
        <v>29100</v>
      </c>
      <c r="DL14" s="111">
        <v>0</v>
      </c>
      <c r="DM14" s="114">
        <v>211613</v>
      </c>
      <c r="DN14" s="114">
        <v>284331</v>
      </c>
      <c r="DO14" s="114">
        <v>1146798</v>
      </c>
      <c r="DP14" s="114">
        <v>403851</v>
      </c>
      <c r="DQ14" s="114">
        <v>332027</v>
      </c>
      <c r="DR14" s="113">
        <v>2378620</v>
      </c>
      <c r="DS14" s="116">
        <v>2407720</v>
      </c>
      <c r="DT14" s="110">
        <v>29100</v>
      </c>
      <c r="DU14" s="114">
        <v>0</v>
      </c>
      <c r="DV14" s="113">
        <v>29100</v>
      </c>
      <c r="DW14" s="110">
        <v>0</v>
      </c>
      <c r="DX14" s="114">
        <v>211613</v>
      </c>
      <c r="DY14" s="114">
        <v>244764</v>
      </c>
      <c r="DZ14" s="114">
        <v>1073414</v>
      </c>
      <c r="EA14" s="114">
        <v>403851</v>
      </c>
      <c r="EB14" s="114">
        <v>332027</v>
      </c>
      <c r="EC14" s="113">
        <v>2265669</v>
      </c>
      <c r="ED14" s="116">
        <v>2294769</v>
      </c>
      <c r="EE14" s="110">
        <v>0</v>
      </c>
      <c r="EF14" s="112">
        <v>0</v>
      </c>
      <c r="EG14" s="113">
        <v>0</v>
      </c>
      <c r="EH14" s="110">
        <v>0</v>
      </c>
      <c r="EI14" s="114">
        <v>0</v>
      </c>
      <c r="EJ14" s="114">
        <v>39567</v>
      </c>
      <c r="EK14" s="114">
        <v>73384</v>
      </c>
      <c r="EL14" s="114">
        <v>0</v>
      </c>
      <c r="EM14" s="114">
        <v>0</v>
      </c>
      <c r="EN14" s="112">
        <v>112951</v>
      </c>
      <c r="EO14" s="116">
        <v>112951</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136016</v>
      </c>
      <c r="FM14" s="114">
        <v>109936</v>
      </c>
      <c r="FN14" s="113">
        <v>245952</v>
      </c>
      <c r="FO14" s="110">
        <v>0</v>
      </c>
      <c r="FP14" s="114">
        <v>582351</v>
      </c>
      <c r="FQ14" s="114">
        <v>1354088</v>
      </c>
      <c r="FR14" s="114">
        <v>858152</v>
      </c>
      <c r="FS14" s="114">
        <v>710136</v>
      </c>
      <c r="FT14" s="114">
        <v>310168</v>
      </c>
      <c r="FU14" s="113">
        <v>3814895</v>
      </c>
      <c r="FV14" s="116">
        <v>4060847</v>
      </c>
      <c r="FW14" s="115">
        <v>56656</v>
      </c>
      <c r="FX14" s="114">
        <v>109936</v>
      </c>
      <c r="FY14" s="112">
        <v>166592</v>
      </c>
      <c r="FZ14" s="111">
        <v>0</v>
      </c>
      <c r="GA14" s="114">
        <v>347344</v>
      </c>
      <c r="GB14" s="114">
        <v>1045520</v>
      </c>
      <c r="GC14" s="114">
        <v>858152</v>
      </c>
      <c r="GD14" s="114">
        <v>684616</v>
      </c>
      <c r="GE14" s="114">
        <v>310168</v>
      </c>
      <c r="GF14" s="113">
        <v>3245800</v>
      </c>
      <c r="GG14" s="318">
        <v>3412392</v>
      </c>
      <c r="GH14" s="115">
        <v>10960</v>
      </c>
      <c r="GI14" s="114">
        <v>0</v>
      </c>
      <c r="GJ14" s="112">
        <v>10960</v>
      </c>
      <c r="GK14" s="111">
        <v>0</v>
      </c>
      <c r="GL14" s="114">
        <v>98387</v>
      </c>
      <c r="GM14" s="114">
        <v>86648</v>
      </c>
      <c r="GN14" s="114">
        <v>0</v>
      </c>
      <c r="GO14" s="114">
        <v>25520</v>
      </c>
      <c r="GP14" s="114">
        <v>0</v>
      </c>
      <c r="GQ14" s="113">
        <v>210555</v>
      </c>
      <c r="GR14" s="116">
        <v>221515</v>
      </c>
      <c r="GS14" s="110">
        <v>68400</v>
      </c>
      <c r="GT14" s="114">
        <v>0</v>
      </c>
      <c r="GU14" s="113">
        <v>68400</v>
      </c>
      <c r="GV14" s="110">
        <v>0</v>
      </c>
      <c r="GW14" s="114">
        <v>136620</v>
      </c>
      <c r="GX14" s="114">
        <v>221920</v>
      </c>
      <c r="GY14" s="114">
        <v>0</v>
      </c>
      <c r="GZ14" s="114">
        <v>0</v>
      </c>
      <c r="HA14" s="114">
        <v>0</v>
      </c>
      <c r="HB14" s="112">
        <v>358540</v>
      </c>
      <c r="HC14" s="116">
        <v>426940</v>
      </c>
      <c r="HD14" s="110">
        <v>396909</v>
      </c>
      <c r="HE14" s="114">
        <v>163220</v>
      </c>
      <c r="HF14" s="112">
        <v>560129</v>
      </c>
      <c r="HG14" s="111">
        <v>0</v>
      </c>
      <c r="HH14" s="114">
        <v>1617555</v>
      </c>
      <c r="HI14" s="114">
        <v>1629953</v>
      </c>
      <c r="HJ14" s="114">
        <v>1197928</v>
      </c>
      <c r="HK14" s="114">
        <v>1118850</v>
      </c>
      <c r="HL14" s="114">
        <v>1535968</v>
      </c>
      <c r="HM14" s="113">
        <v>7100254</v>
      </c>
      <c r="HN14" s="109">
        <v>7660383</v>
      </c>
      <c r="HO14" s="328"/>
      <c r="HP14" s="329"/>
      <c r="HQ14" s="330"/>
      <c r="HR14" s="331"/>
      <c r="HS14" s="329"/>
      <c r="HT14" s="329"/>
      <c r="HU14" s="329"/>
      <c r="HV14" s="329"/>
      <c r="HW14" s="329"/>
      <c r="HX14" s="332"/>
      <c r="HY14" s="333"/>
      <c r="HZ14" s="131">
        <v>0</v>
      </c>
      <c r="IA14" s="132">
        <v>79588</v>
      </c>
      <c r="IB14" s="133">
        <v>79588</v>
      </c>
      <c r="IC14" s="134">
        <v>0</v>
      </c>
      <c r="ID14" s="135">
        <v>2734371</v>
      </c>
      <c r="IE14" s="136">
        <v>2247853</v>
      </c>
      <c r="IF14" s="137">
        <v>2978942</v>
      </c>
      <c r="IG14" s="135">
        <v>2139338</v>
      </c>
      <c r="IH14" s="137">
        <v>-908234</v>
      </c>
      <c r="II14" s="138">
        <v>9192270</v>
      </c>
      <c r="IJ14" s="139">
        <v>9271858</v>
      </c>
      <c r="IK14" s="232">
        <v>0</v>
      </c>
      <c r="IL14" s="236">
        <v>0</v>
      </c>
      <c r="IM14" s="237">
        <v>0</v>
      </c>
      <c r="IN14" s="140"/>
      <c r="IO14" s="119">
        <v>0</v>
      </c>
      <c r="IP14" s="119">
        <v>0</v>
      </c>
      <c r="IQ14" s="119">
        <v>0</v>
      </c>
      <c r="IR14" s="119">
        <v>457034</v>
      </c>
      <c r="IS14" s="119">
        <v>0</v>
      </c>
      <c r="IT14" s="141">
        <v>457034</v>
      </c>
      <c r="IU14" s="320">
        <v>457034</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463073</v>
      </c>
      <c r="JL14" s="119">
        <v>1315596</v>
      </c>
      <c r="JM14" s="119">
        <v>1033192</v>
      </c>
      <c r="JN14" s="119">
        <v>232497</v>
      </c>
      <c r="JO14" s="119">
        <v>196952</v>
      </c>
      <c r="JP14" s="120">
        <v>4241310</v>
      </c>
      <c r="JQ14" s="320">
        <v>4241310</v>
      </c>
      <c r="JR14" s="142">
        <v>0</v>
      </c>
      <c r="JS14" s="119">
        <v>0</v>
      </c>
      <c r="JT14" s="141">
        <v>0</v>
      </c>
      <c r="JU14" s="118">
        <v>0</v>
      </c>
      <c r="JV14" s="119">
        <v>80204</v>
      </c>
      <c r="JW14" s="119">
        <v>0</v>
      </c>
      <c r="JX14" s="119">
        <v>0</v>
      </c>
      <c r="JY14" s="119">
        <v>0</v>
      </c>
      <c r="JZ14" s="119">
        <v>64016</v>
      </c>
      <c r="KA14" s="120">
        <v>144220</v>
      </c>
      <c r="KB14" s="320">
        <v>144220</v>
      </c>
      <c r="KC14" s="234">
        <v>0</v>
      </c>
      <c r="KD14" s="230">
        <v>79588</v>
      </c>
      <c r="KE14" s="120">
        <v>79588</v>
      </c>
      <c r="KF14" s="118">
        <v>0</v>
      </c>
      <c r="KG14" s="119">
        <v>126895</v>
      </c>
      <c r="KH14" s="119">
        <v>346156</v>
      </c>
      <c r="KI14" s="119">
        <v>567578</v>
      </c>
      <c r="KJ14" s="119">
        <v>269784</v>
      </c>
      <c r="KK14" s="119">
        <v>285280</v>
      </c>
      <c r="KL14" s="120">
        <v>1595693</v>
      </c>
      <c r="KM14" s="143">
        <v>1675281</v>
      </c>
      <c r="KN14" s="232">
        <v>0</v>
      </c>
      <c r="KO14" s="236">
        <v>0</v>
      </c>
      <c r="KP14" s="237">
        <v>0</v>
      </c>
      <c r="KQ14" s="140"/>
      <c r="KR14" s="119">
        <v>645063</v>
      </c>
      <c r="KS14" s="119">
        <v>586101</v>
      </c>
      <c r="KT14" s="119">
        <v>682047</v>
      </c>
      <c r="KU14" s="119">
        <v>353150</v>
      </c>
      <c r="KV14" s="119">
        <v>239814</v>
      </c>
      <c r="KW14" s="120">
        <v>2506175</v>
      </c>
      <c r="KX14" s="320">
        <v>2506175</v>
      </c>
      <c r="KY14" s="142">
        <v>0</v>
      </c>
      <c r="KZ14" s="119">
        <v>0</v>
      </c>
      <c r="LA14" s="120">
        <v>0</v>
      </c>
      <c r="LB14" s="145"/>
      <c r="LC14" s="119">
        <v>0</v>
      </c>
      <c r="LD14" s="119">
        <v>0</v>
      </c>
      <c r="LE14" s="119">
        <v>177649</v>
      </c>
      <c r="LF14" s="119">
        <v>0</v>
      </c>
      <c r="LG14" s="119">
        <v>216314</v>
      </c>
      <c r="LH14" s="120">
        <v>393963</v>
      </c>
      <c r="LI14" s="121">
        <v>393963</v>
      </c>
      <c r="LJ14" s="142">
        <v>0</v>
      </c>
      <c r="LK14" s="119">
        <v>0</v>
      </c>
      <c r="LL14" s="120">
        <v>0</v>
      </c>
      <c r="LM14" s="145"/>
      <c r="LN14" s="119">
        <v>0</v>
      </c>
      <c r="LO14" s="119">
        <v>0</v>
      </c>
      <c r="LP14" s="119">
        <v>0</v>
      </c>
      <c r="LQ14" s="119">
        <v>224841</v>
      </c>
      <c r="LR14" s="119">
        <v>0</v>
      </c>
      <c r="LS14" s="120">
        <v>224841</v>
      </c>
      <c r="LT14" s="320">
        <v>224841</v>
      </c>
      <c r="LU14" s="142">
        <v>0</v>
      </c>
      <c r="LV14" s="119">
        <v>0</v>
      </c>
      <c r="LW14" s="120">
        <v>0</v>
      </c>
      <c r="LX14" s="145"/>
      <c r="LY14" s="119">
        <v>419136</v>
      </c>
      <c r="LZ14" s="119">
        <v>0</v>
      </c>
      <c r="MA14" s="119">
        <v>518476</v>
      </c>
      <c r="MB14" s="119">
        <v>602032</v>
      </c>
      <c r="MC14" s="119">
        <v>-1910610</v>
      </c>
      <c r="MD14" s="120">
        <v>-370966</v>
      </c>
      <c r="ME14" s="121">
        <v>-370966</v>
      </c>
      <c r="MF14" s="142">
        <v>0</v>
      </c>
      <c r="MG14" s="119">
        <v>0</v>
      </c>
      <c r="MH14" s="120">
        <v>0</v>
      </c>
      <c r="MI14" s="145"/>
      <c r="MJ14" s="119">
        <v>593256</v>
      </c>
      <c r="MK14" s="119">
        <v>484058</v>
      </c>
      <c r="ML14" s="119">
        <v>3616056</v>
      </c>
      <c r="MM14" s="119">
        <v>5636470</v>
      </c>
      <c r="MN14" s="119">
        <v>2047653</v>
      </c>
      <c r="MO14" s="120">
        <v>12377493</v>
      </c>
      <c r="MP14" s="143">
        <v>12377493</v>
      </c>
      <c r="MQ14" s="142">
        <v>0</v>
      </c>
      <c r="MR14" s="119">
        <v>0</v>
      </c>
      <c r="MS14" s="120">
        <v>0</v>
      </c>
      <c r="MT14" s="145"/>
      <c r="MU14" s="119">
        <v>196467</v>
      </c>
      <c r="MV14" s="119">
        <v>-552</v>
      </c>
      <c r="MW14" s="119">
        <v>2065740</v>
      </c>
      <c r="MX14" s="119">
        <v>2342736</v>
      </c>
      <c r="MY14" s="119">
        <v>1461934</v>
      </c>
      <c r="MZ14" s="120">
        <v>6066325</v>
      </c>
      <c r="NA14" s="143">
        <v>6066325</v>
      </c>
      <c r="NB14" s="142">
        <v>0</v>
      </c>
      <c r="NC14" s="119">
        <v>0</v>
      </c>
      <c r="ND14" s="120">
        <v>0</v>
      </c>
      <c r="NE14" s="145"/>
      <c r="NF14" s="119">
        <v>396789</v>
      </c>
      <c r="NG14" s="119">
        <v>484610</v>
      </c>
      <c r="NH14" s="119">
        <v>1550316</v>
      </c>
      <c r="NI14" s="119">
        <v>2746998</v>
      </c>
      <c r="NJ14" s="119">
        <v>585719</v>
      </c>
      <c r="NK14" s="120">
        <v>5764432</v>
      </c>
      <c r="NL14" s="320">
        <v>5764432</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546736</v>
      </c>
      <c r="OF14" s="119">
        <v>0</v>
      </c>
      <c r="OG14" s="120">
        <v>546736</v>
      </c>
      <c r="OH14" s="121">
        <v>546736</v>
      </c>
      <c r="OI14" s="142">
        <v>922736</v>
      </c>
      <c r="OJ14" s="119">
        <v>674919</v>
      </c>
      <c r="OK14" s="141">
        <v>1597655</v>
      </c>
      <c r="OL14" s="118">
        <v>0</v>
      </c>
      <c r="OM14" s="119">
        <v>9574831</v>
      </c>
      <c r="ON14" s="119">
        <v>11452400</v>
      </c>
      <c r="OO14" s="119">
        <v>15565419</v>
      </c>
      <c r="OP14" s="119">
        <v>13906280</v>
      </c>
      <c r="OQ14" s="119">
        <v>6610178</v>
      </c>
      <c r="OR14" s="120">
        <v>57109108</v>
      </c>
      <c r="OS14" s="143">
        <v>58706763</v>
      </c>
    </row>
    <row r="15" spans="1:409" ht="21" customHeight="1" x14ac:dyDescent="0.2">
      <c r="B15" s="126" t="s">
        <v>9</v>
      </c>
      <c r="C15" s="110">
        <v>1069558</v>
      </c>
      <c r="D15" s="114">
        <v>768383</v>
      </c>
      <c r="E15" s="113">
        <v>1837941</v>
      </c>
      <c r="F15" s="111">
        <v>0</v>
      </c>
      <c r="G15" s="114">
        <v>10153136</v>
      </c>
      <c r="H15" s="114">
        <v>10959644</v>
      </c>
      <c r="I15" s="114">
        <v>13126541</v>
      </c>
      <c r="J15" s="114">
        <v>10308933</v>
      </c>
      <c r="K15" s="114">
        <v>7955845</v>
      </c>
      <c r="L15" s="109">
        <v>52504099</v>
      </c>
      <c r="M15" s="116">
        <v>54342040</v>
      </c>
      <c r="N15" s="110">
        <v>231811</v>
      </c>
      <c r="O15" s="114">
        <v>213018</v>
      </c>
      <c r="P15" s="113">
        <v>444829</v>
      </c>
      <c r="Q15" s="110">
        <v>0</v>
      </c>
      <c r="R15" s="114">
        <v>3776800</v>
      </c>
      <c r="S15" s="114">
        <v>4227135</v>
      </c>
      <c r="T15" s="114">
        <v>4805680</v>
      </c>
      <c r="U15" s="114">
        <v>5629164</v>
      </c>
      <c r="V15" s="114">
        <v>4591348</v>
      </c>
      <c r="W15" s="113">
        <v>23030127</v>
      </c>
      <c r="X15" s="116">
        <v>23474956</v>
      </c>
      <c r="Y15" s="110">
        <v>0</v>
      </c>
      <c r="Z15" s="114">
        <v>0</v>
      </c>
      <c r="AA15" s="113">
        <v>0</v>
      </c>
      <c r="AB15" s="110">
        <v>0</v>
      </c>
      <c r="AC15" s="114">
        <v>1570816</v>
      </c>
      <c r="AD15" s="114">
        <v>2046984</v>
      </c>
      <c r="AE15" s="114">
        <v>2592824</v>
      </c>
      <c r="AF15" s="114">
        <v>3667766</v>
      </c>
      <c r="AG15" s="114">
        <v>2889798</v>
      </c>
      <c r="AH15" s="113">
        <v>12768188</v>
      </c>
      <c r="AI15" s="116">
        <v>12768188</v>
      </c>
      <c r="AJ15" s="110">
        <v>0</v>
      </c>
      <c r="AK15" s="114">
        <v>0</v>
      </c>
      <c r="AL15" s="113">
        <v>0</v>
      </c>
      <c r="AM15" s="110">
        <v>0</v>
      </c>
      <c r="AN15" s="114">
        <v>0</v>
      </c>
      <c r="AO15" s="114">
        <v>0</v>
      </c>
      <c r="AP15" s="114">
        <v>109659</v>
      </c>
      <c r="AQ15" s="114">
        <v>170105</v>
      </c>
      <c r="AR15" s="114">
        <v>387134</v>
      </c>
      <c r="AS15" s="113">
        <v>666898</v>
      </c>
      <c r="AT15" s="116">
        <v>666898</v>
      </c>
      <c r="AU15" s="110">
        <v>67387</v>
      </c>
      <c r="AV15" s="114">
        <v>158482</v>
      </c>
      <c r="AW15" s="113">
        <v>225869</v>
      </c>
      <c r="AX15" s="110">
        <v>0</v>
      </c>
      <c r="AY15" s="114">
        <v>1502216</v>
      </c>
      <c r="AZ15" s="114">
        <v>1399612</v>
      </c>
      <c r="BA15" s="114">
        <v>1257085</v>
      </c>
      <c r="BB15" s="114">
        <v>1116921</v>
      </c>
      <c r="BC15" s="114">
        <v>798619</v>
      </c>
      <c r="BD15" s="113">
        <v>6074453</v>
      </c>
      <c r="BE15" s="116">
        <v>6300322</v>
      </c>
      <c r="BF15" s="110">
        <v>0</v>
      </c>
      <c r="BG15" s="114">
        <v>0</v>
      </c>
      <c r="BH15" s="112">
        <v>0</v>
      </c>
      <c r="BI15" s="111">
        <v>0</v>
      </c>
      <c r="BJ15" s="114">
        <v>0</v>
      </c>
      <c r="BK15" s="114">
        <v>227603</v>
      </c>
      <c r="BL15" s="114">
        <v>144632</v>
      </c>
      <c r="BM15" s="114">
        <v>182076</v>
      </c>
      <c r="BN15" s="114">
        <v>32125</v>
      </c>
      <c r="BO15" s="113">
        <v>586436</v>
      </c>
      <c r="BP15" s="116">
        <v>586436</v>
      </c>
      <c r="BQ15" s="110">
        <v>164424</v>
      </c>
      <c r="BR15" s="114">
        <v>54536</v>
      </c>
      <c r="BS15" s="113">
        <v>218960</v>
      </c>
      <c r="BT15" s="110">
        <v>0</v>
      </c>
      <c r="BU15" s="114">
        <v>703768</v>
      </c>
      <c r="BV15" s="114">
        <v>552936</v>
      </c>
      <c r="BW15" s="114">
        <v>701480</v>
      </c>
      <c r="BX15" s="114">
        <v>492296</v>
      </c>
      <c r="BY15" s="114">
        <v>483672</v>
      </c>
      <c r="BZ15" s="113">
        <v>2934152</v>
      </c>
      <c r="CA15" s="116">
        <v>3153112</v>
      </c>
      <c r="CB15" s="110">
        <v>21928</v>
      </c>
      <c r="CC15" s="114">
        <v>152952</v>
      </c>
      <c r="CD15" s="113">
        <v>174880</v>
      </c>
      <c r="CE15" s="110">
        <v>0</v>
      </c>
      <c r="CF15" s="114">
        <v>2511305</v>
      </c>
      <c r="CG15" s="114">
        <v>2624227</v>
      </c>
      <c r="CH15" s="114">
        <v>3236375</v>
      </c>
      <c r="CI15" s="114">
        <v>1100257</v>
      </c>
      <c r="CJ15" s="114">
        <v>440038</v>
      </c>
      <c r="CK15" s="113">
        <v>9912202</v>
      </c>
      <c r="CL15" s="116">
        <v>10087082</v>
      </c>
      <c r="CM15" s="110">
        <v>0</v>
      </c>
      <c r="CN15" s="114">
        <v>0</v>
      </c>
      <c r="CO15" s="113">
        <v>0</v>
      </c>
      <c r="CP15" s="111">
        <v>0</v>
      </c>
      <c r="CQ15" s="114">
        <v>1600826</v>
      </c>
      <c r="CR15" s="114">
        <v>1970077</v>
      </c>
      <c r="CS15" s="114">
        <v>2278928</v>
      </c>
      <c r="CT15" s="114">
        <v>767739</v>
      </c>
      <c r="CU15" s="114">
        <v>289711</v>
      </c>
      <c r="CV15" s="113">
        <v>6907281</v>
      </c>
      <c r="CW15" s="116">
        <v>6907281</v>
      </c>
      <c r="CX15" s="110">
        <v>21928</v>
      </c>
      <c r="CY15" s="114">
        <v>152952</v>
      </c>
      <c r="CZ15" s="113">
        <v>174880</v>
      </c>
      <c r="DA15" s="110">
        <v>0</v>
      </c>
      <c r="DB15" s="114">
        <v>910479</v>
      </c>
      <c r="DC15" s="114">
        <v>654150</v>
      </c>
      <c r="DD15" s="114">
        <v>957447</v>
      </c>
      <c r="DE15" s="114">
        <v>332518</v>
      </c>
      <c r="DF15" s="114">
        <v>150327</v>
      </c>
      <c r="DG15" s="113">
        <v>3004921</v>
      </c>
      <c r="DH15" s="116">
        <v>3179801</v>
      </c>
      <c r="DI15" s="110">
        <v>0</v>
      </c>
      <c r="DJ15" s="114">
        <v>0</v>
      </c>
      <c r="DK15" s="112">
        <v>0</v>
      </c>
      <c r="DL15" s="111">
        <v>0</v>
      </c>
      <c r="DM15" s="114">
        <v>357703</v>
      </c>
      <c r="DN15" s="114">
        <v>196382</v>
      </c>
      <c r="DO15" s="114">
        <v>418188</v>
      </c>
      <c r="DP15" s="114">
        <v>741713</v>
      </c>
      <c r="DQ15" s="114">
        <v>281092</v>
      </c>
      <c r="DR15" s="113">
        <v>1995078</v>
      </c>
      <c r="DS15" s="116">
        <v>1995078</v>
      </c>
      <c r="DT15" s="110">
        <v>0</v>
      </c>
      <c r="DU15" s="114">
        <v>0</v>
      </c>
      <c r="DV15" s="113">
        <v>0</v>
      </c>
      <c r="DW15" s="110">
        <v>0</v>
      </c>
      <c r="DX15" s="114">
        <v>357703</v>
      </c>
      <c r="DY15" s="114">
        <v>159883</v>
      </c>
      <c r="DZ15" s="114">
        <v>330656</v>
      </c>
      <c r="EA15" s="114">
        <v>658230</v>
      </c>
      <c r="EB15" s="114">
        <v>281092</v>
      </c>
      <c r="EC15" s="113">
        <v>1787564</v>
      </c>
      <c r="ED15" s="116">
        <v>1787564</v>
      </c>
      <c r="EE15" s="110">
        <v>0</v>
      </c>
      <c r="EF15" s="112">
        <v>0</v>
      </c>
      <c r="EG15" s="113">
        <v>0</v>
      </c>
      <c r="EH15" s="110">
        <v>0</v>
      </c>
      <c r="EI15" s="114">
        <v>0</v>
      </c>
      <c r="EJ15" s="114">
        <v>36499</v>
      </c>
      <c r="EK15" s="114">
        <v>87532</v>
      </c>
      <c r="EL15" s="114">
        <v>83483</v>
      </c>
      <c r="EM15" s="114">
        <v>0</v>
      </c>
      <c r="EN15" s="112">
        <v>207514</v>
      </c>
      <c r="EO15" s="116">
        <v>207514</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398528</v>
      </c>
      <c r="FM15" s="114">
        <v>220688</v>
      </c>
      <c r="FN15" s="113">
        <v>619216</v>
      </c>
      <c r="FO15" s="110">
        <v>0</v>
      </c>
      <c r="FP15" s="114">
        <v>801579</v>
      </c>
      <c r="FQ15" s="114">
        <v>1296859</v>
      </c>
      <c r="FR15" s="114">
        <v>1222400</v>
      </c>
      <c r="FS15" s="114">
        <v>882000</v>
      </c>
      <c r="FT15" s="114">
        <v>514680</v>
      </c>
      <c r="FU15" s="113">
        <v>4717518</v>
      </c>
      <c r="FV15" s="116">
        <v>5336734</v>
      </c>
      <c r="FW15" s="115">
        <v>135328</v>
      </c>
      <c r="FX15" s="114">
        <v>141488</v>
      </c>
      <c r="FY15" s="112">
        <v>276816</v>
      </c>
      <c r="FZ15" s="111">
        <v>0</v>
      </c>
      <c r="GA15" s="114">
        <v>557291</v>
      </c>
      <c r="GB15" s="114">
        <v>1143048</v>
      </c>
      <c r="GC15" s="114">
        <v>1062400</v>
      </c>
      <c r="GD15" s="114">
        <v>831136</v>
      </c>
      <c r="GE15" s="114">
        <v>500280</v>
      </c>
      <c r="GF15" s="113">
        <v>4094155</v>
      </c>
      <c r="GG15" s="318">
        <v>4370971</v>
      </c>
      <c r="GH15" s="115">
        <v>0</v>
      </c>
      <c r="GI15" s="114">
        <v>0</v>
      </c>
      <c r="GJ15" s="112">
        <v>0</v>
      </c>
      <c r="GK15" s="111">
        <v>0</v>
      </c>
      <c r="GL15" s="114">
        <v>0</v>
      </c>
      <c r="GM15" s="114">
        <v>70611</v>
      </c>
      <c r="GN15" s="114">
        <v>0</v>
      </c>
      <c r="GO15" s="114">
        <v>0</v>
      </c>
      <c r="GP15" s="114">
        <v>0</v>
      </c>
      <c r="GQ15" s="113">
        <v>70611</v>
      </c>
      <c r="GR15" s="116">
        <v>70611</v>
      </c>
      <c r="GS15" s="110">
        <v>263200</v>
      </c>
      <c r="GT15" s="114">
        <v>79200</v>
      </c>
      <c r="GU15" s="113">
        <v>342400</v>
      </c>
      <c r="GV15" s="110">
        <v>0</v>
      </c>
      <c r="GW15" s="114">
        <v>244288</v>
      </c>
      <c r="GX15" s="114">
        <v>83200</v>
      </c>
      <c r="GY15" s="114">
        <v>160000</v>
      </c>
      <c r="GZ15" s="114">
        <v>50864</v>
      </c>
      <c r="HA15" s="114">
        <v>14400</v>
      </c>
      <c r="HB15" s="112">
        <v>552752</v>
      </c>
      <c r="HC15" s="116">
        <v>895152</v>
      </c>
      <c r="HD15" s="110">
        <v>417291</v>
      </c>
      <c r="HE15" s="114">
        <v>181725</v>
      </c>
      <c r="HF15" s="112">
        <v>599016</v>
      </c>
      <c r="HG15" s="111">
        <v>0</v>
      </c>
      <c r="HH15" s="114">
        <v>2705749</v>
      </c>
      <c r="HI15" s="114">
        <v>2615041</v>
      </c>
      <c r="HJ15" s="114">
        <v>3443898</v>
      </c>
      <c r="HK15" s="114">
        <v>1955799</v>
      </c>
      <c r="HL15" s="114">
        <v>2128687</v>
      </c>
      <c r="HM15" s="113">
        <v>12849174</v>
      </c>
      <c r="HN15" s="109">
        <v>13448190</v>
      </c>
      <c r="HO15" s="328"/>
      <c r="HP15" s="329"/>
      <c r="HQ15" s="330"/>
      <c r="HR15" s="331"/>
      <c r="HS15" s="329"/>
      <c r="HT15" s="329"/>
      <c r="HU15" s="329"/>
      <c r="HV15" s="329"/>
      <c r="HW15" s="329"/>
      <c r="HX15" s="332"/>
      <c r="HY15" s="333"/>
      <c r="HZ15" s="128">
        <v>129395</v>
      </c>
      <c r="IA15" s="149">
        <v>0</v>
      </c>
      <c r="IB15" s="129">
        <v>129395</v>
      </c>
      <c r="IC15" s="146">
        <v>0</v>
      </c>
      <c r="ID15" s="132">
        <v>2986507</v>
      </c>
      <c r="IE15" s="147">
        <v>2506178</v>
      </c>
      <c r="IF15" s="133">
        <v>3407178</v>
      </c>
      <c r="IG15" s="132">
        <v>2350650</v>
      </c>
      <c r="IH15" s="133">
        <v>1520810</v>
      </c>
      <c r="II15" s="148">
        <v>12771323</v>
      </c>
      <c r="IJ15" s="130">
        <v>12900718</v>
      </c>
      <c r="IK15" s="232">
        <v>0</v>
      </c>
      <c r="IL15" s="236">
        <v>0</v>
      </c>
      <c r="IM15" s="237">
        <v>0</v>
      </c>
      <c r="IN15" s="140"/>
      <c r="IO15" s="119">
        <v>0</v>
      </c>
      <c r="IP15" s="119">
        <v>0</v>
      </c>
      <c r="IQ15" s="119">
        <v>0</v>
      </c>
      <c r="IR15" s="119">
        <v>0</v>
      </c>
      <c r="IS15" s="119">
        <v>0</v>
      </c>
      <c r="IT15" s="141">
        <v>0</v>
      </c>
      <c r="IU15" s="320">
        <v>0</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2021926</v>
      </c>
      <c r="JL15" s="119">
        <v>829797</v>
      </c>
      <c r="JM15" s="119">
        <v>1139125</v>
      </c>
      <c r="JN15" s="119">
        <v>511693</v>
      </c>
      <c r="JO15" s="119">
        <v>295459</v>
      </c>
      <c r="JP15" s="120">
        <v>4798000</v>
      </c>
      <c r="JQ15" s="320">
        <v>4798000</v>
      </c>
      <c r="JR15" s="142">
        <v>0</v>
      </c>
      <c r="JS15" s="119">
        <v>0</v>
      </c>
      <c r="JT15" s="141">
        <v>0</v>
      </c>
      <c r="JU15" s="118">
        <v>0</v>
      </c>
      <c r="JV15" s="119">
        <v>0</v>
      </c>
      <c r="JW15" s="119">
        <v>0</v>
      </c>
      <c r="JX15" s="119">
        <v>36136</v>
      </c>
      <c r="JY15" s="119">
        <v>0</v>
      </c>
      <c r="JZ15" s="119">
        <v>0</v>
      </c>
      <c r="KA15" s="120">
        <v>36136</v>
      </c>
      <c r="KB15" s="320">
        <v>36136</v>
      </c>
      <c r="KC15" s="234">
        <v>129395</v>
      </c>
      <c r="KD15" s="230">
        <v>0</v>
      </c>
      <c r="KE15" s="120">
        <v>129395</v>
      </c>
      <c r="KF15" s="118">
        <v>0</v>
      </c>
      <c r="KG15" s="119">
        <v>230842</v>
      </c>
      <c r="KH15" s="119">
        <v>816534</v>
      </c>
      <c r="KI15" s="119">
        <v>242903</v>
      </c>
      <c r="KJ15" s="119">
        <v>0</v>
      </c>
      <c r="KK15" s="119">
        <v>0</v>
      </c>
      <c r="KL15" s="120">
        <v>1290279</v>
      </c>
      <c r="KM15" s="143">
        <v>1419674</v>
      </c>
      <c r="KN15" s="232">
        <v>0</v>
      </c>
      <c r="KO15" s="236">
        <v>0</v>
      </c>
      <c r="KP15" s="237">
        <v>0</v>
      </c>
      <c r="KQ15" s="140"/>
      <c r="KR15" s="119">
        <v>438563</v>
      </c>
      <c r="KS15" s="119">
        <v>668326</v>
      </c>
      <c r="KT15" s="119">
        <v>1440540</v>
      </c>
      <c r="KU15" s="119">
        <v>962129</v>
      </c>
      <c r="KV15" s="119">
        <v>1225351</v>
      </c>
      <c r="KW15" s="120">
        <v>4734909</v>
      </c>
      <c r="KX15" s="320">
        <v>4734909</v>
      </c>
      <c r="KY15" s="142">
        <v>0</v>
      </c>
      <c r="KZ15" s="119">
        <v>0</v>
      </c>
      <c r="LA15" s="120">
        <v>0</v>
      </c>
      <c r="LB15" s="145"/>
      <c r="LC15" s="119">
        <v>295176</v>
      </c>
      <c r="LD15" s="119">
        <v>0</v>
      </c>
      <c r="LE15" s="119">
        <v>0</v>
      </c>
      <c r="LF15" s="119">
        <v>0</v>
      </c>
      <c r="LG15" s="119">
        <v>0</v>
      </c>
      <c r="LH15" s="120">
        <v>295176</v>
      </c>
      <c r="LI15" s="121">
        <v>295176</v>
      </c>
      <c r="LJ15" s="142">
        <v>0</v>
      </c>
      <c r="LK15" s="119">
        <v>0</v>
      </c>
      <c r="LL15" s="120">
        <v>0</v>
      </c>
      <c r="LM15" s="145"/>
      <c r="LN15" s="119">
        <v>0</v>
      </c>
      <c r="LO15" s="119">
        <v>0</v>
      </c>
      <c r="LP15" s="119">
        <v>0</v>
      </c>
      <c r="LQ15" s="119">
        <v>0</v>
      </c>
      <c r="LR15" s="119">
        <v>0</v>
      </c>
      <c r="LS15" s="120">
        <v>0</v>
      </c>
      <c r="LT15" s="320">
        <v>0</v>
      </c>
      <c r="LU15" s="142">
        <v>0</v>
      </c>
      <c r="LV15" s="119">
        <v>0</v>
      </c>
      <c r="LW15" s="120">
        <v>0</v>
      </c>
      <c r="LX15" s="145"/>
      <c r="LY15" s="119">
        <v>0</v>
      </c>
      <c r="LZ15" s="119">
        <v>191521</v>
      </c>
      <c r="MA15" s="119">
        <v>548474</v>
      </c>
      <c r="MB15" s="119">
        <v>876828</v>
      </c>
      <c r="MC15" s="119">
        <v>0</v>
      </c>
      <c r="MD15" s="120">
        <v>1616823</v>
      </c>
      <c r="ME15" s="121">
        <v>1616823</v>
      </c>
      <c r="MF15" s="142">
        <v>0</v>
      </c>
      <c r="MG15" s="119">
        <v>0</v>
      </c>
      <c r="MH15" s="120">
        <v>0</v>
      </c>
      <c r="MI15" s="145"/>
      <c r="MJ15" s="119">
        <v>239940</v>
      </c>
      <c r="MK15" s="119">
        <v>987317</v>
      </c>
      <c r="ML15" s="119">
        <v>4329023</v>
      </c>
      <c r="MM15" s="119">
        <v>8118089</v>
      </c>
      <c r="MN15" s="119">
        <v>2760076</v>
      </c>
      <c r="MO15" s="120">
        <v>16434445</v>
      </c>
      <c r="MP15" s="143">
        <v>16434445</v>
      </c>
      <c r="MQ15" s="142">
        <v>0</v>
      </c>
      <c r="MR15" s="119">
        <v>0</v>
      </c>
      <c r="MS15" s="120">
        <v>0</v>
      </c>
      <c r="MT15" s="145"/>
      <c r="MU15" s="119">
        <v>0</v>
      </c>
      <c r="MV15" s="119">
        <v>0</v>
      </c>
      <c r="MW15" s="119">
        <v>3269373</v>
      </c>
      <c r="MX15" s="119">
        <v>5032047</v>
      </c>
      <c r="MY15" s="119">
        <v>2163113</v>
      </c>
      <c r="MZ15" s="120">
        <v>10464533</v>
      </c>
      <c r="NA15" s="143">
        <v>10464533</v>
      </c>
      <c r="NB15" s="142">
        <v>0</v>
      </c>
      <c r="NC15" s="119">
        <v>0</v>
      </c>
      <c r="ND15" s="120">
        <v>0</v>
      </c>
      <c r="NE15" s="145"/>
      <c r="NF15" s="119">
        <v>239940</v>
      </c>
      <c r="NG15" s="119">
        <v>987317</v>
      </c>
      <c r="NH15" s="119">
        <v>1059650</v>
      </c>
      <c r="NI15" s="119">
        <v>2770462</v>
      </c>
      <c r="NJ15" s="119">
        <v>596963</v>
      </c>
      <c r="NK15" s="120">
        <v>5654332</v>
      </c>
      <c r="NL15" s="320">
        <v>5654332</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315580</v>
      </c>
      <c r="OF15" s="119">
        <v>0</v>
      </c>
      <c r="OG15" s="120">
        <v>315580</v>
      </c>
      <c r="OH15" s="121">
        <v>315580</v>
      </c>
      <c r="OI15" s="142">
        <v>1198953</v>
      </c>
      <c r="OJ15" s="119">
        <v>768383</v>
      </c>
      <c r="OK15" s="141">
        <v>1967336</v>
      </c>
      <c r="OL15" s="118">
        <v>0</v>
      </c>
      <c r="OM15" s="119">
        <v>13379583</v>
      </c>
      <c r="ON15" s="119">
        <v>14453139</v>
      </c>
      <c r="OO15" s="119">
        <v>20862742</v>
      </c>
      <c r="OP15" s="119">
        <v>20777672</v>
      </c>
      <c r="OQ15" s="119">
        <v>12236731</v>
      </c>
      <c r="OR15" s="120">
        <v>81709867</v>
      </c>
      <c r="OS15" s="143">
        <v>83677203</v>
      </c>
    </row>
    <row r="16" spans="1:409" ht="21" customHeight="1" x14ac:dyDescent="0.2">
      <c r="B16" s="126" t="s">
        <v>10</v>
      </c>
      <c r="C16" s="110">
        <v>1481900</v>
      </c>
      <c r="D16" s="114">
        <v>1812075</v>
      </c>
      <c r="E16" s="113">
        <v>3293975</v>
      </c>
      <c r="F16" s="172">
        <v>0</v>
      </c>
      <c r="G16" s="114">
        <v>18956492</v>
      </c>
      <c r="H16" s="114">
        <v>16219877</v>
      </c>
      <c r="I16" s="114">
        <v>12464457</v>
      </c>
      <c r="J16" s="114">
        <v>13509019</v>
      </c>
      <c r="K16" s="114">
        <v>8145813</v>
      </c>
      <c r="L16" s="109">
        <v>69295658</v>
      </c>
      <c r="M16" s="116">
        <v>72589633</v>
      </c>
      <c r="N16" s="110">
        <v>480718</v>
      </c>
      <c r="O16" s="114">
        <v>751675</v>
      </c>
      <c r="P16" s="113">
        <v>1232393</v>
      </c>
      <c r="Q16" s="110">
        <v>0</v>
      </c>
      <c r="R16" s="114">
        <v>6779479</v>
      </c>
      <c r="S16" s="114">
        <v>5792012</v>
      </c>
      <c r="T16" s="114">
        <v>3808594</v>
      </c>
      <c r="U16" s="114">
        <v>5918582</v>
      </c>
      <c r="V16" s="114">
        <v>4362411</v>
      </c>
      <c r="W16" s="113">
        <v>26661078</v>
      </c>
      <c r="X16" s="116">
        <v>27893471</v>
      </c>
      <c r="Y16" s="110">
        <v>0</v>
      </c>
      <c r="Z16" s="114">
        <v>0</v>
      </c>
      <c r="AA16" s="113">
        <v>0</v>
      </c>
      <c r="AB16" s="110">
        <v>0</v>
      </c>
      <c r="AC16" s="114">
        <v>3044772</v>
      </c>
      <c r="AD16" s="114">
        <v>2973864</v>
      </c>
      <c r="AE16" s="114">
        <v>2066463</v>
      </c>
      <c r="AF16" s="114">
        <v>3560985</v>
      </c>
      <c r="AG16" s="114">
        <v>2600435</v>
      </c>
      <c r="AH16" s="113">
        <v>14246519</v>
      </c>
      <c r="AI16" s="116">
        <v>14246519</v>
      </c>
      <c r="AJ16" s="110">
        <v>0</v>
      </c>
      <c r="AK16" s="114">
        <v>0</v>
      </c>
      <c r="AL16" s="113">
        <v>0</v>
      </c>
      <c r="AM16" s="110">
        <v>0</v>
      </c>
      <c r="AN16" s="114">
        <v>47374</v>
      </c>
      <c r="AO16" s="114">
        <v>26396</v>
      </c>
      <c r="AP16" s="114">
        <v>106367</v>
      </c>
      <c r="AQ16" s="114">
        <v>543882</v>
      </c>
      <c r="AR16" s="114">
        <v>463594</v>
      </c>
      <c r="AS16" s="113">
        <v>1187613</v>
      </c>
      <c r="AT16" s="116">
        <v>1187613</v>
      </c>
      <c r="AU16" s="110">
        <v>241002</v>
      </c>
      <c r="AV16" s="114">
        <v>566950</v>
      </c>
      <c r="AW16" s="113">
        <v>807952</v>
      </c>
      <c r="AX16" s="110">
        <v>0</v>
      </c>
      <c r="AY16" s="114">
        <v>2317745</v>
      </c>
      <c r="AZ16" s="114">
        <v>1731989</v>
      </c>
      <c r="BA16" s="114">
        <v>755220</v>
      </c>
      <c r="BB16" s="114">
        <v>959972</v>
      </c>
      <c r="BC16" s="114">
        <v>490661</v>
      </c>
      <c r="BD16" s="113">
        <v>6255587</v>
      </c>
      <c r="BE16" s="116">
        <v>7063539</v>
      </c>
      <c r="BF16" s="110">
        <v>49460</v>
      </c>
      <c r="BG16" s="114">
        <v>53845</v>
      </c>
      <c r="BH16" s="112">
        <v>103305</v>
      </c>
      <c r="BI16" s="111">
        <v>0</v>
      </c>
      <c r="BJ16" s="114">
        <v>312780</v>
      </c>
      <c r="BK16" s="114">
        <v>179907</v>
      </c>
      <c r="BL16" s="114">
        <v>45376</v>
      </c>
      <c r="BM16" s="114">
        <v>92935</v>
      </c>
      <c r="BN16" s="114">
        <v>183985</v>
      </c>
      <c r="BO16" s="113">
        <v>814983</v>
      </c>
      <c r="BP16" s="116">
        <v>918288</v>
      </c>
      <c r="BQ16" s="110">
        <v>190256</v>
      </c>
      <c r="BR16" s="114">
        <v>130880</v>
      </c>
      <c r="BS16" s="113">
        <v>321136</v>
      </c>
      <c r="BT16" s="110">
        <v>0</v>
      </c>
      <c r="BU16" s="114">
        <v>1056808</v>
      </c>
      <c r="BV16" s="114">
        <v>879856</v>
      </c>
      <c r="BW16" s="114">
        <v>835168</v>
      </c>
      <c r="BX16" s="114">
        <v>760808</v>
      </c>
      <c r="BY16" s="114">
        <v>623736</v>
      </c>
      <c r="BZ16" s="113">
        <v>4156376</v>
      </c>
      <c r="CA16" s="116">
        <v>4477512</v>
      </c>
      <c r="CB16" s="110">
        <v>62962</v>
      </c>
      <c r="CC16" s="114">
        <v>158498</v>
      </c>
      <c r="CD16" s="113">
        <v>221460</v>
      </c>
      <c r="CE16" s="110">
        <v>0</v>
      </c>
      <c r="CF16" s="114">
        <v>5935226</v>
      </c>
      <c r="CG16" s="114">
        <v>4735462</v>
      </c>
      <c r="CH16" s="114">
        <v>3006209</v>
      </c>
      <c r="CI16" s="114">
        <v>1767849</v>
      </c>
      <c r="CJ16" s="114">
        <v>895455</v>
      </c>
      <c r="CK16" s="113">
        <v>16340201</v>
      </c>
      <c r="CL16" s="116">
        <v>16561661</v>
      </c>
      <c r="CM16" s="110">
        <v>0</v>
      </c>
      <c r="CN16" s="114">
        <v>0</v>
      </c>
      <c r="CO16" s="113">
        <v>0</v>
      </c>
      <c r="CP16" s="111">
        <v>0</v>
      </c>
      <c r="CQ16" s="114">
        <v>4955379</v>
      </c>
      <c r="CR16" s="114">
        <v>4202679</v>
      </c>
      <c r="CS16" s="114">
        <v>2705490</v>
      </c>
      <c r="CT16" s="114">
        <v>1504244</v>
      </c>
      <c r="CU16" s="114">
        <v>685873</v>
      </c>
      <c r="CV16" s="113">
        <v>14053665</v>
      </c>
      <c r="CW16" s="116">
        <v>14053665</v>
      </c>
      <c r="CX16" s="110">
        <v>62962</v>
      </c>
      <c r="CY16" s="114">
        <v>158498</v>
      </c>
      <c r="CZ16" s="113">
        <v>221460</v>
      </c>
      <c r="DA16" s="110">
        <v>0</v>
      </c>
      <c r="DB16" s="114">
        <v>979847</v>
      </c>
      <c r="DC16" s="114">
        <v>532783</v>
      </c>
      <c r="DD16" s="114">
        <v>300719</v>
      </c>
      <c r="DE16" s="114">
        <v>263605</v>
      </c>
      <c r="DF16" s="114">
        <v>209582</v>
      </c>
      <c r="DG16" s="113">
        <v>2286536</v>
      </c>
      <c r="DH16" s="116">
        <v>2507996</v>
      </c>
      <c r="DI16" s="110">
        <v>0</v>
      </c>
      <c r="DJ16" s="114">
        <v>120379</v>
      </c>
      <c r="DK16" s="112">
        <v>120379</v>
      </c>
      <c r="DL16" s="111">
        <v>0</v>
      </c>
      <c r="DM16" s="114">
        <v>560234</v>
      </c>
      <c r="DN16" s="114">
        <v>906320</v>
      </c>
      <c r="DO16" s="114">
        <v>1821909</v>
      </c>
      <c r="DP16" s="114">
        <v>1848437</v>
      </c>
      <c r="DQ16" s="114">
        <v>65962</v>
      </c>
      <c r="DR16" s="113">
        <v>5202862</v>
      </c>
      <c r="DS16" s="116">
        <v>5323241</v>
      </c>
      <c r="DT16" s="110">
        <v>0</v>
      </c>
      <c r="DU16" s="114">
        <v>120379</v>
      </c>
      <c r="DV16" s="113">
        <v>120379</v>
      </c>
      <c r="DW16" s="110">
        <v>0</v>
      </c>
      <c r="DX16" s="114">
        <v>560234</v>
      </c>
      <c r="DY16" s="114">
        <v>834264</v>
      </c>
      <c r="DZ16" s="114">
        <v>1760061</v>
      </c>
      <c r="EA16" s="114">
        <v>1818100</v>
      </c>
      <c r="EB16" s="114">
        <v>65962</v>
      </c>
      <c r="EC16" s="113">
        <v>5038621</v>
      </c>
      <c r="ED16" s="116">
        <v>5159000</v>
      </c>
      <c r="EE16" s="110">
        <v>0</v>
      </c>
      <c r="EF16" s="112">
        <v>0</v>
      </c>
      <c r="EG16" s="113">
        <v>0</v>
      </c>
      <c r="EH16" s="110">
        <v>0</v>
      </c>
      <c r="EI16" s="114">
        <v>0</v>
      </c>
      <c r="EJ16" s="114">
        <v>72056</v>
      </c>
      <c r="EK16" s="114">
        <v>61848</v>
      </c>
      <c r="EL16" s="114">
        <v>30337</v>
      </c>
      <c r="EM16" s="114">
        <v>0</v>
      </c>
      <c r="EN16" s="112">
        <v>164241</v>
      </c>
      <c r="EO16" s="116">
        <v>164241</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537040</v>
      </c>
      <c r="FM16" s="114">
        <v>697128</v>
      </c>
      <c r="FN16" s="113">
        <v>1234168</v>
      </c>
      <c r="FO16" s="110">
        <v>0</v>
      </c>
      <c r="FP16" s="114">
        <v>1173832</v>
      </c>
      <c r="FQ16" s="114">
        <v>1571432</v>
      </c>
      <c r="FR16" s="114">
        <v>1034704</v>
      </c>
      <c r="FS16" s="114">
        <v>1310288</v>
      </c>
      <c r="FT16" s="114">
        <v>671040</v>
      </c>
      <c r="FU16" s="113">
        <v>5761296</v>
      </c>
      <c r="FV16" s="116">
        <v>6995464</v>
      </c>
      <c r="FW16" s="115">
        <v>259984</v>
      </c>
      <c r="FX16" s="114">
        <v>430728</v>
      </c>
      <c r="FY16" s="112">
        <v>690712</v>
      </c>
      <c r="FZ16" s="111">
        <v>0</v>
      </c>
      <c r="GA16" s="114">
        <v>902512</v>
      </c>
      <c r="GB16" s="114">
        <v>1363416</v>
      </c>
      <c r="GC16" s="114">
        <v>1034704</v>
      </c>
      <c r="GD16" s="114">
        <v>1178784</v>
      </c>
      <c r="GE16" s="114">
        <v>653000</v>
      </c>
      <c r="GF16" s="113">
        <v>5132416</v>
      </c>
      <c r="GG16" s="318">
        <v>5823128</v>
      </c>
      <c r="GH16" s="115">
        <v>45056</v>
      </c>
      <c r="GI16" s="114">
        <v>26400</v>
      </c>
      <c r="GJ16" s="112">
        <v>71456</v>
      </c>
      <c r="GK16" s="111">
        <v>0</v>
      </c>
      <c r="GL16" s="114">
        <v>14520</v>
      </c>
      <c r="GM16" s="114">
        <v>52256</v>
      </c>
      <c r="GN16" s="114">
        <v>0</v>
      </c>
      <c r="GO16" s="114">
        <v>24304</v>
      </c>
      <c r="GP16" s="114">
        <v>18040</v>
      </c>
      <c r="GQ16" s="113">
        <v>109120</v>
      </c>
      <c r="GR16" s="116">
        <v>180576</v>
      </c>
      <c r="GS16" s="110">
        <v>232000</v>
      </c>
      <c r="GT16" s="114">
        <v>240000</v>
      </c>
      <c r="GU16" s="113">
        <v>472000</v>
      </c>
      <c r="GV16" s="110">
        <v>0</v>
      </c>
      <c r="GW16" s="114">
        <v>256800</v>
      </c>
      <c r="GX16" s="114">
        <v>155760</v>
      </c>
      <c r="GY16" s="114">
        <v>0</v>
      </c>
      <c r="GZ16" s="114">
        <v>107200</v>
      </c>
      <c r="HA16" s="114">
        <v>0</v>
      </c>
      <c r="HB16" s="112">
        <v>519760</v>
      </c>
      <c r="HC16" s="116">
        <v>991760</v>
      </c>
      <c r="HD16" s="110">
        <v>401180</v>
      </c>
      <c r="HE16" s="114">
        <v>84395</v>
      </c>
      <c r="HF16" s="112">
        <v>485575</v>
      </c>
      <c r="HG16" s="111">
        <v>0</v>
      </c>
      <c r="HH16" s="114">
        <v>4507721</v>
      </c>
      <c r="HI16" s="114">
        <v>3214651</v>
      </c>
      <c r="HJ16" s="114">
        <v>2793041</v>
      </c>
      <c r="HK16" s="114">
        <v>2663863</v>
      </c>
      <c r="HL16" s="114">
        <v>2150945</v>
      </c>
      <c r="HM16" s="113">
        <v>15330221</v>
      </c>
      <c r="HN16" s="109">
        <v>15815796</v>
      </c>
      <c r="HO16" s="328"/>
      <c r="HP16" s="329"/>
      <c r="HQ16" s="330"/>
      <c r="HR16" s="331"/>
      <c r="HS16" s="329"/>
      <c r="HT16" s="329"/>
      <c r="HU16" s="329"/>
      <c r="HV16" s="329"/>
      <c r="HW16" s="329"/>
      <c r="HX16" s="332"/>
      <c r="HY16" s="333"/>
      <c r="HZ16" s="150">
        <v>0</v>
      </c>
      <c r="IA16" s="135">
        <v>0</v>
      </c>
      <c r="IB16" s="150">
        <v>0</v>
      </c>
      <c r="IC16" s="134">
        <v>0</v>
      </c>
      <c r="ID16" s="135">
        <v>3636238</v>
      </c>
      <c r="IE16" s="136">
        <v>5418758</v>
      </c>
      <c r="IF16" s="137">
        <v>5714466</v>
      </c>
      <c r="IG16" s="135">
        <v>4729644</v>
      </c>
      <c r="IH16" s="137">
        <v>3903960</v>
      </c>
      <c r="II16" s="138">
        <v>23403066</v>
      </c>
      <c r="IJ16" s="150">
        <v>23403066</v>
      </c>
      <c r="IK16" s="232">
        <v>0</v>
      </c>
      <c r="IL16" s="236">
        <v>0</v>
      </c>
      <c r="IM16" s="237">
        <v>0</v>
      </c>
      <c r="IN16" s="140"/>
      <c r="IO16" s="119">
        <v>150405</v>
      </c>
      <c r="IP16" s="119">
        <v>351275</v>
      </c>
      <c r="IQ16" s="119">
        <v>378367</v>
      </c>
      <c r="IR16" s="119">
        <v>0</v>
      </c>
      <c r="IS16" s="119">
        <v>274312</v>
      </c>
      <c r="IT16" s="141">
        <v>1154359</v>
      </c>
      <c r="IU16" s="320">
        <v>1154359</v>
      </c>
      <c r="IV16" s="142">
        <v>0</v>
      </c>
      <c r="IW16" s="119">
        <v>0</v>
      </c>
      <c r="IX16" s="120">
        <v>0</v>
      </c>
      <c r="IY16" s="144"/>
      <c r="IZ16" s="119">
        <v>10692</v>
      </c>
      <c r="JA16" s="119">
        <v>10692</v>
      </c>
      <c r="JB16" s="119">
        <v>21384</v>
      </c>
      <c r="JC16" s="119">
        <v>0</v>
      </c>
      <c r="JD16" s="119">
        <v>0</v>
      </c>
      <c r="JE16" s="120">
        <v>42768</v>
      </c>
      <c r="JF16" s="121">
        <v>42768</v>
      </c>
      <c r="JG16" s="142">
        <v>0</v>
      </c>
      <c r="JH16" s="119">
        <v>0</v>
      </c>
      <c r="JI16" s="141">
        <v>0</v>
      </c>
      <c r="JJ16" s="118">
        <v>0</v>
      </c>
      <c r="JK16" s="119">
        <v>1553132</v>
      </c>
      <c r="JL16" s="119">
        <v>1161222</v>
      </c>
      <c r="JM16" s="119">
        <v>527841</v>
      </c>
      <c r="JN16" s="119">
        <v>387748</v>
      </c>
      <c r="JO16" s="119">
        <v>0</v>
      </c>
      <c r="JP16" s="120">
        <v>3629943</v>
      </c>
      <c r="JQ16" s="320">
        <v>3629943</v>
      </c>
      <c r="JR16" s="142">
        <v>0</v>
      </c>
      <c r="JS16" s="119">
        <v>0</v>
      </c>
      <c r="JT16" s="141">
        <v>0</v>
      </c>
      <c r="JU16" s="118">
        <v>0</v>
      </c>
      <c r="JV16" s="119">
        <v>235539</v>
      </c>
      <c r="JW16" s="119">
        <v>0</v>
      </c>
      <c r="JX16" s="119">
        <v>178088</v>
      </c>
      <c r="JY16" s="119">
        <v>435992</v>
      </c>
      <c r="JZ16" s="119">
        <v>175778</v>
      </c>
      <c r="KA16" s="120">
        <v>1025397</v>
      </c>
      <c r="KB16" s="320">
        <v>1025397</v>
      </c>
      <c r="KC16" s="234">
        <v>0</v>
      </c>
      <c r="KD16" s="230">
        <v>0</v>
      </c>
      <c r="KE16" s="120">
        <v>0</v>
      </c>
      <c r="KF16" s="118">
        <v>0</v>
      </c>
      <c r="KG16" s="119">
        <v>242338</v>
      </c>
      <c r="KH16" s="119">
        <v>709067</v>
      </c>
      <c r="KI16" s="119">
        <v>726882</v>
      </c>
      <c r="KJ16" s="119">
        <v>1310086</v>
      </c>
      <c r="KK16" s="119">
        <v>281679</v>
      </c>
      <c r="KL16" s="120">
        <v>3270052</v>
      </c>
      <c r="KM16" s="143">
        <v>3270052</v>
      </c>
      <c r="KN16" s="232">
        <v>0</v>
      </c>
      <c r="KO16" s="236">
        <v>0</v>
      </c>
      <c r="KP16" s="237">
        <v>0</v>
      </c>
      <c r="KQ16" s="140"/>
      <c r="KR16" s="119">
        <v>918426</v>
      </c>
      <c r="KS16" s="119">
        <v>1956472</v>
      </c>
      <c r="KT16" s="119">
        <v>1624387</v>
      </c>
      <c r="KU16" s="119">
        <v>997012</v>
      </c>
      <c r="KV16" s="119">
        <v>970494</v>
      </c>
      <c r="KW16" s="120">
        <v>6466791</v>
      </c>
      <c r="KX16" s="320">
        <v>6466791</v>
      </c>
      <c r="KY16" s="142">
        <v>0</v>
      </c>
      <c r="KZ16" s="119">
        <v>0</v>
      </c>
      <c r="LA16" s="120">
        <v>0</v>
      </c>
      <c r="LB16" s="145"/>
      <c r="LC16" s="119">
        <v>287546</v>
      </c>
      <c r="LD16" s="119">
        <v>470597</v>
      </c>
      <c r="LE16" s="119">
        <v>895659</v>
      </c>
      <c r="LF16" s="119">
        <v>0</v>
      </c>
      <c r="LG16" s="119">
        <v>643089</v>
      </c>
      <c r="LH16" s="120">
        <v>2296891</v>
      </c>
      <c r="LI16" s="121">
        <v>2296891</v>
      </c>
      <c r="LJ16" s="142">
        <v>0</v>
      </c>
      <c r="LK16" s="119">
        <v>0</v>
      </c>
      <c r="LL16" s="120">
        <v>0</v>
      </c>
      <c r="LM16" s="145"/>
      <c r="LN16" s="119">
        <v>0</v>
      </c>
      <c r="LO16" s="119">
        <v>192409</v>
      </c>
      <c r="LP16" s="119">
        <v>211288</v>
      </c>
      <c r="LQ16" s="119">
        <v>624067</v>
      </c>
      <c r="LR16" s="119">
        <v>868148</v>
      </c>
      <c r="LS16" s="120">
        <v>1895912</v>
      </c>
      <c r="LT16" s="320">
        <v>1895912</v>
      </c>
      <c r="LU16" s="142">
        <v>0</v>
      </c>
      <c r="LV16" s="119">
        <v>0</v>
      </c>
      <c r="LW16" s="120">
        <v>0</v>
      </c>
      <c r="LX16" s="145"/>
      <c r="LY16" s="119">
        <v>238160</v>
      </c>
      <c r="LZ16" s="119">
        <v>567024</v>
      </c>
      <c r="MA16" s="119">
        <v>1150570</v>
      </c>
      <c r="MB16" s="119">
        <v>974739</v>
      </c>
      <c r="MC16" s="119">
        <v>690460</v>
      </c>
      <c r="MD16" s="120">
        <v>3620953</v>
      </c>
      <c r="ME16" s="121">
        <v>3620953</v>
      </c>
      <c r="MF16" s="142">
        <v>0</v>
      </c>
      <c r="MG16" s="119">
        <v>0</v>
      </c>
      <c r="MH16" s="120">
        <v>0</v>
      </c>
      <c r="MI16" s="145"/>
      <c r="MJ16" s="119">
        <v>1023781</v>
      </c>
      <c r="MK16" s="119">
        <v>1476682</v>
      </c>
      <c r="ML16" s="119">
        <v>7634824</v>
      </c>
      <c r="MM16" s="119">
        <v>12408956</v>
      </c>
      <c r="MN16" s="119">
        <v>7118232</v>
      </c>
      <c r="MO16" s="120">
        <v>29662475</v>
      </c>
      <c r="MP16" s="143">
        <v>29662475</v>
      </c>
      <c r="MQ16" s="142">
        <v>0</v>
      </c>
      <c r="MR16" s="119">
        <v>0</v>
      </c>
      <c r="MS16" s="120">
        <v>0</v>
      </c>
      <c r="MT16" s="145"/>
      <c r="MU16" s="119">
        <v>194576</v>
      </c>
      <c r="MV16" s="119">
        <v>0</v>
      </c>
      <c r="MW16" s="119">
        <v>4753609</v>
      </c>
      <c r="MX16" s="119">
        <v>9105845</v>
      </c>
      <c r="MY16" s="119">
        <v>3902127</v>
      </c>
      <c r="MZ16" s="120">
        <v>17956157</v>
      </c>
      <c r="NA16" s="143">
        <v>17956157</v>
      </c>
      <c r="NB16" s="142">
        <v>0</v>
      </c>
      <c r="NC16" s="119">
        <v>0</v>
      </c>
      <c r="ND16" s="120">
        <v>0</v>
      </c>
      <c r="NE16" s="145"/>
      <c r="NF16" s="119">
        <v>829205</v>
      </c>
      <c r="NG16" s="119">
        <v>1476682</v>
      </c>
      <c r="NH16" s="119">
        <v>2881215</v>
      </c>
      <c r="NI16" s="119">
        <v>3303111</v>
      </c>
      <c r="NJ16" s="119">
        <v>2531774</v>
      </c>
      <c r="NK16" s="120">
        <v>11021987</v>
      </c>
      <c r="NL16" s="320">
        <v>11021987</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684331</v>
      </c>
      <c r="OG16" s="120">
        <v>684331</v>
      </c>
      <c r="OH16" s="121">
        <v>684331</v>
      </c>
      <c r="OI16" s="142">
        <v>1481900</v>
      </c>
      <c r="OJ16" s="119">
        <v>1812075</v>
      </c>
      <c r="OK16" s="141">
        <v>3293975</v>
      </c>
      <c r="OL16" s="118">
        <v>0</v>
      </c>
      <c r="OM16" s="119">
        <v>23616511</v>
      </c>
      <c r="ON16" s="119">
        <v>23115317</v>
      </c>
      <c r="OO16" s="119">
        <v>25813747</v>
      </c>
      <c r="OP16" s="119">
        <v>30647619</v>
      </c>
      <c r="OQ16" s="119">
        <v>19168005</v>
      </c>
      <c r="OR16" s="120">
        <v>122361199</v>
      </c>
      <c r="OS16" s="143">
        <v>125655174</v>
      </c>
    </row>
    <row r="17" spans="2:409" ht="21" customHeight="1" x14ac:dyDescent="0.2">
      <c r="B17" s="126" t="s">
        <v>11</v>
      </c>
      <c r="C17" s="110">
        <v>472871</v>
      </c>
      <c r="D17" s="114">
        <v>684859</v>
      </c>
      <c r="E17" s="171">
        <v>1157730</v>
      </c>
      <c r="F17" s="111">
        <v>0</v>
      </c>
      <c r="G17" s="114">
        <v>6751333</v>
      </c>
      <c r="H17" s="114">
        <v>6835566</v>
      </c>
      <c r="I17" s="114">
        <v>6073542</v>
      </c>
      <c r="J17" s="114">
        <v>6982493</v>
      </c>
      <c r="K17" s="114">
        <v>3644190</v>
      </c>
      <c r="L17" s="109">
        <v>30287124</v>
      </c>
      <c r="M17" s="116">
        <v>31444854</v>
      </c>
      <c r="N17" s="110">
        <v>112733</v>
      </c>
      <c r="O17" s="114">
        <v>205720</v>
      </c>
      <c r="P17" s="113">
        <v>318453</v>
      </c>
      <c r="Q17" s="110">
        <v>0</v>
      </c>
      <c r="R17" s="114">
        <v>1309040</v>
      </c>
      <c r="S17" s="114">
        <v>1795643</v>
      </c>
      <c r="T17" s="114">
        <v>1415890</v>
      </c>
      <c r="U17" s="114">
        <v>1856291</v>
      </c>
      <c r="V17" s="114">
        <v>2403924</v>
      </c>
      <c r="W17" s="113">
        <v>8780788</v>
      </c>
      <c r="X17" s="116">
        <v>9099241</v>
      </c>
      <c r="Y17" s="110">
        <v>0</v>
      </c>
      <c r="Z17" s="114">
        <v>0</v>
      </c>
      <c r="AA17" s="113">
        <v>0</v>
      </c>
      <c r="AB17" s="110">
        <v>0</v>
      </c>
      <c r="AC17" s="114">
        <v>183639</v>
      </c>
      <c r="AD17" s="114">
        <v>733245</v>
      </c>
      <c r="AE17" s="114">
        <v>733979</v>
      </c>
      <c r="AF17" s="114">
        <v>550889</v>
      </c>
      <c r="AG17" s="114">
        <v>1452231</v>
      </c>
      <c r="AH17" s="113">
        <v>3653983</v>
      </c>
      <c r="AI17" s="116">
        <v>3653983</v>
      </c>
      <c r="AJ17" s="110">
        <v>0</v>
      </c>
      <c r="AK17" s="114">
        <v>0</v>
      </c>
      <c r="AL17" s="113">
        <v>0</v>
      </c>
      <c r="AM17" s="110">
        <v>0</v>
      </c>
      <c r="AN17" s="114">
        <v>14038</v>
      </c>
      <c r="AO17" s="114">
        <v>105594</v>
      </c>
      <c r="AP17" s="114">
        <v>105603</v>
      </c>
      <c r="AQ17" s="114">
        <v>376654</v>
      </c>
      <c r="AR17" s="114">
        <v>296417</v>
      </c>
      <c r="AS17" s="113">
        <v>898306</v>
      </c>
      <c r="AT17" s="116">
        <v>898306</v>
      </c>
      <c r="AU17" s="110">
        <v>88317</v>
      </c>
      <c r="AV17" s="114">
        <v>120613</v>
      </c>
      <c r="AW17" s="113">
        <v>208930</v>
      </c>
      <c r="AX17" s="110">
        <v>0</v>
      </c>
      <c r="AY17" s="114">
        <v>783491</v>
      </c>
      <c r="AZ17" s="114">
        <v>680758</v>
      </c>
      <c r="BA17" s="114">
        <v>301836</v>
      </c>
      <c r="BB17" s="114">
        <v>524299</v>
      </c>
      <c r="BC17" s="114">
        <v>423466</v>
      </c>
      <c r="BD17" s="113">
        <v>2713850</v>
      </c>
      <c r="BE17" s="116">
        <v>2922780</v>
      </c>
      <c r="BF17" s="110">
        <v>0</v>
      </c>
      <c r="BG17" s="114">
        <v>50979</v>
      </c>
      <c r="BH17" s="112">
        <v>50979</v>
      </c>
      <c r="BI17" s="111">
        <v>0</v>
      </c>
      <c r="BJ17" s="114">
        <v>66416</v>
      </c>
      <c r="BK17" s="114">
        <v>41862</v>
      </c>
      <c r="BL17" s="114">
        <v>0</v>
      </c>
      <c r="BM17" s="114">
        <v>133697</v>
      </c>
      <c r="BN17" s="114">
        <v>73258</v>
      </c>
      <c r="BO17" s="113">
        <v>315233</v>
      </c>
      <c r="BP17" s="116">
        <v>366212</v>
      </c>
      <c r="BQ17" s="110">
        <v>24416</v>
      </c>
      <c r="BR17" s="114">
        <v>34128</v>
      </c>
      <c r="BS17" s="113">
        <v>58544</v>
      </c>
      <c r="BT17" s="110">
        <v>0</v>
      </c>
      <c r="BU17" s="114">
        <v>261456</v>
      </c>
      <c r="BV17" s="114">
        <v>234184</v>
      </c>
      <c r="BW17" s="114">
        <v>274472</v>
      </c>
      <c r="BX17" s="114">
        <v>270752</v>
      </c>
      <c r="BY17" s="114">
        <v>158552</v>
      </c>
      <c r="BZ17" s="113">
        <v>1199416</v>
      </c>
      <c r="CA17" s="116">
        <v>1257960</v>
      </c>
      <c r="CB17" s="110">
        <v>104679</v>
      </c>
      <c r="CC17" s="114">
        <v>109352</v>
      </c>
      <c r="CD17" s="113">
        <v>214031</v>
      </c>
      <c r="CE17" s="110">
        <v>0</v>
      </c>
      <c r="CF17" s="114">
        <v>2193364</v>
      </c>
      <c r="CG17" s="114">
        <v>1925309</v>
      </c>
      <c r="CH17" s="114">
        <v>1838465</v>
      </c>
      <c r="CI17" s="114">
        <v>1549760</v>
      </c>
      <c r="CJ17" s="114">
        <v>231779</v>
      </c>
      <c r="CK17" s="113">
        <v>7738677</v>
      </c>
      <c r="CL17" s="116">
        <v>7952708</v>
      </c>
      <c r="CM17" s="110">
        <v>0</v>
      </c>
      <c r="CN17" s="114">
        <v>0</v>
      </c>
      <c r="CO17" s="113">
        <v>0</v>
      </c>
      <c r="CP17" s="111">
        <v>0</v>
      </c>
      <c r="CQ17" s="114">
        <v>1462995</v>
      </c>
      <c r="CR17" s="114">
        <v>1381143</v>
      </c>
      <c r="CS17" s="114">
        <v>1556547</v>
      </c>
      <c r="CT17" s="114">
        <v>886324</v>
      </c>
      <c r="CU17" s="114">
        <v>155988</v>
      </c>
      <c r="CV17" s="113">
        <v>5442997</v>
      </c>
      <c r="CW17" s="116">
        <v>5442997</v>
      </c>
      <c r="CX17" s="110">
        <v>104679</v>
      </c>
      <c r="CY17" s="114">
        <v>109352</v>
      </c>
      <c r="CZ17" s="113">
        <v>214031</v>
      </c>
      <c r="DA17" s="110">
        <v>0</v>
      </c>
      <c r="DB17" s="114">
        <v>730369</v>
      </c>
      <c r="DC17" s="114">
        <v>544166</v>
      </c>
      <c r="DD17" s="114">
        <v>281918</v>
      </c>
      <c r="DE17" s="114">
        <v>663436</v>
      </c>
      <c r="DF17" s="114">
        <v>75791</v>
      </c>
      <c r="DG17" s="113">
        <v>2295680</v>
      </c>
      <c r="DH17" s="116">
        <v>2509711</v>
      </c>
      <c r="DI17" s="110">
        <v>16609</v>
      </c>
      <c r="DJ17" s="114">
        <v>0</v>
      </c>
      <c r="DK17" s="112">
        <v>16609</v>
      </c>
      <c r="DL17" s="111">
        <v>0</v>
      </c>
      <c r="DM17" s="114">
        <v>237937</v>
      </c>
      <c r="DN17" s="114">
        <v>463048</v>
      </c>
      <c r="DO17" s="114">
        <v>813374</v>
      </c>
      <c r="DP17" s="114">
        <v>88643</v>
      </c>
      <c r="DQ17" s="114">
        <v>0</v>
      </c>
      <c r="DR17" s="113">
        <v>1603002</v>
      </c>
      <c r="DS17" s="116">
        <v>1619611</v>
      </c>
      <c r="DT17" s="110">
        <v>16609</v>
      </c>
      <c r="DU17" s="114">
        <v>0</v>
      </c>
      <c r="DV17" s="113">
        <v>16609</v>
      </c>
      <c r="DW17" s="110">
        <v>0</v>
      </c>
      <c r="DX17" s="114">
        <v>237937</v>
      </c>
      <c r="DY17" s="114">
        <v>376606</v>
      </c>
      <c r="DZ17" s="114">
        <v>813374</v>
      </c>
      <c r="EA17" s="114">
        <v>88643</v>
      </c>
      <c r="EB17" s="114">
        <v>0</v>
      </c>
      <c r="EC17" s="113">
        <v>1516560</v>
      </c>
      <c r="ED17" s="116">
        <v>1533169</v>
      </c>
      <c r="EE17" s="110">
        <v>0</v>
      </c>
      <c r="EF17" s="112">
        <v>0</v>
      </c>
      <c r="EG17" s="113">
        <v>0</v>
      </c>
      <c r="EH17" s="110">
        <v>0</v>
      </c>
      <c r="EI17" s="114">
        <v>0</v>
      </c>
      <c r="EJ17" s="114">
        <v>86442</v>
      </c>
      <c r="EK17" s="114">
        <v>0</v>
      </c>
      <c r="EL17" s="114">
        <v>0</v>
      </c>
      <c r="EM17" s="114">
        <v>0</v>
      </c>
      <c r="EN17" s="112">
        <v>86442</v>
      </c>
      <c r="EO17" s="116">
        <v>86442</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176520</v>
      </c>
      <c r="FM17" s="114">
        <v>188808</v>
      </c>
      <c r="FN17" s="113">
        <v>365328</v>
      </c>
      <c r="FO17" s="110">
        <v>0</v>
      </c>
      <c r="FP17" s="114">
        <v>648888</v>
      </c>
      <c r="FQ17" s="114">
        <v>637078</v>
      </c>
      <c r="FR17" s="114">
        <v>519328</v>
      </c>
      <c r="FS17" s="114">
        <v>604968</v>
      </c>
      <c r="FT17" s="114">
        <v>244328</v>
      </c>
      <c r="FU17" s="113">
        <v>2654590</v>
      </c>
      <c r="FV17" s="116">
        <v>3019918</v>
      </c>
      <c r="FW17" s="115">
        <v>81040</v>
      </c>
      <c r="FX17" s="114">
        <v>188808</v>
      </c>
      <c r="FY17" s="112">
        <v>269848</v>
      </c>
      <c r="FZ17" s="111">
        <v>0</v>
      </c>
      <c r="GA17" s="114">
        <v>245976</v>
      </c>
      <c r="GB17" s="114">
        <v>577544</v>
      </c>
      <c r="GC17" s="114">
        <v>493328</v>
      </c>
      <c r="GD17" s="114">
        <v>523368</v>
      </c>
      <c r="GE17" s="114">
        <v>244328</v>
      </c>
      <c r="GF17" s="113">
        <v>2084544</v>
      </c>
      <c r="GG17" s="318">
        <v>2354392</v>
      </c>
      <c r="GH17" s="115">
        <v>0</v>
      </c>
      <c r="GI17" s="114">
        <v>0</v>
      </c>
      <c r="GJ17" s="112">
        <v>0</v>
      </c>
      <c r="GK17" s="111">
        <v>0</v>
      </c>
      <c r="GL17" s="114">
        <v>24400</v>
      </c>
      <c r="GM17" s="114">
        <v>59534</v>
      </c>
      <c r="GN17" s="114">
        <v>26000</v>
      </c>
      <c r="GO17" s="114">
        <v>35200</v>
      </c>
      <c r="GP17" s="114">
        <v>0</v>
      </c>
      <c r="GQ17" s="113">
        <v>145134</v>
      </c>
      <c r="GR17" s="116">
        <v>145134</v>
      </c>
      <c r="GS17" s="110">
        <v>95480</v>
      </c>
      <c r="GT17" s="114">
        <v>0</v>
      </c>
      <c r="GU17" s="113">
        <v>95480</v>
      </c>
      <c r="GV17" s="110">
        <v>0</v>
      </c>
      <c r="GW17" s="114">
        <v>378512</v>
      </c>
      <c r="GX17" s="114">
        <v>0</v>
      </c>
      <c r="GY17" s="114">
        <v>0</v>
      </c>
      <c r="GZ17" s="114">
        <v>46400</v>
      </c>
      <c r="HA17" s="114">
        <v>0</v>
      </c>
      <c r="HB17" s="112">
        <v>424912</v>
      </c>
      <c r="HC17" s="116">
        <v>520392</v>
      </c>
      <c r="HD17" s="110">
        <v>62330</v>
      </c>
      <c r="HE17" s="114">
        <v>180979</v>
      </c>
      <c r="HF17" s="112">
        <v>243309</v>
      </c>
      <c r="HG17" s="111">
        <v>0</v>
      </c>
      <c r="HH17" s="114">
        <v>2362104</v>
      </c>
      <c r="HI17" s="114">
        <v>2014488</v>
      </c>
      <c r="HJ17" s="114">
        <v>1486485</v>
      </c>
      <c r="HK17" s="114">
        <v>2882831</v>
      </c>
      <c r="HL17" s="114">
        <v>764159</v>
      </c>
      <c r="HM17" s="113">
        <v>9510067</v>
      </c>
      <c r="HN17" s="109">
        <v>9753376</v>
      </c>
      <c r="HO17" s="328"/>
      <c r="HP17" s="329"/>
      <c r="HQ17" s="330"/>
      <c r="HR17" s="331"/>
      <c r="HS17" s="329"/>
      <c r="HT17" s="329"/>
      <c r="HU17" s="329"/>
      <c r="HV17" s="329"/>
      <c r="HW17" s="329"/>
      <c r="HX17" s="332"/>
      <c r="HY17" s="333"/>
      <c r="HZ17" s="131">
        <v>0</v>
      </c>
      <c r="IA17" s="132">
        <v>0</v>
      </c>
      <c r="IB17" s="133">
        <v>0</v>
      </c>
      <c r="IC17" s="146">
        <v>0</v>
      </c>
      <c r="ID17" s="132">
        <v>934350</v>
      </c>
      <c r="IE17" s="147">
        <v>1703018</v>
      </c>
      <c r="IF17" s="133">
        <v>2179951</v>
      </c>
      <c r="IG17" s="132">
        <v>1385239</v>
      </c>
      <c r="IH17" s="133">
        <v>862965</v>
      </c>
      <c r="II17" s="148">
        <v>7065523</v>
      </c>
      <c r="IJ17" s="139">
        <v>7065523</v>
      </c>
      <c r="IK17" s="232">
        <v>0</v>
      </c>
      <c r="IL17" s="236">
        <v>0</v>
      </c>
      <c r="IM17" s="237">
        <v>0</v>
      </c>
      <c r="IN17" s="140"/>
      <c r="IO17" s="119">
        <v>76072</v>
      </c>
      <c r="IP17" s="119">
        <v>124872</v>
      </c>
      <c r="IQ17" s="119">
        <v>349107</v>
      </c>
      <c r="IR17" s="119">
        <v>0</v>
      </c>
      <c r="IS17" s="119">
        <v>0</v>
      </c>
      <c r="IT17" s="141">
        <v>550051</v>
      </c>
      <c r="IU17" s="320">
        <v>550051</v>
      </c>
      <c r="IV17" s="142">
        <v>0</v>
      </c>
      <c r="IW17" s="119">
        <v>0</v>
      </c>
      <c r="IX17" s="120">
        <v>0</v>
      </c>
      <c r="IY17" s="144"/>
      <c r="IZ17" s="119">
        <v>0</v>
      </c>
      <c r="JA17" s="119">
        <v>0</v>
      </c>
      <c r="JB17" s="119">
        <v>0</v>
      </c>
      <c r="JC17" s="119">
        <v>16836</v>
      </c>
      <c r="JD17" s="119">
        <v>0</v>
      </c>
      <c r="JE17" s="120">
        <v>16836</v>
      </c>
      <c r="JF17" s="121">
        <v>16836</v>
      </c>
      <c r="JG17" s="142">
        <v>0</v>
      </c>
      <c r="JH17" s="119">
        <v>0</v>
      </c>
      <c r="JI17" s="141">
        <v>0</v>
      </c>
      <c r="JJ17" s="118">
        <v>0</v>
      </c>
      <c r="JK17" s="119">
        <v>743849</v>
      </c>
      <c r="JL17" s="119">
        <v>406226</v>
      </c>
      <c r="JM17" s="119">
        <v>370102</v>
      </c>
      <c r="JN17" s="119">
        <v>112592</v>
      </c>
      <c r="JO17" s="119">
        <v>616162</v>
      </c>
      <c r="JP17" s="120">
        <v>2248931</v>
      </c>
      <c r="JQ17" s="320">
        <v>2248931</v>
      </c>
      <c r="JR17" s="142">
        <v>0</v>
      </c>
      <c r="JS17" s="119">
        <v>0</v>
      </c>
      <c r="JT17" s="141">
        <v>0</v>
      </c>
      <c r="JU17" s="118">
        <v>0</v>
      </c>
      <c r="JV17" s="119">
        <v>0</v>
      </c>
      <c r="JW17" s="119">
        <v>247662</v>
      </c>
      <c r="JX17" s="119">
        <v>280356</v>
      </c>
      <c r="JY17" s="119">
        <v>0</v>
      </c>
      <c r="JZ17" s="119">
        <v>0</v>
      </c>
      <c r="KA17" s="120">
        <v>528018</v>
      </c>
      <c r="KB17" s="320">
        <v>528018</v>
      </c>
      <c r="KC17" s="234">
        <v>0</v>
      </c>
      <c r="KD17" s="230">
        <v>0</v>
      </c>
      <c r="KE17" s="120">
        <v>0</v>
      </c>
      <c r="KF17" s="118">
        <v>0</v>
      </c>
      <c r="KG17" s="119">
        <v>106242</v>
      </c>
      <c r="KH17" s="119">
        <v>510271</v>
      </c>
      <c r="KI17" s="119">
        <v>475297</v>
      </c>
      <c r="KJ17" s="119">
        <v>265201</v>
      </c>
      <c r="KK17" s="119">
        <v>0</v>
      </c>
      <c r="KL17" s="120">
        <v>1357011</v>
      </c>
      <c r="KM17" s="143">
        <v>1357011</v>
      </c>
      <c r="KN17" s="232">
        <v>0</v>
      </c>
      <c r="KO17" s="236">
        <v>0</v>
      </c>
      <c r="KP17" s="237">
        <v>0</v>
      </c>
      <c r="KQ17" s="140"/>
      <c r="KR17" s="119">
        <v>-134972</v>
      </c>
      <c r="KS17" s="119">
        <v>224054</v>
      </c>
      <c r="KT17" s="119">
        <v>705089</v>
      </c>
      <c r="KU17" s="119">
        <v>708968</v>
      </c>
      <c r="KV17" s="119">
        <v>246803</v>
      </c>
      <c r="KW17" s="120">
        <v>1749942</v>
      </c>
      <c r="KX17" s="320">
        <v>1749942</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0">
        <v>0</v>
      </c>
      <c r="LU17" s="142">
        <v>0</v>
      </c>
      <c r="LV17" s="119">
        <v>0</v>
      </c>
      <c r="LW17" s="120">
        <v>0</v>
      </c>
      <c r="LX17" s="145"/>
      <c r="LY17" s="119">
        <v>143159</v>
      </c>
      <c r="LZ17" s="119">
        <v>189933</v>
      </c>
      <c r="MA17" s="119">
        <v>0</v>
      </c>
      <c r="MB17" s="119">
        <v>281642</v>
      </c>
      <c r="MC17" s="119">
        <v>0</v>
      </c>
      <c r="MD17" s="120">
        <v>614734</v>
      </c>
      <c r="ME17" s="121">
        <v>614734</v>
      </c>
      <c r="MF17" s="142">
        <v>0</v>
      </c>
      <c r="MG17" s="119">
        <v>0</v>
      </c>
      <c r="MH17" s="120">
        <v>0</v>
      </c>
      <c r="MI17" s="145"/>
      <c r="MJ17" s="119">
        <v>217744</v>
      </c>
      <c r="MK17" s="119">
        <v>448998</v>
      </c>
      <c r="ML17" s="119">
        <v>2506937</v>
      </c>
      <c r="MM17" s="119">
        <v>4464247</v>
      </c>
      <c r="MN17" s="119">
        <v>2939935</v>
      </c>
      <c r="MO17" s="120">
        <v>10577861</v>
      </c>
      <c r="MP17" s="143">
        <v>10577861</v>
      </c>
      <c r="MQ17" s="142">
        <v>0</v>
      </c>
      <c r="MR17" s="119">
        <v>0</v>
      </c>
      <c r="MS17" s="120">
        <v>0</v>
      </c>
      <c r="MT17" s="145"/>
      <c r="MU17" s="119">
        <v>0</v>
      </c>
      <c r="MV17" s="119">
        <v>0</v>
      </c>
      <c r="MW17" s="119">
        <v>1139364</v>
      </c>
      <c r="MX17" s="119">
        <v>3487368</v>
      </c>
      <c r="MY17" s="119">
        <v>1308806</v>
      </c>
      <c r="MZ17" s="120">
        <v>5935538</v>
      </c>
      <c r="NA17" s="143">
        <v>5935538</v>
      </c>
      <c r="NB17" s="142">
        <v>0</v>
      </c>
      <c r="NC17" s="119">
        <v>0</v>
      </c>
      <c r="ND17" s="120">
        <v>0</v>
      </c>
      <c r="NE17" s="145"/>
      <c r="NF17" s="119">
        <v>217744</v>
      </c>
      <c r="NG17" s="119">
        <v>448998</v>
      </c>
      <c r="NH17" s="119">
        <v>1367573</v>
      </c>
      <c r="NI17" s="119">
        <v>976879</v>
      </c>
      <c r="NJ17" s="119">
        <v>1631129</v>
      </c>
      <c r="NK17" s="120">
        <v>4642323</v>
      </c>
      <c r="NL17" s="320">
        <v>4642323</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0</v>
      </c>
      <c r="OF17" s="119">
        <v>0</v>
      </c>
      <c r="OG17" s="120">
        <v>0</v>
      </c>
      <c r="OH17" s="121">
        <v>0</v>
      </c>
      <c r="OI17" s="142">
        <v>472871</v>
      </c>
      <c r="OJ17" s="119">
        <v>684859</v>
      </c>
      <c r="OK17" s="141">
        <v>1157730</v>
      </c>
      <c r="OL17" s="118">
        <v>0</v>
      </c>
      <c r="OM17" s="119">
        <v>7903427</v>
      </c>
      <c r="ON17" s="119">
        <v>8987582</v>
      </c>
      <c r="OO17" s="119">
        <v>10760430</v>
      </c>
      <c r="OP17" s="119">
        <v>12831979</v>
      </c>
      <c r="OQ17" s="119">
        <v>7447090</v>
      </c>
      <c r="OR17" s="120">
        <v>47930508</v>
      </c>
      <c r="OS17" s="143">
        <v>49088238</v>
      </c>
    </row>
    <row r="18" spans="2:409" ht="21" customHeight="1" x14ac:dyDescent="0.2">
      <c r="B18" s="126" t="s">
        <v>12</v>
      </c>
      <c r="C18" s="110">
        <v>1029621</v>
      </c>
      <c r="D18" s="114">
        <v>1392092</v>
      </c>
      <c r="E18" s="113">
        <v>2421713</v>
      </c>
      <c r="F18" s="109">
        <v>0</v>
      </c>
      <c r="G18" s="114">
        <v>7079691</v>
      </c>
      <c r="H18" s="170">
        <v>8244291</v>
      </c>
      <c r="I18" s="170">
        <v>7838063</v>
      </c>
      <c r="J18" s="170">
        <v>8857788</v>
      </c>
      <c r="K18" s="170">
        <v>4108534</v>
      </c>
      <c r="L18" s="112">
        <v>36128367</v>
      </c>
      <c r="M18" s="116">
        <v>38550080</v>
      </c>
      <c r="N18" s="110">
        <v>450316</v>
      </c>
      <c r="O18" s="114">
        <v>405406</v>
      </c>
      <c r="P18" s="113">
        <v>855722</v>
      </c>
      <c r="Q18" s="110">
        <v>0</v>
      </c>
      <c r="R18" s="114">
        <v>2462943</v>
      </c>
      <c r="S18" s="114">
        <v>2789714</v>
      </c>
      <c r="T18" s="114">
        <v>2903948</v>
      </c>
      <c r="U18" s="114">
        <v>4400011</v>
      </c>
      <c r="V18" s="114">
        <v>2020968</v>
      </c>
      <c r="W18" s="113">
        <v>14577584</v>
      </c>
      <c r="X18" s="116">
        <v>15433306</v>
      </c>
      <c r="Y18" s="110">
        <v>0</v>
      </c>
      <c r="Z18" s="114">
        <v>0</v>
      </c>
      <c r="AA18" s="113">
        <v>0</v>
      </c>
      <c r="AB18" s="110">
        <v>0</v>
      </c>
      <c r="AC18" s="114">
        <v>1549173</v>
      </c>
      <c r="AD18" s="114">
        <v>1096940</v>
      </c>
      <c r="AE18" s="114">
        <v>1482107</v>
      </c>
      <c r="AF18" s="114">
        <v>3232076</v>
      </c>
      <c r="AG18" s="114">
        <v>1171773</v>
      </c>
      <c r="AH18" s="113">
        <v>8532069</v>
      </c>
      <c r="AI18" s="116">
        <v>8532069</v>
      </c>
      <c r="AJ18" s="110">
        <v>0</v>
      </c>
      <c r="AK18" s="114">
        <v>0</v>
      </c>
      <c r="AL18" s="113">
        <v>0</v>
      </c>
      <c r="AM18" s="110">
        <v>0</v>
      </c>
      <c r="AN18" s="114">
        <v>0</v>
      </c>
      <c r="AO18" s="114">
        <v>46763</v>
      </c>
      <c r="AP18" s="114">
        <v>134077</v>
      </c>
      <c r="AQ18" s="114">
        <v>153043</v>
      </c>
      <c r="AR18" s="114">
        <v>116919</v>
      </c>
      <c r="AS18" s="113">
        <v>450802</v>
      </c>
      <c r="AT18" s="116">
        <v>450802</v>
      </c>
      <c r="AU18" s="110">
        <v>376091</v>
      </c>
      <c r="AV18" s="114">
        <v>337494</v>
      </c>
      <c r="AW18" s="113">
        <v>713585</v>
      </c>
      <c r="AX18" s="110">
        <v>0</v>
      </c>
      <c r="AY18" s="114">
        <v>630732</v>
      </c>
      <c r="AZ18" s="114">
        <v>1142886</v>
      </c>
      <c r="BA18" s="114">
        <v>917592</v>
      </c>
      <c r="BB18" s="114">
        <v>509632</v>
      </c>
      <c r="BC18" s="114">
        <v>541276</v>
      </c>
      <c r="BD18" s="113">
        <v>3742118</v>
      </c>
      <c r="BE18" s="116">
        <v>4455703</v>
      </c>
      <c r="BF18" s="110">
        <v>15849</v>
      </c>
      <c r="BG18" s="114">
        <v>0</v>
      </c>
      <c r="BH18" s="112">
        <v>15849</v>
      </c>
      <c r="BI18" s="111">
        <v>0</v>
      </c>
      <c r="BJ18" s="114">
        <v>78390</v>
      </c>
      <c r="BK18" s="114">
        <v>152149</v>
      </c>
      <c r="BL18" s="114">
        <v>54980</v>
      </c>
      <c r="BM18" s="114">
        <v>43388</v>
      </c>
      <c r="BN18" s="114">
        <v>0</v>
      </c>
      <c r="BO18" s="113">
        <v>328907</v>
      </c>
      <c r="BP18" s="116">
        <v>344756</v>
      </c>
      <c r="BQ18" s="110">
        <v>58376</v>
      </c>
      <c r="BR18" s="114">
        <v>67912</v>
      </c>
      <c r="BS18" s="113">
        <v>126288</v>
      </c>
      <c r="BT18" s="110">
        <v>0</v>
      </c>
      <c r="BU18" s="114">
        <v>204648</v>
      </c>
      <c r="BV18" s="114">
        <v>350976</v>
      </c>
      <c r="BW18" s="114">
        <v>315192</v>
      </c>
      <c r="BX18" s="114">
        <v>461872</v>
      </c>
      <c r="BY18" s="114">
        <v>191000</v>
      </c>
      <c r="BZ18" s="113">
        <v>1523688</v>
      </c>
      <c r="CA18" s="116">
        <v>1649976</v>
      </c>
      <c r="CB18" s="110">
        <v>250911</v>
      </c>
      <c r="CC18" s="114">
        <v>271809</v>
      </c>
      <c r="CD18" s="113">
        <v>522720</v>
      </c>
      <c r="CE18" s="110">
        <v>0</v>
      </c>
      <c r="CF18" s="114">
        <v>2739098</v>
      </c>
      <c r="CG18" s="114">
        <v>2494440</v>
      </c>
      <c r="CH18" s="114">
        <v>1934603</v>
      </c>
      <c r="CI18" s="114">
        <v>1000418</v>
      </c>
      <c r="CJ18" s="114">
        <v>222596</v>
      </c>
      <c r="CK18" s="113">
        <v>8391155</v>
      </c>
      <c r="CL18" s="116">
        <v>8913875</v>
      </c>
      <c r="CM18" s="110">
        <v>0</v>
      </c>
      <c r="CN18" s="114">
        <v>0</v>
      </c>
      <c r="CO18" s="113">
        <v>0</v>
      </c>
      <c r="CP18" s="111">
        <v>0</v>
      </c>
      <c r="CQ18" s="114">
        <v>2526457</v>
      </c>
      <c r="CR18" s="114">
        <v>1761570</v>
      </c>
      <c r="CS18" s="114">
        <v>1249010</v>
      </c>
      <c r="CT18" s="114">
        <v>443108</v>
      </c>
      <c r="CU18" s="114">
        <v>12121</v>
      </c>
      <c r="CV18" s="113">
        <v>5992266</v>
      </c>
      <c r="CW18" s="116">
        <v>5992266</v>
      </c>
      <c r="CX18" s="110">
        <v>250911</v>
      </c>
      <c r="CY18" s="114">
        <v>271809</v>
      </c>
      <c r="CZ18" s="113">
        <v>522720</v>
      </c>
      <c r="DA18" s="110">
        <v>0</v>
      </c>
      <c r="DB18" s="114">
        <v>212641</v>
      </c>
      <c r="DC18" s="114">
        <v>732870</v>
      </c>
      <c r="DD18" s="114">
        <v>685593</v>
      </c>
      <c r="DE18" s="114">
        <v>557310</v>
      </c>
      <c r="DF18" s="114">
        <v>210475</v>
      </c>
      <c r="DG18" s="113">
        <v>2398889</v>
      </c>
      <c r="DH18" s="116">
        <v>2921609</v>
      </c>
      <c r="DI18" s="110">
        <v>0</v>
      </c>
      <c r="DJ18" s="114">
        <v>55069</v>
      </c>
      <c r="DK18" s="112">
        <v>55069</v>
      </c>
      <c r="DL18" s="111">
        <v>0</v>
      </c>
      <c r="DM18" s="114">
        <v>509930</v>
      </c>
      <c r="DN18" s="114">
        <v>314017</v>
      </c>
      <c r="DO18" s="114">
        <v>564275</v>
      </c>
      <c r="DP18" s="114">
        <v>726621</v>
      </c>
      <c r="DQ18" s="114">
        <v>222844</v>
      </c>
      <c r="DR18" s="113">
        <v>2337687</v>
      </c>
      <c r="DS18" s="116">
        <v>2392756</v>
      </c>
      <c r="DT18" s="110">
        <v>0</v>
      </c>
      <c r="DU18" s="114">
        <v>55069</v>
      </c>
      <c r="DV18" s="113">
        <v>55069</v>
      </c>
      <c r="DW18" s="110">
        <v>0</v>
      </c>
      <c r="DX18" s="114">
        <v>509930</v>
      </c>
      <c r="DY18" s="114">
        <v>245583</v>
      </c>
      <c r="DZ18" s="114">
        <v>564275</v>
      </c>
      <c r="EA18" s="114">
        <v>726621</v>
      </c>
      <c r="EB18" s="114">
        <v>222844</v>
      </c>
      <c r="EC18" s="113">
        <v>2269253</v>
      </c>
      <c r="ED18" s="116">
        <v>2324322</v>
      </c>
      <c r="EE18" s="110">
        <v>0</v>
      </c>
      <c r="EF18" s="112">
        <v>0</v>
      </c>
      <c r="EG18" s="113">
        <v>0</v>
      </c>
      <c r="EH18" s="110">
        <v>0</v>
      </c>
      <c r="EI18" s="114">
        <v>0</v>
      </c>
      <c r="EJ18" s="114">
        <v>68434</v>
      </c>
      <c r="EK18" s="114">
        <v>0</v>
      </c>
      <c r="EL18" s="114">
        <v>0</v>
      </c>
      <c r="EM18" s="114">
        <v>0</v>
      </c>
      <c r="EN18" s="112">
        <v>68434</v>
      </c>
      <c r="EO18" s="116">
        <v>68434</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228928</v>
      </c>
      <c r="FM18" s="114">
        <v>234528</v>
      </c>
      <c r="FN18" s="113">
        <v>463456</v>
      </c>
      <c r="FO18" s="110">
        <v>0</v>
      </c>
      <c r="FP18" s="114">
        <v>455600</v>
      </c>
      <c r="FQ18" s="114">
        <v>1347624</v>
      </c>
      <c r="FR18" s="114">
        <v>852888</v>
      </c>
      <c r="FS18" s="114">
        <v>768024</v>
      </c>
      <c r="FT18" s="114">
        <v>320864</v>
      </c>
      <c r="FU18" s="113">
        <v>3745000</v>
      </c>
      <c r="FV18" s="116">
        <v>4208456</v>
      </c>
      <c r="FW18" s="115">
        <v>68928</v>
      </c>
      <c r="FX18" s="114">
        <v>211296</v>
      </c>
      <c r="FY18" s="112">
        <v>280224</v>
      </c>
      <c r="FZ18" s="111">
        <v>0</v>
      </c>
      <c r="GA18" s="114">
        <v>233120</v>
      </c>
      <c r="GB18" s="114">
        <v>992680</v>
      </c>
      <c r="GC18" s="114">
        <v>822528</v>
      </c>
      <c r="GD18" s="114">
        <v>698424</v>
      </c>
      <c r="GE18" s="114">
        <v>320864</v>
      </c>
      <c r="GF18" s="113">
        <v>3067616</v>
      </c>
      <c r="GG18" s="318">
        <v>3347840</v>
      </c>
      <c r="GH18" s="115">
        <v>0</v>
      </c>
      <c r="GI18" s="114">
        <v>23232</v>
      </c>
      <c r="GJ18" s="112">
        <v>23232</v>
      </c>
      <c r="GK18" s="111">
        <v>0</v>
      </c>
      <c r="GL18" s="114">
        <v>18480</v>
      </c>
      <c r="GM18" s="114">
        <v>68400</v>
      </c>
      <c r="GN18" s="114">
        <v>30360</v>
      </c>
      <c r="GO18" s="114">
        <v>0</v>
      </c>
      <c r="GP18" s="114">
        <v>0</v>
      </c>
      <c r="GQ18" s="113">
        <v>117240</v>
      </c>
      <c r="GR18" s="116">
        <v>140472</v>
      </c>
      <c r="GS18" s="110">
        <v>160000</v>
      </c>
      <c r="GT18" s="114">
        <v>0</v>
      </c>
      <c r="GU18" s="113">
        <v>160000</v>
      </c>
      <c r="GV18" s="110">
        <v>0</v>
      </c>
      <c r="GW18" s="114">
        <v>204000</v>
      </c>
      <c r="GX18" s="114">
        <v>286544</v>
      </c>
      <c r="GY18" s="114">
        <v>0</v>
      </c>
      <c r="GZ18" s="114">
        <v>69600</v>
      </c>
      <c r="HA18" s="114">
        <v>0</v>
      </c>
      <c r="HB18" s="112">
        <v>560144</v>
      </c>
      <c r="HC18" s="116">
        <v>720144</v>
      </c>
      <c r="HD18" s="110">
        <v>99466</v>
      </c>
      <c r="HE18" s="114">
        <v>425280</v>
      </c>
      <c r="HF18" s="112">
        <v>524746</v>
      </c>
      <c r="HG18" s="111">
        <v>0</v>
      </c>
      <c r="HH18" s="114">
        <v>912120</v>
      </c>
      <c r="HI18" s="114">
        <v>1298496</v>
      </c>
      <c r="HJ18" s="114">
        <v>1582349</v>
      </c>
      <c r="HK18" s="114">
        <v>1962714</v>
      </c>
      <c r="HL18" s="114">
        <v>1321262</v>
      </c>
      <c r="HM18" s="113">
        <v>7076941</v>
      </c>
      <c r="HN18" s="109">
        <v>7601687</v>
      </c>
      <c r="HO18" s="328"/>
      <c r="HP18" s="329"/>
      <c r="HQ18" s="330"/>
      <c r="HR18" s="331"/>
      <c r="HS18" s="329"/>
      <c r="HT18" s="329"/>
      <c r="HU18" s="329"/>
      <c r="HV18" s="329"/>
      <c r="HW18" s="329"/>
      <c r="HX18" s="332"/>
      <c r="HY18" s="333"/>
      <c r="HZ18" s="150">
        <v>0</v>
      </c>
      <c r="IA18" s="135">
        <v>0</v>
      </c>
      <c r="IB18" s="150">
        <v>0</v>
      </c>
      <c r="IC18" s="134">
        <v>0</v>
      </c>
      <c r="ID18" s="135">
        <v>3253592</v>
      </c>
      <c r="IE18" s="136">
        <v>3175808</v>
      </c>
      <c r="IF18" s="137">
        <v>3123598</v>
      </c>
      <c r="IG18" s="135">
        <v>3238039</v>
      </c>
      <c r="IH18" s="137">
        <v>1270874</v>
      </c>
      <c r="II18" s="138">
        <v>14061911</v>
      </c>
      <c r="IJ18" s="150">
        <v>14061911</v>
      </c>
      <c r="IK18" s="232">
        <v>0</v>
      </c>
      <c r="IL18" s="236">
        <v>0</v>
      </c>
      <c r="IM18" s="237">
        <v>0</v>
      </c>
      <c r="IN18" s="140"/>
      <c r="IO18" s="119">
        <v>72828</v>
      </c>
      <c r="IP18" s="119">
        <v>105784</v>
      </c>
      <c r="IQ18" s="119">
        <v>0</v>
      </c>
      <c r="IR18" s="119">
        <v>226052</v>
      </c>
      <c r="IS18" s="119">
        <v>0</v>
      </c>
      <c r="IT18" s="141">
        <v>404664</v>
      </c>
      <c r="IU18" s="320">
        <v>404664</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796686</v>
      </c>
      <c r="JL18" s="119">
        <v>1032988</v>
      </c>
      <c r="JM18" s="119">
        <v>1074219</v>
      </c>
      <c r="JN18" s="119">
        <v>633074</v>
      </c>
      <c r="JO18" s="119">
        <v>217977</v>
      </c>
      <c r="JP18" s="120">
        <v>4754944</v>
      </c>
      <c r="JQ18" s="320">
        <v>4754944</v>
      </c>
      <c r="JR18" s="142">
        <v>0</v>
      </c>
      <c r="JS18" s="119">
        <v>0</v>
      </c>
      <c r="JT18" s="141">
        <v>0</v>
      </c>
      <c r="JU18" s="118">
        <v>0</v>
      </c>
      <c r="JV18" s="119">
        <v>0</v>
      </c>
      <c r="JW18" s="119">
        <v>0</v>
      </c>
      <c r="JX18" s="119">
        <v>0</v>
      </c>
      <c r="JY18" s="119">
        <v>0</v>
      </c>
      <c r="JZ18" s="119">
        <v>0</v>
      </c>
      <c r="KA18" s="120">
        <v>0</v>
      </c>
      <c r="KB18" s="320">
        <v>0</v>
      </c>
      <c r="KC18" s="234">
        <v>0</v>
      </c>
      <c r="KD18" s="230">
        <v>0</v>
      </c>
      <c r="KE18" s="120">
        <v>0</v>
      </c>
      <c r="KF18" s="118">
        <v>0</v>
      </c>
      <c r="KG18" s="119">
        <v>508028</v>
      </c>
      <c r="KH18" s="119">
        <v>0</v>
      </c>
      <c r="KI18" s="119">
        <v>1307867</v>
      </c>
      <c r="KJ18" s="119">
        <v>1063260</v>
      </c>
      <c r="KK18" s="119">
        <v>301451</v>
      </c>
      <c r="KL18" s="120">
        <v>3180606</v>
      </c>
      <c r="KM18" s="143">
        <v>3180606</v>
      </c>
      <c r="KN18" s="232">
        <v>0</v>
      </c>
      <c r="KO18" s="236">
        <v>0</v>
      </c>
      <c r="KP18" s="237">
        <v>0</v>
      </c>
      <c r="KQ18" s="140"/>
      <c r="KR18" s="119">
        <v>876050</v>
      </c>
      <c r="KS18" s="119">
        <v>451940</v>
      </c>
      <c r="KT18" s="119">
        <v>691286</v>
      </c>
      <c r="KU18" s="119">
        <v>592061</v>
      </c>
      <c r="KV18" s="119">
        <v>483090</v>
      </c>
      <c r="KW18" s="120">
        <v>3094427</v>
      </c>
      <c r="KX18" s="320">
        <v>3094427</v>
      </c>
      <c r="KY18" s="142">
        <v>0</v>
      </c>
      <c r="KZ18" s="119">
        <v>0</v>
      </c>
      <c r="LA18" s="120">
        <v>0</v>
      </c>
      <c r="LB18" s="145"/>
      <c r="LC18" s="119">
        <v>0</v>
      </c>
      <c r="LD18" s="119">
        <v>717568</v>
      </c>
      <c r="LE18" s="119">
        <v>0</v>
      </c>
      <c r="LF18" s="119">
        <v>402282</v>
      </c>
      <c r="LG18" s="119">
        <v>0</v>
      </c>
      <c r="LH18" s="120">
        <v>1119850</v>
      </c>
      <c r="LI18" s="121">
        <v>1119850</v>
      </c>
      <c r="LJ18" s="142">
        <v>0</v>
      </c>
      <c r="LK18" s="119">
        <v>0</v>
      </c>
      <c r="LL18" s="120">
        <v>0</v>
      </c>
      <c r="LM18" s="145"/>
      <c r="LN18" s="119">
        <v>0</v>
      </c>
      <c r="LO18" s="119">
        <v>0</v>
      </c>
      <c r="LP18" s="119">
        <v>0</v>
      </c>
      <c r="LQ18" s="119">
        <v>0</v>
      </c>
      <c r="LR18" s="119">
        <v>268356</v>
      </c>
      <c r="LS18" s="120">
        <v>268356</v>
      </c>
      <c r="LT18" s="320">
        <v>268356</v>
      </c>
      <c r="LU18" s="142">
        <v>0</v>
      </c>
      <c r="LV18" s="119">
        <v>0</v>
      </c>
      <c r="LW18" s="120">
        <v>0</v>
      </c>
      <c r="LX18" s="145"/>
      <c r="LY18" s="119">
        <v>0</v>
      </c>
      <c r="LZ18" s="119">
        <v>867528</v>
      </c>
      <c r="MA18" s="119">
        <v>50226</v>
      </c>
      <c r="MB18" s="119">
        <v>321310</v>
      </c>
      <c r="MC18" s="119">
        <v>0</v>
      </c>
      <c r="MD18" s="120">
        <v>1239064</v>
      </c>
      <c r="ME18" s="121">
        <v>1239064</v>
      </c>
      <c r="MF18" s="142">
        <v>0</v>
      </c>
      <c r="MG18" s="119">
        <v>0</v>
      </c>
      <c r="MH18" s="120">
        <v>0</v>
      </c>
      <c r="MI18" s="145"/>
      <c r="MJ18" s="119">
        <v>236226</v>
      </c>
      <c r="MK18" s="119">
        <v>1268584</v>
      </c>
      <c r="ML18" s="119">
        <v>3083995</v>
      </c>
      <c r="MM18" s="119">
        <v>7920359</v>
      </c>
      <c r="MN18" s="119">
        <v>2411185</v>
      </c>
      <c r="MO18" s="120">
        <v>14920349</v>
      </c>
      <c r="MP18" s="143">
        <v>14920349</v>
      </c>
      <c r="MQ18" s="142">
        <v>0</v>
      </c>
      <c r="MR18" s="119">
        <v>0</v>
      </c>
      <c r="MS18" s="120">
        <v>0</v>
      </c>
      <c r="MT18" s="145"/>
      <c r="MU18" s="119">
        <v>0</v>
      </c>
      <c r="MV18" s="119">
        <v>0</v>
      </c>
      <c r="MW18" s="119">
        <v>1714740</v>
      </c>
      <c r="MX18" s="119">
        <v>4285726</v>
      </c>
      <c r="MY18" s="119">
        <v>1537942</v>
      </c>
      <c r="MZ18" s="120">
        <v>7538408</v>
      </c>
      <c r="NA18" s="143">
        <v>7538408</v>
      </c>
      <c r="NB18" s="142">
        <v>0</v>
      </c>
      <c r="NC18" s="119">
        <v>0</v>
      </c>
      <c r="ND18" s="120">
        <v>0</v>
      </c>
      <c r="NE18" s="145"/>
      <c r="NF18" s="119">
        <v>236226</v>
      </c>
      <c r="NG18" s="119">
        <v>1268584</v>
      </c>
      <c r="NH18" s="119">
        <v>1369255</v>
      </c>
      <c r="NI18" s="119">
        <v>3319012</v>
      </c>
      <c r="NJ18" s="119">
        <v>873243</v>
      </c>
      <c r="NK18" s="120">
        <v>7066320</v>
      </c>
      <c r="NL18" s="320">
        <v>7066320</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15621</v>
      </c>
      <c r="OF18" s="119">
        <v>0</v>
      </c>
      <c r="OG18" s="120">
        <v>315621</v>
      </c>
      <c r="OH18" s="121">
        <v>315621</v>
      </c>
      <c r="OI18" s="142">
        <v>1029621</v>
      </c>
      <c r="OJ18" s="119">
        <v>1392092</v>
      </c>
      <c r="OK18" s="141">
        <v>2421713</v>
      </c>
      <c r="OL18" s="118">
        <v>0</v>
      </c>
      <c r="OM18" s="119">
        <v>10569509</v>
      </c>
      <c r="ON18" s="119">
        <v>12688683</v>
      </c>
      <c r="OO18" s="119">
        <v>14045656</v>
      </c>
      <c r="OP18" s="119">
        <v>20016186</v>
      </c>
      <c r="OQ18" s="119">
        <v>7790593</v>
      </c>
      <c r="OR18" s="120">
        <v>65110627</v>
      </c>
      <c r="OS18" s="143">
        <v>67532340</v>
      </c>
    </row>
    <row r="19" spans="2:409" ht="21" customHeight="1" x14ac:dyDescent="0.2">
      <c r="B19" s="126" t="s">
        <v>13</v>
      </c>
      <c r="C19" s="110">
        <v>155248</v>
      </c>
      <c r="D19" s="114">
        <v>150727</v>
      </c>
      <c r="E19" s="113">
        <v>305975</v>
      </c>
      <c r="F19" s="110">
        <v>0</v>
      </c>
      <c r="G19" s="170">
        <v>3182359</v>
      </c>
      <c r="H19" s="114">
        <v>4495864</v>
      </c>
      <c r="I19" s="114">
        <v>3419796</v>
      </c>
      <c r="J19" s="114">
        <v>4305977</v>
      </c>
      <c r="K19" s="114">
        <v>3323411</v>
      </c>
      <c r="L19" s="112">
        <v>18727407</v>
      </c>
      <c r="M19" s="116">
        <v>19033382</v>
      </c>
      <c r="N19" s="110">
        <v>36013</v>
      </c>
      <c r="O19" s="114">
        <v>67921</v>
      </c>
      <c r="P19" s="113">
        <v>103934</v>
      </c>
      <c r="Q19" s="110">
        <v>0</v>
      </c>
      <c r="R19" s="114">
        <v>1036969</v>
      </c>
      <c r="S19" s="114">
        <v>1290443</v>
      </c>
      <c r="T19" s="114">
        <v>998682</v>
      </c>
      <c r="U19" s="114">
        <v>1531027</v>
      </c>
      <c r="V19" s="114">
        <v>1716818</v>
      </c>
      <c r="W19" s="113">
        <v>6573939</v>
      </c>
      <c r="X19" s="116">
        <v>6677873</v>
      </c>
      <c r="Y19" s="110">
        <v>0</v>
      </c>
      <c r="Z19" s="114">
        <v>0</v>
      </c>
      <c r="AA19" s="113">
        <v>0</v>
      </c>
      <c r="AB19" s="110">
        <v>0</v>
      </c>
      <c r="AC19" s="114">
        <v>295151</v>
      </c>
      <c r="AD19" s="114">
        <v>701068</v>
      </c>
      <c r="AE19" s="114">
        <v>494183</v>
      </c>
      <c r="AF19" s="114">
        <v>876037</v>
      </c>
      <c r="AG19" s="114">
        <v>869519</v>
      </c>
      <c r="AH19" s="113">
        <v>3235958</v>
      </c>
      <c r="AI19" s="116">
        <v>3235958</v>
      </c>
      <c r="AJ19" s="110">
        <v>0</v>
      </c>
      <c r="AK19" s="114">
        <v>0</v>
      </c>
      <c r="AL19" s="113">
        <v>0</v>
      </c>
      <c r="AM19" s="110">
        <v>0</v>
      </c>
      <c r="AN19" s="114">
        <v>0</v>
      </c>
      <c r="AO19" s="114">
        <v>22939</v>
      </c>
      <c r="AP19" s="114">
        <v>0</v>
      </c>
      <c r="AQ19" s="114">
        <v>23755</v>
      </c>
      <c r="AR19" s="114">
        <v>390090</v>
      </c>
      <c r="AS19" s="113">
        <v>436784</v>
      </c>
      <c r="AT19" s="116">
        <v>436784</v>
      </c>
      <c r="AU19" s="110">
        <v>20013</v>
      </c>
      <c r="AV19" s="114">
        <v>23991</v>
      </c>
      <c r="AW19" s="113">
        <v>44004</v>
      </c>
      <c r="AX19" s="110">
        <v>0</v>
      </c>
      <c r="AY19" s="114">
        <v>475392</v>
      </c>
      <c r="AZ19" s="114">
        <v>301636</v>
      </c>
      <c r="BA19" s="114">
        <v>317195</v>
      </c>
      <c r="BB19" s="114">
        <v>373284</v>
      </c>
      <c r="BC19" s="114">
        <v>288428</v>
      </c>
      <c r="BD19" s="113">
        <v>1755935</v>
      </c>
      <c r="BE19" s="116">
        <v>1799939</v>
      </c>
      <c r="BF19" s="110">
        <v>0</v>
      </c>
      <c r="BG19" s="114">
        <v>21794</v>
      </c>
      <c r="BH19" s="112">
        <v>21794</v>
      </c>
      <c r="BI19" s="111">
        <v>0</v>
      </c>
      <c r="BJ19" s="114">
        <v>76962</v>
      </c>
      <c r="BK19" s="114">
        <v>0</v>
      </c>
      <c r="BL19" s="114">
        <v>0</v>
      </c>
      <c r="BM19" s="114">
        <v>27271</v>
      </c>
      <c r="BN19" s="114">
        <v>21933</v>
      </c>
      <c r="BO19" s="113">
        <v>126166</v>
      </c>
      <c r="BP19" s="116">
        <v>147960</v>
      </c>
      <c r="BQ19" s="110">
        <v>16000</v>
      </c>
      <c r="BR19" s="114">
        <v>22136</v>
      </c>
      <c r="BS19" s="113">
        <v>38136</v>
      </c>
      <c r="BT19" s="110">
        <v>0</v>
      </c>
      <c r="BU19" s="114">
        <v>189464</v>
      </c>
      <c r="BV19" s="114">
        <v>264800</v>
      </c>
      <c r="BW19" s="114">
        <v>187304</v>
      </c>
      <c r="BX19" s="114">
        <v>230680</v>
      </c>
      <c r="BY19" s="114">
        <v>146848</v>
      </c>
      <c r="BZ19" s="113">
        <v>1019096</v>
      </c>
      <c r="CA19" s="116">
        <v>1057232</v>
      </c>
      <c r="CB19" s="110">
        <v>0</v>
      </c>
      <c r="CC19" s="114">
        <v>39134</v>
      </c>
      <c r="CD19" s="113">
        <v>39134</v>
      </c>
      <c r="CE19" s="110">
        <v>0</v>
      </c>
      <c r="CF19" s="114">
        <v>599038</v>
      </c>
      <c r="CG19" s="114">
        <v>1152532</v>
      </c>
      <c r="CH19" s="114">
        <v>705545</v>
      </c>
      <c r="CI19" s="114">
        <v>561454</v>
      </c>
      <c r="CJ19" s="114">
        <v>359971</v>
      </c>
      <c r="CK19" s="113">
        <v>3378540</v>
      </c>
      <c r="CL19" s="116">
        <v>3417674</v>
      </c>
      <c r="CM19" s="110">
        <v>0</v>
      </c>
      <c r="CN19" s="114">
        <v>0</v>
      </c>
      <c r="CO19" s="113">
        <v>0</v>
      </c>
      <c r="CP19" s="111">
        <v>0</v>
      </c>
      <c r="CQ19" s="114">
        <v>581727</v>
      </c>
      <c r="CR19" s="114">
        <v>959354</v>
      </c>
      <c r="CS19" s="114">
        <v>632558</v>
      </c>
      <c r="CT19" s="114">
        <v>325206</v>
      </c>
      <c r="CU19" s="114">
        <v>313128</v>
      </c>
      <c r="CV19" s="113">
        <v>2811973</v>
      </c>
      <c r="CW19" s="116">
        <v>2811973</v>
      </c>
      <c r="CX19" s="110">
        <v>0</v>
      </c>
      <c r="CY19" s="114">
        <v>39134</v>
      </c>
      <c r="CZ19" s="113">
        <v>39134</v>
      </c>
      <c r="DA19" s="110">
        <v>0</v>
      </c>
      <c r="DB19" s="114">
        <v>17311</v>
      </c>
      <c r="DC19" s="114">
        <v>193178</v>
      </c>
      <c r="DD19" s="114">
        <v>72987</v>
      </c>
      <c r="DE19" s="114">
        <v>236248</v>
      </c>
      <c r="DF19" s="114">
        <v>46843</v>
      </c>
      <c r="DG19" s="113">
        <v>566567</v>
      </c>
      <c r="DH19" s="116">
        <v>605701</v>
      </c>
      <c r="DI19" s="110">
        <v>0</v>
      </c>
      <c r="DJ19" s="114">
        <v>0</v>
      </c>
      <c r="DK19" s="112">
        <v>0</v>
      </c>
      <c r="DL19" s="111">
        <v>0</v>
      </c>
      <c r="DM19" s="114">
        <v>0</v>
      </c>
      <c r="DN19" s="114">
        <v>243615</v>
      </c>
      <c r="DO19" s="114">
        <v>197078</v>
      </c>
      <c r="DP19" s="114">
        <v>442765</v>
      </c>
      <c r="DQ19" s="114">
        <v>54092</v>
      </c>
      <c r="DR19" s="113">
        <v>937550</v>
      </c>
      <c r="DS19" s="116">
        <v>937550</v>
      </c>
      <c r="DT19" s="110">
        <v>0</v>
      </c>
      <c r="DU19" s="114">
        <v>0</v>
      </c>
      <c r="DV19" s="113">
        <v>0</v>
      </c>
      <c r="DW19" s="110">
        <v>0</v>
      </c>
      <c r="DX19" s="114">
        <v>0</v>
      </c>
      <c r="DY19" s="114">
        <v>243615</v>
      </c>
      <c r="DZ19" s="114">
        <v>183546</v>
      </c>
      <c r="EA19" s="114">
        <v>442765</v>
      </c>
      <c r="EB19" s="114">
        <v>54092</v>
      </c>
      <c r="EC19" s="113">
        <v>924018</v>
      </c>
      <c r="ED19" s="116">
        <v>924018</v>
      </c>
      <c r="EE19" s="110">
        <v>0</v>
      </c>
      <c r="EF19" s="112">
        <v>0</v>
      </c>
      <c r="EG19" s="113">
        <v>0</v>
      </c>
      <c r="EH19" s="110">
        <v>0</v>
      </c>
      <c r="EI19" s="114">
        <v>0</v>
      </c>
      <c r="EJ19" s="114">
        <v>0</v>
      </c>
      <c r="EK19" s="114">
        <v>13532</v>
      </c>
      <c r="EL19" s="114">
        <v>0</v>
      </c>
      <c r="EM19" s="114">
        <v>0</v>
      </c>
      <c r="EN19" s="112">
        <v>13532</v>
      </c>
      <c r="EO19" s="116">
        <v>13532</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22640</v>
      </c>
      <c r="FM19" s="114">
        <v>43672</v>
      </c>
      <c r="FN19" s="113">
        <v>66312</v>
      </c>
      <c r="FO19" s="110">
        <v>0</v>
      </c>
      <c r="FP19" s="114">
        <v>382168</v>
      </c>
      <c r="FQ19" s="114">
        <v>513560</v>
      </c>
      <c r="FR19" s="114">
        <v>264352</v>
      </c>
      <c r="FS19" s="114">
        <v>426064</v>
      </c>
      <c r="FT19" s="114">
        <v>175832</v>
      </c>
      <c r="FU19" s="113">
        <v>1761976</v>
      </c>
      <c r="FV19" s="116">
        <v>1828288</v>
      </c>
      <c r="FW19" s="115">
        <v>8240</v>
      </c>
      <c r="FX19" s="114">
        <v>43672</v>
      </c>
      <c r="FY19" s="112">
        <v>51912</v>
      </c>
      <c r="FZ19" s="111">
        <v>0</v>
      </c>
      <c r="GA19" s="114">
        <v>140944</v>
      </c>
      <c r="GB19" s="114">
        <v>353560</v>
      </c>
      <c r="GC19" s="114">
        <v>264352</v>
      </c>
      <c r="GD19" s="114">
        <v>426064</v>
      </c>
      <c r="GE19" s="114">
        <v>175832</v>
      </c>
      <c r="GF19" s="113">
        <v>1360752</v>
      </c>
      <c r="GG19" s="318">
        <v>1412664</v>
      </c>
      <c r="GH19" s="115">
        <v>14400</v>
      </c>
      <c r="GI19" s="114">
        <v>0</v>
      </c>
      <c r="GJ19" s="112">
        <v>14400</v>
      </c>
      <c r="GK19" s="111">
        <v>0</v>
      </c>
      <c r="GL19" s="114">
        <v>37224</v>
      </c>
      <c r="GM19" s="114">
        <v>0</v>
      </c>
      <c r="GN19" s="114">
        <v>0</v>
      </c>
      <c r="GO19" s="114">
        <v>0</v>
      </c>
      <c r="GP19" s="114">
        <v>0</v>
      </c>
      <c r="GQ19" s="113">
        <v>37224</v>
      </c>
      <c r="GR19" s="116">
        <v>51624</v>
      </c>
      <c r="GS19" s="110">
        <v>0</v>
      </c>
      <c r="GT19" s="114">
        <v>0</v>
      </c>
      <c r="GU19" s="113">
        <v>0</v>
      </c>
      <c r="GV19" s="110">
        <v>0</v>
      </c>
      <c r="GW19" s="114">
        <v>204000</v>
      </c>
      <c r="GX19" s="114">
        <v>160000</v>
      </c>
      <c r="GY19" s="114">
        <v>0</v>
      </c>
      <c r="GZ19" s="114">
        <v>0</v>
      </c>
      <c r="HA19" s="114">
        <v>0</v>
      </c>
      <c r="HB19" s="112">
        <v>364000</v>
      </c>
      <c r="HC19" s="116">
        <v>364000</v>
      </c>
      <c r="HD19" s="110">
        <v>96595</v>
      </c>
      <c r="HE19" s="114">
        <v>0</v>
      </c>
      <c r="HF19" s="112">
        <v>96595</v>
      </c>
      <c r="HG19" s="111">
        <v>0</v>
      </c>
      <c r="HH19" s="114">
        <v>1164184</v>
      </c>
      <c r="HI19" s="114">
        <v>1295714</v>
      </c>
      <c r="HJ19" s="114">
        <v>1254139</v>
      </c>
      <c r="HK19" s="114">
        <v>1344667</v>
      </c>
      <c r="HL19" s="114">
        <v>1016698</v>
      </c>
      <c r="HM19" s="113">
        <v>6075402</v>
      </c>
      <c r="HN19" s="109">
        <v>6171997</v>
      </c>
      <c r="HO19" s="328"/>
      <c r="HP19" s="329"/>
      <c r="HQ19" s="330"/>
      <c r="HR19" s="331"/>
      <c r="HS19" s="329"/>
      <c r="HT19" s="329"/>
      <c r="HU19" s="329"/>
      <c r="HV19" s="329"/>
      <c r="HW19" s="329"/>
      <c r="HX19" s="332"/>
      <c r="HY19" s="333"/>
      <c r="HZ19" s="131">
        <v>0</v>
      </c>
      <c r="IA19" s="132">
        <v>0</v>
      </c>
      <c r="IB19" s="133">
        <v>0</v>
      </c>
      <c r="IC19" s="146">
        <v>0</v>
      </c>
      <c r="ID19" s="132">
        <v>468078</v>
      </c>
      <c r="IE19" s="147">
        <v>1460578</v>
      </c>
      <c r="IF19" s="133">
        <v>568513</v>
      </c>
      <c r="IG19" s="132">
        <v>685690</v>
      </c>
      <c r="IH19" s="133">
        <v>225895</v>
      </c>
      <c r="II19" s="148">
        <v>3408754</v>
      </c>
      <c r="IJ19" s="139">
        <v>3408754</v>
      </c>
      <c r="IK19" s="232">
        <v>0</v>
      </c>
      <c r="IL19" s="236">
        <v>0</v>
      </c>
      <c r="IM19" s="237">
        <v>0</v>
      </c>
      <c r="IN19" s="140"/>
      <c r="IO19" s="119">
        <v>0</v>
      </c>
      <c r="IP19" s="119">
        <v>0</v>
      </c>
      <c r="IQ19" s="119">
        <v>0</v>
      </c>
      <c r="IR19" s="119">
        <v>0</v>
      </c>
      <c r="IS19" s="119">
        <v>0</v>
      </c>
      <c r="IT19" s="141">
        <v>0</v>
      </c>
      <c r="IU19" s="320">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362820</v>
      </c>
      <c r="JL19" s="119">
        <v>501268</v>
      </c>
      <c r="JM19" s="119">
        <v>455995</v>
      </c>
      <c r="JN19" s="119">
        <v>0</v>
      </c>
      <c r="JO19" s="119">
        <v>169987</v>
      </c>
      <c r="JP19" s="120">
        <v>1490070</v>
      </c>
      <c r="JQ19" s="320">
        <v>1490070</v>
      </c>
      <c r="JR19" s="142">
        <v>0</v>
      </c>
      <c r="JS19" s="119">
        <v>0</v>
      </c>
      <c r="JT19" s="141">
        <v>0</v>
      </c>
      <c r="JU19" s="118">
        <v>0</v>
      </c>
      <c r="JV19" s="119">
        <v>0</v>
      </c>
      <c r="JW19" s="119">
        <v>206716</v>
      </c>
      <c r="JX19" s="119">
        <v>112518</v>
      </c>
      <c r="JY19" s="119">
        <v>53240</v>
      </c>
      <c r="JZ19" s="119">
        <v>55908</v>
      </c>
      <c r="KA19" s="120">
        <v>428382</v>
      </c>
      <c r="KB19" s="320">
        <v>428382</v>
      </c>
      <c r="KC19" s="234">
        <v>0</v>
      </c>
      <c r="KD19" s="230">
        <v>0</v>
      </c>
      <c r="KE19" s="120">
        <v>0</v>
      </c>
      <c r="KF19" s="118">
        <v>0</v>
      </c>
      <c r="KG19" s="119">
        <v>105258</v>
      </c>
      <c r="KH19" s="119">
        <v>308456</v>
      </c>
      <c r="KI19" s="119">
        <v>0</v>
      </c>
      <c r="KJ19" s="119">
        <v>0</v>
      </c>
      <c r="KK19" s="119">
        <v>0</v>
      </c>
      <c r="KL19" s="120">
        <v>413714</v>
      </c>
      <c r="KM19" s="143">
        <v>413714</v>
      </c>
      <c r="KN19" s="232">
        <v>0</v>
      </c>
      <c r="KO19" s="236">
        <v>0</v>
      </c>
      <c r="KP19" s="237">
        <v>0</v>
      </c>
      <c r="KQ19" s="140"/>
      <c r="KR19" s="119">
        <v>0</v>
      </c>
      <c r="KS19" s="119">
        <v>444138</v>
      </c>
      <c r="KT19" s="119">
        <v>0</v>
      </c>
      <c r="KU19" s="119">
        <v>238204</v>
      </c>
      <c r="KV19" s="119">
        <v>0</v>
      </c>
      <c r="KW19" s="120">
        <v>682342</v>
      </c>
      <c r="KX19" s="320">
        <v>682342</v>
      </c>
      <c r="KY19" s="142">
        <v>0</v>
      </c>
      <c r="KZ19" s="119">
        <v>0</v>
      </c>
      <c r="LA19" s="120">
        <v>0</v>
      </c>
      <c r="LB19" s="145"/>
      <c r="LC19" s="119">
        <v>0</v>
      </c>
      <c r="LD19" s="119">
        <v>0</v>
      </c>
      <c r="LE19" s="119">
        <v>0</v>
      </c>
      <c r="LF19" s="119">
        <v>394246</v>
      </c>
      <c r="LG19" s="119">
        <v>0</v>
      </c>
      <c r="LH19" s="120">
        <v>394246</v>
      </c>
      <c r="LI19" s="121">
        <v>394246</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723846</v>
      </c>
      <c r="ML19" s="119">
        <v>1089587</v>
      </c>
      <c r="MM19" s="119">
        <v>3554995</v>
      </c>
      <c r="MN19" s="119">
        <v>2171036</v>
      </c>
      <c r="MO19" s="120">
        <v>7539464</v>
      </c>
      <c r="MP19" s="143">
        <v>7539464</v>
      </c>
      <c r="MQ19" s="142">
        <v>0</v>
      </c>
      <c r="MR19" s="119">
        <v>0</v>
      </c>
      <c r="MS19" s="120">
        <v>0</v>
      </c>
      <c r="MT19" s="145"/>
      <c r="MU19" s="119">
        <v>0</v>
      </c>
      <c r="MV19" s="119">
        <v>0</v>
      </c>
      <c r="MW19" s="119">
        <v>559232</v>
      </c>
      <c r="MX19" s="119">
        <v>2786033</v>
      </c>
      <c r="MY19" s="119">
        <v>1842539</v>
      </c>
      <c r="MZ19" s="120">
        <v>5187804</v>
      </c>
      <c r="NA19" s="143">
        <v>5187804</v>
      </c>
      <c r="NB19" s="142">
        <v>0</v>
      </c>
      <c r="NC19" s="119">
        <v>0</v>
      </c>
      <c r="ND19" s="120">
        <v>0</v>
      </c>
      <c r="NE19" s="145"/>
      <c r="NF19" s="119">
        <v>0</v>
      </c>
      <c r="NG19" s="119">
        <v>723846</v>
      </c>
      <c r="NH19" s="119">
        <v>530355</v>
      </c>
      <c r="NI19" s="119">
        <v>768962</v>
      </c>
      <c r="NJ19" s="119">
        <v>328497</v>
      </c>
      <c r="NK19" s="120">
        <v>2351660</v>
      </c>
      <c r="NL19" s="320">
        <v>2351660</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155248</v>
      </c>
      <c r="OJ19" s="119">
        <v>150727</v>
      </c>
      <c r="OK19" s="141">
        <v>305975</v>
      </c>
      <c r="OL19" s="118">
        <v>0</v>
      </c>
      <c r="OM19" s="119">
        <v>3650437</v>
      </c>
      <c r="ON19" s="119">
        <v>6680288</v>
      </c>
      <c r="OO19" s="119">
        <v>5077896</v>
      </c>
      <c r="OP19" s="119">
        <v>8546662</v>
      </c>
      <c r="OQ19" s="119">
        <v>5720342</v>
      </c>
      <c r="OR19" s="120">
        <v>29675625</v>
      </c>
      <c r="OS19" s="143">
        <v>29981600</v>
      </c>
    </row>
    <row r="20" spans="2:409" ht="21" customHeight="1" x14ac:dyDescent="0.2">
      <c r="B20" s="126" t="s">
        <v>15</v>
      </c>
      <c r="C20" s="110">
        <v>179876</v>
      </c>
      <c r="D20" s="114">
        <v>431177</v>
      </c>
      <c r="E20" s="113">
        <v>611053</v>
      </c>
      <c r="F20" s="109">
        <v>0</v>
      </c>
      <c r="G20" s="114">
        <v>1542449</v>
      </c>
      <c r="H20" s="114">
        <v>1586306</v>
      </c>
      <c r="I20" s="114">
        <v>2058193</v>
      </c>
      <c r="J20" s="114">
        <v>1951450</v>
      </c>
      <c r="K20" s="114">
        <v>816173</v>
      </c>
      <c r="L20" s="109">
        <v>7954571</v>
      </c>
      <c r="M20" s="116">
        <v>8565624</v>
      </c>
      <c r="N20" s="110">
        <v>10912</v>
      </c>
      <c r="O20" s="114">
        <v>19036</v>
      </c>
      <c r="P20" s="113">
        <v>29948</v>
      </c>
      <c r="Q20" s="110">
        <v>0</v>
      </c>
      <c r="R20" s="114">
        <v>306856</v>
      </c>
      <c r="S20" s="114">
        <v>469956</v>
      </c>
      <c r="T20" s="114">
        <v>625414</v>
      </c>
      <c r="U20" s="114">
        <v>750414</v>
      </c>
      <c r="V20" s="114">
        <v>279580</v>
      </c>
      <c r="W20" s="113">
        <v>2432220</v>
      </c>
      <c r="X20" s="116">
        <v>2462168</v>
      </c>
      <c r="Y20" s="110">
        <v>0</v>
      </c>
      <c r="Z20" s="114">
        <v>0</v>
      </c>
      <c r="AA20" s="113">
        <v>0</v>
      </c>
      <c r="AB20" s="110">
        <v>0</v>
      </c>
      <c r="AC20" s="114">
        <v>108515</v>
      </c>
      <c r="AD20" s="114">
        <v>195914</v>
      </c>
      <c r="AE20" s="114">
        <v>463107</v>
      </c>
      <c r="AF20" s="114">
        <v>460875</v>
      </c>
      <c r="AG20" s="114">
        <v>257604</v>
      </c>
      <c r="AH20" s="113">
        <v>1486015</v>
      </c>
      <c r="AI20" s="116">
        <v>1486015</v>
      </c>
      <c r="AJ20" s="110">
        <v>0</v>
      </c>
      <c r="AK20" s="114">
        <v>0</v>
      </c>
      <c r="AL20" s="113">
        <v>0</v>
      </c>
      <c r="AM20" s="110">
        <v>0</v>
      </c>
      <c r="AN20" s="114">
        <v>0</v>
      </c>
      <c r="AO20" s="114">
        <v>0</v>
      </c>
      <c r="AP20" s="114">
        <v>0</v>
      </c>
      <c r="AQ20" s="114">
        <v>46763</v>
      </c>
      <c r="AR20" s="114">
        <v>0</v>
      </c>
      <c r="AS20" s="113">
        <v>46763</v>
      </c>
      <c r="AT20" s="116">
        <v>46763</v>
      </c>
      <c r="AU20" s="110">
        <v>0</v>
      </c>
      <c r="AV20" s="114">
        <v>19036</v>
      </c>
      <c r="AW20" s="113">
        <v>19036</v>
      </c>
      <c r="AX20" s="110">
        <v>0</v>
      </c>
      <c r="AY20" s="114">
        <v>57234</v>
      </c>
      <c r="AZ20" s="114">
        <v>106105</v>
      </c>
      <c r="BA20" s="114">
        <v>129771</v>
      </c>
      <c r="BB20" s="114">
        <v>182088</v>
      </c>
      <c r="BC20" s="114">
        <v>0</v>
      </c>
      <c r="BD20" s="113">
        <v>475198</v>
      </c>
      <c r="BE20" s="116">
        <v>494234</v>
      </c>
      <c r="BF20" s="110">
        <v>0</v>
      </c>
      <c r="BG20" s="114">
        <v>0</v>
      </c>
      <c r="BH20" s="112">
        <v>0</v>
      </c>
      <c r="BI20" s="111">
        <v>0</v>
      </c>
      <c r="BJ20" s="114">
        <v>21707</v>
      </c>
      <c r="BK20" s="114">
        <v>67361</v>
      </c>
      <c r="BL20" s="114">
        <v>0</v>
      </c>
      <c r="BM20" s="114">
        <v>0</v>
      </c>
      <c r="BN20" s="114">
        <v>0</v>
      </c>
      <c r="BO20" s="113">
        <v>89068</v>
      </c>
      <c r="BP20" s="116">
        <v>89068</v>
      </c>
      <c r="BQ20" s="110">
        <v>10912</v>
      </c>
      <c r="BR20" s="114">
        <v>0</v>
      </c>
      <c r="BS20" s="113">
        <v>10912</v>
      </c>
      <c r="BT20" s="110">
        <v>0</v>
      </c>
      <c r="BU20" s="114">
        <v>119400</v>
      </c>
      <c r="BV20" s="114">
        <v>100576</v>
      </c>
      <c r="BW20" s="114">
        <v>32536</v>
      </c>
      <c r="BX20" s="114">
        <v>60688</v>
      </c>
      <c r="BY20" s="114">
        <v>21976</v>
      </c>
      <c r="BZ20" s="113">
        <v>335176</v>
      </c>
      <c r="CA20" s="116">
        <v>346088</v>
      </c>
      <c r="CB20" s="110">
        <v>0</v>
      </c>
      <c r="CC20" s="114">
        <v>0</v>
      </c>
      <c r="CD20" s="113">
        <v>0</v>
      </c>
      <c r="CE20" s="110">
        <v>0</v>
      </c>
      <c r="CF20" s="114">
        <v>213266</v>
      </c>
      <c r="CG20" s="114">
        <v>227073</v>
      </c>
      <c r="CH20" s="114">
        <v>545398</v>
      </c>
      <c r="CI20" s="114">
        <v>145475</v>
      </c>
      <c r="CJ20" s="114">
        <v>0</v>
      </c>
      <c r="CK20" s="113">
        <v>1131212</v>
      </c>
      <c r="CL20" s="116">
        <v>1131212</v>
      </c>
      <c r="CM20" s="110">
        <v>0</v>
      </c>
      <c r="CN20" s="114">
        <v>0</v>
      </c>
      <c r="CO20" s="113">
        <v>0</v>
      </c>
      <c r="CP20" s="111">
        <v>0</v>
      </c>
      <c r="CQ20" s="114">
        <v>213266</v>
      </c>
      <c r="CR20" s="114">
        <v>79339</v>
      </c>
      <c r="CS20" s="114">
        <v>328734</v>
      </c>
      <c r="CT20" s="114">
        <v>78298</v>
      </c>
      <c r="CU20" s="114">
        <v>0</v>
      </c>
      <c r="CV20" s="113">
        <v>699637</v>
      </c>
      <c r="CW20" s="116">
        <v>699637</v>
      </c>
      <c r="CX20" s="110">
        <v>0</v>
      </c>
      <c r="CY20" s="114">
        <v>0</v>
      </c>
      <c r="CZ20" s="113">
        <v>0</v>
      </c>
      <c r="DA20" s="110">
        <v>0</v>
      </c>
      <c r="DB20" s="114">
        <v>0</v>
      </c>
      <c r="DC20" s="114">
        <v>147734</v>
      </c>
      <c r="DD20" s="114">
        <v>216664</v>
      </c>
      <c r="DE20" s="114">
        <v>67177</v>
      </c>
      <c r="DF20" s="114">
        <v>0</v>
      </c>
      <c r="DG20" s="113">
        <v>431575</v>
      </c>
      <c r="DH20" s="116">
        <v>431575</v>
      </c>
      <c r="DI20" s="110">
        <v>0</v>
      </c>
      <c r="DJ20" s="114">
        <v>0</v>
      </c>
      <c r="DK20" s="112">
        <v>0</v>
      </c>
      <c r="DL20" s="111">
        <v>0</v>
      </c>
      <c r="DM20" s="114">
        <v>0</v>
      </c>
      <c r="DN20" s="114">
        <v>65004</v>
      </c>
      <c r="DO20" s="114">
        <v>0</v>
      </c>
      <c r="DP20" s="114">
        <v>494283</v>
      </c>
      <c r="DQ20" s="114">
        <v>285838</v>
      </c>
      <c r="DR20" s="113">
        <v>845125</v>
      </c>
      <c r="DS20" s="116">
        <v>845125</v>
      </c>
      <c r="DT20" s="110">
        <v>0</v>
      </c>
      <c r="DU20" s="114">
        <v>0</v>
      </c>
      <c r="DV20" s="113">
        <v>0</v>
      </c>
      <c r="DW20" s="110">
        <v>0</v>
      </c>
      <c r="DX20" s="114">
        <v>0</v>
      </c>
      <c r="DY20" s="114">
        <v>65004</v>
      </c>
      <c r="DZ20" s="114">
        <v>0</v>
      </c>
      <c r="EA20" s="114">
        <v>494283</v>
      </c>
      <c r="EB20" s="114">
        <v>285838</v>
      </c>
      <c r="EC20" s="113">
        <v>845125</v>
      </c>
      <c r="ED20" s="116">
        <v>845125</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4800</v>
      </c>
      <c r="FM20" s="114">
        <v>38800</v>
      </c>
      <c r="FN20" s="113">
        <v>43600</v>
      </c>
      <c r="FO20" s="110">
        <v>0</v>
      </c>
      <c r="FP20" s="114">
        <v>29280</v>
      </c>
      <c r="FQ20" s="114">
        <v>163496</v>
      </c>
      <c r="FR20" s="114">
        <v>159768</v>
      </c>
      <c r="FS20" s="114">
        <v>170136</v>
      </c>
      <c r="FT20" s="114">
        <v>30000</v>
      </c>
      <c r="FU20" s="113">
        <v>552680</v>
      </c>
      <c r="FV20" s="116">
        <v>596280</v>
      </c>
      <c r="FW20" s="115">
        <v>4800</v>
      </c>
      <c r="FX20" s="114">
        <v>38800</v>
      </c>
      <c r="FY20" s="112">
        <v>43600</v>
      </c>
      <c r="FZ20" s="111">
        <v>0</v>
      </c>
      <c r="GA20" s="114">
        <v>29280</v>
      </c>
      <c r="GB20" s="114">
        <v>163496</v>
      </c>
      <c r="GC20" s="114">
        <v>124936</v>
      </c>
      <c r="GD20" s="114">
        <v>170136</v>
      </c>
      <c r="GE20" s="114">
        <v>30000</v>
      </c>
      <c r="GF20" s="113">
        <v>517848</v>
      </c>
      <c r="GG20" s="318">
        <v>561448</v>
      </c>
      <c r="GH20" s="115">
        <v>0</v>
      </c>
      <c r="GI20" s="114">
        <v>0</v>
      </c>
      <c r="GJ20" s="112">
        <v>0</v>
      </c>
      <c r="GK20" s="111">
        <v>0</v>
      </c>
      <c r="GL20" s="114">
        <v>0</v>
      </c>
      <c r="GM20" s="114">
        <v>0</v>
      </c>
      <c r="GN20" s="114">
        <v>34832</v>
      </c>
      <c r="GO20" s="114">
        <v>0</v>
      </c>
      <c r="GP20" s="114">
        <v>0</v>
      </c>
      <c r="GQ20" s="113">
        <v>34832</v>
      </c>
      <c r="GR20" s="116">
        <v>34832</v>
      </c>
      <c r="GS20" s="110">
        <v>0</v>
      </c>
      <c r="GT20" s="114">
        <v>0</v>
      </c>
      <c r="GU20" s="113">
        <v>0</v>
      </c>
      <c r="GV20" s="110">
        <v>0</v>
      </c>
      <c r="GW20" s="114">
        <v>0</v>
      </c>
      <c r="GX20" s="114">
        <v>0</v>
      </c>
      <c r="GY20" s="114">
        <v>0</v>
      </c>
      <c r="GZ20" s="114">
        <v>0</v>
      </c>
      <c r="HA20" s="114">
        <v>0</v>
      </c>
      <c r="HB20" s="112">
        <v>0</v>
      </c>
      <c r="HC20" s="116">
        <v>0</v>
      </c>
      <c r="HD20" s="110">
        <v>164164</v>
      </c>
      <c r="HE20" s="114">
        <v>373341</v>
      </c>
      <c r="HF20" s="112">
        <v>537505</v>
      </c>
      <c r="HG20" s="111">
        <v>0</v>
      </c>
      <c r="HH20" s="114">
        <v>993047</v>
      </c>
      <c r="HI20" s="114">
        <v>660777</v>
      </c>
      <c r="HJ20" s="114">
        <v>727613</v>
      </c>
      <c r="HK20" s="114">
        <v>391142</v>
      </c>
      <c r="HL20" s="114">
        <v>220755</v>
      </c>
      <c r="HM20" s="113">
        <v>2993334</v>
      </c>
      <c r="HN20" s="109">
        <v>3530839</v>
      </c>
      <c r="HO20" s="328"/>
      <c r="HP20" s="329"/>
      <c r="HQ20" s="330"/>
      <c r="HR20" s="331"/>
      <c r="HS20" s="329"/>
      <c r="HT20" s="329"/>
      <c r="HU20" s="329"/>
      <c r="HV20" s="329"/>
      <c r="HW20" s="329"/>
      <c r="HX20" s="332"/>
      <c r="HY20" s="333"/>
      <c r="HZ20" s="150">
        <v>0</v>
      </c>
      <c r="IA20" s="135">
        <v>0</v>
      </c>
      <c r="IB20" s="150">
        <v>0</v>
      </c>
      <c r="IC20" s="134">
        <v>0</v>
      </c>
      <c r="ID20" s="135">
        <v>876295</v>
      </c>
      <c r="IE20" s="136">
        <v>835876</v>
      </c>
      <c r="IF20" s="137">
        <v>334831</v>
      </c>
      <c r="IG20" s="135">
        <v>663145</v>
      </c>
      <c r="IH20" s="137">
        <v>270281</v>
      </c>
      <c r="II20" s="138">
        <v>2980428</v>
      </c>
      <c r="IJ20" s="150">
        <v>2980428</v>
      </c>
      <c r="IK20" s="232">
        <v>0</v>
      </c>
      <c r="IL20" s="236">
        <v>0</v>
      </c>
      <c r="IM20" s="237">
        <v>0</v>
      </c>
      <c r="IN20" s="140"/>
      <c r="IO20" s="119">
        <v>30334</v>
      </c>
      <c r="IP20" s="119">
        <v>0</v>
      </c>
      <c r="IQ20" s="119">
        <v>0</v>
      </c>
      <c r="IR20" s="119">
        <v>0</v>
      </c>
      <c r="IS20" s="119">
        <v>0</v>
      </c>
      <c r="IT20" s="141">
        <v>30334</v>
      </c>
      <c r="IU20" s="320">
        <v>30334</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208065</v>
      </c>
      <c r="JL20" s="119">
        <v>464459</v>
      </c>
      <c r="JM20" s="119">
        <v>96192</v>
      </c>
      <c r="JN20" s="119">
        <v>111366</v>
      </c>
      <c r="JO20" s="119">
        <v>0</v>
      </c>
      <c r="JP20" s="120">
        <v>880082</v>
      </c>
      <c r="JQ20" s="320">
        <v>880082</v>
      </c>
      <c r="JR20" s="142">
        <v>0</v>
      </c>
      <c r="JS20" s="119">
        <v>0</v>
      </c>
      <c r="JT20" s="141">
        <v>0</v>
      </c>
      <c r="JU20" s="118">
        <v>0</v>
      </c>
      <c r="JV20" s="119">
        <v>0</v>
      </c>
      <c r="JW20" s="119">
        <v>0</v>
      </c>
      <c r="JX20" s="119">
        <v>0</v>
      </c>
      <c r="JY20" s="119">
        <v>47327</v>
      </c>
      <c r="JZ20" s="119">
        <v>0</v>
      </c>
      <c r="KA20" s="120">
        <v>47327</v>
      </c>
      <c r="KB20" s="320">
        <v>47327</v>
      </c>
      <c r="KC20" s="234">
        <v>0</v>
      </c>
      <c r="KD20" s="230">
        <v>0</v>
      </c>
      <c r="KE20" s="120">
        <v>0</v>
      </c>
      <c r="KF20" s="118">
        <v>0</v>
      </c>
      <c r="KG20" s="119">
        <v>0</v>
      </c>
      <c r="KH20" s="119">
        <v>150892</v>
      </c>
      <c r="KI20" s="119">
        <v>238639</v>
      </c>
      <c r="KJ20" s="119">
        <v>260232</v>
      </c>
      <c r="KK20" s="119">
        <v>270281</v>
      </c>
      <c r="KL20" s="120">
        <v>920044</v>
      </c>
      <c r="KM20" s="143">
        <v>920044</v>
      </c>
      <c r="KN20" s="232">
        <v>0</v>
      </c>
      <c r="KO20" s="236">
        <v>0</v>
      </c>
      <c r="KP20" s="237">
        <v>0</v>
      </c>
      <c r="KQ20" s="140"/>
      <c r="KR20" s="119">
        <v>637896</v>
      </c>
      <c r="KS20" s="119">
        <v>220525</v>
      </c>
      <c r="KT20" s="119">
        <v>0</v>
      </c>
      <c r="KU20" s="119">
        <v>0</v>
      </c>
      <c r="KV20" s="119">
        <v>0</v>
      </c>
      <c r="KW20" s="120">
        <v>858421</v>
      </c>
      <c r="KX20" s="320">
        <v>858421</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244220</v>
      </c>
      <c r="LR20" s="119">
        <v>0</v>
      </c>
      <c r="LS20" s="120">
        <v>244220</v>
      </c>
      <c r="LT20" s="320">
        <v>244220</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216812</v>
      </c>
      <c r="MK20" s="119">
        <v>227640</v>
      </c>
      <c r="ML20" s="119">
        <v>746220</v>
      </c>
      <c r="MM20" s="119">
        <v>1690159</v>
      </c>
      <c r="MN20" s="119">
        <v>1236424</v>
      </c>
      <c r="MO20" s="120">
        <v>4117255</v>
      </c>
      <c r="MP20" s="143">
        <v>4117255</v>
      </c>
      <c r="MQ20" s="142">
        <v>0</v>
      </c>
      <c r="MR20" s="119">
        <v>0</v>
      </c>
      <c r="MS20" s="120">
        <v>0</v>
      </c>
      <c r="MT20" s="145"/>
      <c r="MU20" s="119">
        <v>0</v>
      </c>
      <c r="MV20" s="119">
        <v>0</v>
      </c>
      <c r="MW20" s="119">
        <v>233621</v>
      </c>
      <c r="MX20" s="119">
        <v>1103481</v>
      </c>
      <c r="MY20" s="119">
        <v>530662</v>
      </c>
      <c r="MZ20" s="120">
        <v>1867764</v>
      </c>
      <c r="NA20" s="143">
        <v>1867764</v>
      </c>
      <c r="NB20" s="142">
        <v>0</v>
      </c>
      <c r="NC20" s="119">
        <v>0</v>
      </c>
      <c r="ND20" s="120">
        <v>0</v>
      </c>
      <c r="NE20" s="145"/>
      <c r="NF20" s="119">
        <v>216812</v>
      </c>
      <c r="NG20" s="119">
        <v>227640</v>
      </c>
      <c r="NH20" s="119">
        <v>512599</v>
      </c>
      <c r="NI20" s="119">
        <v>586678</v>
      </c>
      <c r="NJ20" s="119">
        <v>705762</v>
      </c>
      <c r="NK20" s="120">
        <v>2249491</v>
      </c>
      <c r="NL20" s="320">
        <v>2249491</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179876</v>
      </c>
      <c r="OJ20" s="119">
        <v>431177</v>
      </c>
      <c r="OK20" s="141">
        <v>611053</v>
      </c>
      <c r="OL20" s="118">
        <v>0</v>
      </c>
      <c r="OM20" s="119">
        <v>2635556</v>
      </c>
      <c r="ON20" s="119">
        <v>2649822</v>
      </c>
      <c r="OO20" s="119">
        <v>3139244</v>
      </c>
      <c r="OP20" s="119">
        <v>4304754</v>
      </c>
      <c r="OQ20" s="119">
        <v>2322878</v>
      </c>
      <c r="OR20" s="120">
        <v>15052254</v>
      </c>
      <c r="OS20" s="143">
        <v>15663307</v>
      </c>
    </row>
    <row r="21" spans="2:409" ht="21" customHeight="1" x14ac:dyDescent="0.2">
      <c r="B21" s="126" t="s">
        <v>16</v>
      </c>
      <c r="C21" s="110">
        <v>326979</v>
      </c>
      <c r="D21" s="114">
        <v>475013</v>
      </c>
      <c r="E21" s="113">
        <v>801992</v>
      </c>
      <c r="F21" s="109">
        <v>0</v>
      </c>
      <c r="G21" s="114">
        <v>4932898</v>
      </c>
      <c r="H21" s="114">
        <v>6697793</v>
      </c>
      <c r="I21" s="114">
        <v>3408515</v>
      </c>
      <c r="J21" s="114">
        <v>5590662</v>
      </c>
      <c r="K21" s="114">
        <v>1636699</v>
      </c>
      <c r="L21" s="109">
        <v>22266567</v>
      </c>
      <c r="M21" s="116">
        <v>23068559</v>
      </c>
      <c r="N21" s="110">
        <v>92965</v>
      </c>
      <c r="O21" s="114">
        <v>89034</v>
      </c>
      <c r="P21" s="113">
        <v>181999</v>
      </c>
      <c r="Q21" s="110">
        <v>0</v>
      </c>
      <c r="R21" s="114">
        <v>1209511</v>
      </c>
      <c r="S21" s="114">
        <v>990023</v>
      </c>
      <c r="T21" s="114">
        <v>645755</v>
      </c>
      <c r="U21" s="114">
        <v>1249015</v>
      </c>
      <c r="V21" s="114">
        <v>838830</v>
      </c>
      <c r="W21" s="113">
        <v>4933134</v>
      </c>
      <c r="X21" s="116">
        <v>5115133</v>
      </c>
      <c r="Y21" s="110">
        <v>0</v>
      </c>
      <c r="Z21" s="114">
        <v>0</v>
      </c>
      <c r="AA21" s="113">
        <v>0</v>
      </c>
      <c r="AB21" s="110">
        <v>0</v>
      </c>
      <c r="AC21" s="114">
        <v>337292</v>
      </c>
      <c r="AD21" s="114">
        <v>246232</v>
      </c>
      <c r="AE21" s="114">
        <v>131824</v>
      </c>
      <c r="AF21" s="114">
        <v>437986</v>
      </c>
      <c r="AG21" s="114">
        <v>300185</v>
      </c>
      <c r="AH21" s="113">
        <v>1453519</v>
      </c>
      <c r="AI21" s="116">
        <v>1453519</v>
      </c>
      <c r="AJ21" s="110">
        <v>0</v>
      </c>
      <c r="AK21" s="114">
        <v>0</v>
      </c>
      <c r="AL21" s="113">
        <v>0</v>
      </c>
      <c r="AM21" s="110">
        <v>0</v>
      </c>
      <c r="AN21" s="114">
        <v>0</v>
      </c>
      <c r="AO21" s="114">
        <v>0</v>
      </c>
      <c r="AP21" s="114">
        <v>0</v>
      </c>
      <c r="AQ21" s="114">
        <v>22773</v>
      </c>
      <c r="AR21" s="114">
        <v>138423</v>
      </c>
      <c r="AS21" s="113">
        <v>161196</v>
      </c>
      <c r="AT21" s="116">
        <v>161196</v>
      </c>
      <c r="AU21" s="110">
        <v>40885</v>
      </c>
      <c r="AV21" s="114">
        <v>81882</v>
      </c>
      <c r="AW21" s="113">
        <v>122767</v>
      </c>
      <c r="AX21" s="110">
        <v>0</v>
      </c>
      <c r="AY21" s="114">
        <v>620115</v>
      </c>
      <c r="AZ21" s="114">
        <v>496273</v>
      </c>
      <c r="BA21" s="114">
        <v>219251</v>
      </c>
      <c r="BB21" s="114">
        <v>502736</v>
      </c>
      <c r="BC21" s="114">
        <v>258870</v>
      </c>
      <c r="BD21" s="113">
        <v>2097245</v>
      </c>
      <c r="BE21" s="116">
        <v>2220012</v>
      </c>
      <c r="BF21" s="110">
        <v>0</v>
      </c>
      <c r="BG21" s="114">
        <v>0</v>
      </c>
      <c r="BH21" s="112">
        <v>0</v>
      </c>
      <c r="BI21" s="111">
        <v>0</v>
      </c>
      <c r="BJ21" s="114">
        <v>0</v>
      </c>
      <c r="BK21" s="114">
        <v>68374</v>
      </c>
      <c r="BL21" s="114">
        <v>0</v>
      </c>
      <c r="BM21" s="114">
        <v>0</v>
      </c>
      <c r="BN21" s="114">
        <v>0</v>
      </c>
      <c r="BO21" s="113">
        <v>68374</v>
      </c>
      <c r="BP21" s="116">
        <v>68374</v>
      </c>
      <c r="BQ21" s="110">
        <v>52080</v>
      </c>
      <c r="BR21" s="114">
        <v>7152</v>
      </c>
      <c r="BS21" s="113">
        <v>59232</v>
      </c>
      <c r="BT21" s="110">
        <v>0</v>
      </c>
      <c r="BU21" s="114">
        <v>252104</v>
      </c>
      <c r="BV21" s="114">
        <v>179144</v>
      </c>
      <c r="BW21" s="114">
        <v>294680</v>
      </c>
      <c r="BX21" s="114">
        <v>285520</v>
      </c>
      <c r="BY21" s="114">
        <v>141352</v>
      </c>
      <c r="BZ21" s="113">
        <v>1152800</v>
      </c>
      <c r="CA21" s="116">
        <v>1212032</v>
      </c>
      <c r="CB21" s="110">
        <v>61151</v>
      </c>
      <c r="CC21" s="114">
        <v>150972</v>
      </c>
      <c r="CD21" s="113">
        <v>212123</v>
      </c>
      <c r="CE21" s="110">
        <v>0</v>
      </c>
      <c r="CF21" s="114">
        <v>1828479</v>
      </c>
      <c r="CG21" s="114">
        <v>3143037</v>
      </c>
      <c r="CH21" s="114">
        <v>679636</v>
      </c>
      <c r="CI21" s="114">
        <v>1085416</v>
      </c>
      <c r="CJ21" s="114">
        <v>0</v>
      </c>
      <c r="CK21" s="113">
        <v>6736568</v>
      </c>
      <c r="CL21" s="116">
        <v>6948691</v>
      </c>
      <c r="CM21" s="110">
        <v>0</v>
      </c>
      <c r="CN21" s="114">
        <v>0</v>
      </c>
      <c r="CO21" s="113">
        <v>0</v>
      </c>
      <c r="CP21" s="111">
        <v>0</v>
      </c>
      <c r="CQ21" s="114">
        <v>914509</v>
      </c>
      <c r="CR21" s="114">
        <v>1251026</v>
      </c>
      <c r="CS21" s="114">
        <v>288506</v>
      </c>
      <c r="CT21" s="114">
        <v>929501</v>
      </c>
      <c r="CU21" s="114">
        <v>0</v>
      </c>
      <c r="CV21" s="113">
        <v>3383542</v>
      </c>
      <c r="CW21" s="116">
        <v>3383542</v>
      </c>
      <c r="CX21" s="110">
        <v>61151</v>
      </c>
      <c r="CY21" s="114">
        <v>150972</v>
      </c>
      <c r="CZ21" s="113">
        <v>212123</v>
      </c>
      <c r="DA21" s="110">
        <v>0</v>
      </c>
      <c r="DB21" s="114">
        <v>913970</v>
      </c>
      <c r="DC21" s="114">
        <v>1892011</v>
      </c>
      <c r="DD21" s="114">
        <v>391130</v>
      </c>
      <c r="DE21" s="114">
        <v>155915</v>
      </c>
      <c r="DF21" s="114">
        <v>0</v>
      </c>
      <c r="DG21" s="113">
        <v>3353026</v>
      </c>
      <c r="DH21" s="116">
        <v>3565149</v>
      </c>
      <c r="DI21" s="110">
        <v>0</v>
      </c>
      <c r="DJ21" s="114">
        <v>0</v>
      </c>
      <c r="DK21" s="112">
        <v>0</v>
      </c>
      <c r="DL21" s="111">
        <v>0</v>
      </c>
      <c r="DM21" s="114">
        <v>0</v>
      </c>
      <c r="DN21" s="114">
        <v>391531</v>
      </c>
      <c r="DO21" s="114">
        <v>251884</v>
      </c>
      <c r="DP21" s="114">
        <v>139642</v>
      </c>
      <c r="DQ21" s="114">
        <v>0</v>
      </c>
      <c r="DR21" s="113">
        <v>783057</v>
      </c>
      <c r="DS21" s="116">
        <v>783057</v>
      </c>
      <c r="DT21" s="110">
        <v>0</v>
      </c>
      <c r="DU21" s="114">
        <v>0</v>
      </c>
      <c r="DV21" s="113">
        <v>0</v>
      </c>
      <c r="DW21" s="110">
        <v>0</v>
      </c>
      <c r="DX21" s="114">
        <v>0</v>
      </c>
      <c r="DY21" s="114">
        <v>304426</v>
      </c>
      <c r="DZ21" s="114">
        <v>251884</v>
      </c>
      <c r="EA21" s="114">
        <v>104018</v>
      </c>
      <c r="EB21" s="114">
        <v>0</v>
      </c>
      <c r="EC21" s="113">
        <v>660328</v>
      </c>
      <c r="ED21" s="116">
        <v>660328</v>
      </c>
      <c r="EE21" s="110">
        <v>0</v>
      </c>
      <c r="EF21" s="112">
        <v>0</v>
      </c>
      <c r="EG21" s="113">
        <v>0</v>
      </c>
      <c r="EH21" s="110">
        <v>0</v>
      </c>
      <c r="EI21" s="114">
        <v>0</v>
      </c>
      <c r="EJ21" s="114">
        <v>87105</v>
      </c>
      <c r="EK21" s="114">
        <v>0</v>
      </c>
      <c r="EL21" s="114">
        <v>35624</v>
      </c>
      <c r="EM21" s="114">
        <v>0</v>
      </c>
      <c r="EN21" s="112">
        <v>122729</v>
      </c>
      <c r="EO21" s="116">
        <v>122729</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43096</v>
      </c>
      <c r="FM21" s="114">
        <v>178720</v>
      </c>
      <c r="FN21" s="113">
        <v>221816</v>
      </c>
      <c r="FO21" s="110">
        <v>0</v>
      </c>
      <c r="FP21" s="114">
        <v>295096</v>
      </c>
      <c r="FQ21" s="114">
        <v>651944</v>
      </c>
      <c r="FR21" s="114">
        <v>270264</v>
      </c>
      <c r="FS21" s="114">
        <v>352872</v>
      </c>
      <c r="FT21" s="114">
        <v>163432</v>
      </c>
      <c r="FU21" s="113">
        <v>1733608</v>
      </c>
      <c r="FV21" s="116">
        <v>1955424</v>
      </c>
      <c r="FW21" s="115">
        <v>43096</v>
      </c>
      <c r="FX21" s="114">
        <v>111520</v>
      </c>
      <c r="FY21" s="112">
        <v>154616</v>
      </c>
      <c r="FZ21" s="111">
        <v>0</v>
      </c>
      <c r="GA21" s="114">
        <v>168720</v>
      </c>
      <c r="GB21" s="114">
        <v>542304</v>
      </c>
      <c r="GC21" s="114">
        <v>236824</v>
      </c>
      <c r="GD21" s="114">
        <v>352872</v>
      </c>
      <c r="GE21" s="114">
        <v>163432</v>
      </c>
      <c r="GF21" s="113">
        <v>1464152</v>
      </c>
      <c r="GG21" s="318">
        <v>1618768</v>
      </c>
      <c r="GH21" s="115">
        <v>0</v>
      </c>
      <c r="GI21" s="114">
        <v>0</v>
      </c>
      <c r="GJ21" s="112">
        <v>0</v>
      </c>
      <c r="GK21" s="111">
        <v>0</v>
      </c>
      <c r="GL21" s="114">
        <v>18480</v>
      </c>
      <c r="GM21" s="114">
        <v>38280</v>
      </c>
      <c r="GN21" s="114">
        <v>33440</v>
      </c>
      <c r="GO21" s="114">
        <v>0</v>
      </c>
      <c r="GP21" s="114">
        <v>0</v>
      </c>
      <c r="GQ21" s="113">
        <v>90200</v>
      </c>
      <c r="GR21" s="116">
        <v>90200</v>
      </c>
      <c r="GS21" s="110">
        <v>0</v>
      </c>
      <c r="GT21" s="114">
        <v>67200</v>
      </c>
      <c r="GU21" s="113">
        <v>67200</v>
      </c>
      <c r="GV21" s="110">
        <v>0</v>
      </c>
      <c r="GW21" s="114">
        <v>107896</v>
      </c>
      <c r="GX21" s="114">
        <v>71360</v>
      </c>
      <c r="GY21" s="114">
        <v>0</v>
      </c>
      <c r="GZ21" s="114">
        <v>0</v>
      </c>
      <c r="HA21" s="114">
        <v>0</v>
      </c>
      <c r="HB21" s="112">
        <v>179256</v>
      </c>
      <c r="HC21" s="116">
        <v>246456</v>
      </c>
      <c r="HD21" s="110">
        <v>129767</v>
      </c>
      <c r="HE21" s="114">
        <v>56287</v>
      </c>
      <c r="HF21" s="112">
        <v>186054</v>
      </c>
      <c r="HG21" s="111">
        <v>0</v>
      </c>
      <c r="HH21" s="114">
        <v>1599812</v>
      </c>
      <c r="HI21" s="114">
        <v>1521258</v>
      </c>
      <c r="HJ21" s="114">
        <v>1560976</v>
      </c>
      <c r="HK21" s="114">
        <v>2763717</v>
      </c>
      <c r="HL21" s="114">
        <v>634437</v>
      </c>
      <c r="HM21" s="113">
        <v>8080200</v>
      </c>
      <c r="HN21" s="109">
        <v>8266254</v>
      </c>
      <c r="HO21" s="328"/>
      <c r="HP21" s="329"/>
      <c r="HQ21" s="330"/>
      <c r="HR21" s="331"/>
      <c r="HS21" s="329"/>
      <c r="HT21" s="329"/>
      <c r="HU21" s="329"/>
      <c r="HV21" s="329"/>
      <c r="HW21" s="329"/>
      <c r="HX21" s="332"/>
      <c r="HY21" s="333"/>
      <c r="HZ21" s="131">
        <v>0</v>
      </c>
      <c r="IA21" s="132">
        <v>0</v>
      </c>
      <c r="IB21" s="133">
        <v>0</v>
      </c>
      <c r="IC21" s="146">
        <v>0</v>
      </c>
      <c r="ID21" s="132">
        <v>738724</v>
      </c>
      <c r="IE21" s="147">
        <v>1446661</v>
      </c>
      <c r="IF21" s="133">
        <v>2284203</v>
      </c>
      <c r="IG21" s="132">
        <v>268193</v>
      </c>
      <c r="IH21" s="133">
        <v>475680</v>
      </c>
      <c r="II21" s="148">
        <v>5213461</v>
      </c>
      <c r="IJ21" s="139">
        <v>5213461</v>
      </c>
      <c r="IK21" s="232">
        <v>0</v>
      </c>
      <c r="IL21" s="236">
        <v>0</v>
      </c>
      <c r="IM21" s="237">
        <v>0</v>
      </c>
      <c r="IN21" s="140"/>
      <c r="IO21" s="119">
        <v>211992</v>
      </c>
      <c r="IP21" s="119">
        <v>0</v>
      </c>
      <c r="IQ21" s="119">
        <v>228361</v>
      </c>
      <c r="IR21" s="119">
        <v>0</v>
      </c>
      <c r="IS21" s="119">
        <v>0</v>
      </c>
      <c r="IT21" s="141">
        <v>440353</v>
      </c>
      <c r="IU21" s="320">
        <v>440353</v>
      </c>
      <c r="IV21" s="142">
        <v>0</v>
      </c>
      <c r="IW21" s="119">
        <v>0</v>
      </c>
      <c r="IX21" s="120">
        <v>0</v>
      </c>
      <c r="IY21" s="144"/>
      <c r="IZ21" s="119">
        <v>0</v>
      </c>
      <c r="JA21" s="119">
        <v>0</v>
      </c>
      <c r="JB21" s="119">
        <v>16396</v>
      </c>
      <c r="JC21" s="119">
        <v>0</v>
      </c>
      <c r="JD21" s="119">
        <v>0</v>
      </c>
      <c r="JE21" s="120">
        <v>16396</v>
      </c>
      <c r="JF21" s="121">
        <v>16396</v>
      </c>
      <c r="JG21" s="142">
        <v>0</v>
      </c>
      <c r="JH21" s="119">
        <v>0</v>
      </c>
      <c r="JI21" s="141">
        <v>0</v>
      </c>
      <c r="JJ21" s="118">
        <v>0</v>
      </c>
      <c r="JK21" s="119">
        <v>315820</v>
      </c>
      <c r="JL21" s="119">
        <v>506698</v>
      </c>
      <c r="JM21" s="119">
        <v>322902</v>
      </c>
      <c r="JN21" s="119">
        <v>32526</v>
      </c>
      <c r="JO21" s="119">
        <v>0</v>
      </c>
      <c r="JP21" s="120">
        <v>1177946</v>
      </c>
      <c r="JQ21" s="320">
        <v>1177946</v>
      </c>
      <c r="JR21" s="142">
        <v>0</v>
      </c>
      <c r="JS21" s="119">
        <v>0</v>
      </c>
      <c r="JT21" s="141">
        <v>0</v>
      </c>
      <c r="JU21" s="118">
        <v>0</v>
      </c>
      <c r="JV21" s="119">
        <v>0</v>
      </c>
      <c r="JW21" s="119">
        <v>0</v>
      </c>
      <c r="JX21" s="119">
        <v>93672</v>
      </c>
      <c r="JY21" s="119">
        <v>0</v>
      </c>
      <c r="JZ21" s="119">
        <v>0</v>
      </c>
      <c r="KA21" s="120">
        <v>93672</v>
      </c>
      <c r="KB21" s="320">
        <v>93672</v>
      </c>
      <c r="KC21" s="234">
        <v>0</v>
      </c>
      <c r="KD21" s="230">
        <v>0</v>
      </c>
      <c r="KE21" s="120">
        <v>0</v>
      </c>
      <c r="KF21" s="118">
        <v>0</v>
      </c>
      <c r="KG21" s="119">
        <v>0</v>
      </c>
      <c r="KH21" s="119">
        <v>329169</v>
      </c>
      <c r="KI21" s="119">
        <v>249498</v>
      </c>
      <c r="KJ21" s="119">
        <v>0</v>
      </c>
      <c r="KK21" s="119">
        <v>0</v>
      </c>
      <c r="KL21" s="120">
        <v>578667</v>
      </c>
      <c r="KM21" s="143">
        <v>578667</v>
      </c>
      <c r="KN21" s="232">
        <v>0</v>
      </c>
      <c r="KO21" s="236">
        <v>0</v>
      </c>
      <c r="KP21" s="237">
        <v>0</v>
      </c>
      <c r="KQ21" s="140"/>
      <c r="KR21" s="119">
        <v>210912</v>
      </c>
      <c r="KS21" s="119">
        <v>442036</v>
      </c>
      <c r="KT21" s="119">
        <v>1136983</v>
      </c>
      <c r="KU21" s="119">
        <v>235667</v>
      </c>
      <c r="KV21" s="119">
        <v>475680</v>
      </c>
      <c r="KW21" s="120">
        <v>2501278</v>
      </c>
      <c r="KX21" s="320">
        <v>2501278</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0">
        <v>0</v>
      </c>
      <c r="LU21" s="142">
        <v>0</v>
      </c>
      <c r="LV21" s="119">
        <v>0</v>
      </c>
      <c r="LW21" s="120">
        <v>0</v>
      </c>
      <c r="LX21" s="145"/>
      <c r="LY21" s="119">
        <v>0</v>
      </c>
      <c r="LZ21" s="119">
        <v>168758</v>
      </c>
      <c r="MA21" s="119">
        <v>236391</v>
      </c>
      <c r="MB21" s="119">
        <v>0</v>
      </c>
      <c r="MC21" s="119">
        <v>0</v>
      </c>
      <c r="MD21" s="120">
        <v>405149</v>
      </c>
      <c r="ME21" s="121">
        <v>405149</v>
      </c>
      <c r="MF21" s="142">
        <v>0</v>
      </c>
      <c r="MG21" s="119">
        <v>0</v>
      </c>
      <c r="MH21" s="120">
        <v>0</v>
      </c>
      <c r="MI21" s="145"/>
      <c r="MJ21" s="119">
        <v>0</v>
      </c>
      <c r="MK21" s="119">
        <v>1080880</v>
      </c>
      <c r="ML21" s="119">
        <v>1930657</v>
      </c>
      <c r="MM21" s="119">
        <v>3718519</v>
      </c>
      <c r="MN21" s="119">
        <v>1917895</v>
      </c>
      <c r="MO21" s="120">
        <v>8647951</v>
      </c>
      <c r="MP21" s="143">
        <v>8647951</v>
      </c>
      <c r="MQ21" s="142">
        <v>0</v>
      </c>
      <c r="MR21" s="119">
        <v>0</v>
      </c>
      <c r="MS21" s="120">
        <v>0</v>
      </c>
      <c r="MT21" s="145"/>
      <c r="MU21" s="119">
        <v>0</v>
      </c>
      <c r="MV21" s="119">
        <v>191556</v>
      </c>
      <c r="MW21" s="119">
        <v>1033588</v>
      </c>
      <c r="MX21" s="119">
        <v>2379963</v>
      </c>
      <c r="MY21" s="119">
        <v>921981</v>
      </c>
      <c r="MZ21" s="120">
        <v>4527088</v>
      </c>
      <c r="NA21" s="143">
        <v>4527088</v>
      </c>
      <c r="NB21" s="142">
        <v>0</v>
      </c>
      <c r="NC21" s="119">
        <v>0</v>
      </c>
      <c r="ND21" s="120">
        <v>0</v>
      </c>
      <c r="NE21" s="145"/>
      <c r="NF21" s="119">
        <v>0</v>
      </c>
      <c r="NG21" s="119">
        <v>889324</v>
      </c>
      <c r="NH21" s="119">
        <v>897069</v>
      </c>
      <c r="NI21" s="119">
        <v>1338556</v>
      </c>
      <c r="NJ21" s="119">
        <v>251598</v>
      </c>
      <c r="NK21" s="120">
        <v>3376547</v>
      </c>
      <c r="NL21" s="320">
        <v>3376547</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744316</v>
      </c>
      <c r="OG21" s="120">
        <v>744316</v>
      </c>
      <c r="OH21" s="121">
        <v>744316</v>
      </c>
      <c r="OI21" s="142">
        <v>326979</v>
      </c>
      <c r="OJ21" s="119">
        <v>475013</v>
      </c>
      <c r="OK21" s="141">
        <v>801992</v>
      </c>
      <c r="OL21" s="118">
        <v>0</v>
      </c>
      <c r="OM21" s="119">
        <v>5671622</v>
      </c>
      <c r="ON21" s="119">
        <v>9225334</v>
      </c>
      <c r="OO21" s="119">
        <v>7623375</v>
      </c>
      <c r="OP21" s="119">
        <v>9577374</v>
      </c>
      <c r="OQ21" s="119">
        <v>4030274</v>
      </c>
      <c r="OR21" s="120">
        <v>36127979</v>
      </c>
      <c r="OS21" s="143">
        <v>36929971</v>
      </c>
    </row>
    <row r="22" spans="2:409" ht="21" customHeight="1" x14ac:dyDescent="0.2">
      <c r="B22" s="126" t="s">
        <v>17</v>
      </c>
      <c r="C22" s="110">
        <v>455181</v>
      </c>
      <c r="D22" s="114">
        <v>780409</v>
      </c>
      <c r="E22" s="113">
        <v>1235590</v>
      </c>
      <c r="F22" s="109">
        <v>0</v>
      </c>
      <c r="G22" s="114">
        <v>3815521</v>
      </c>
      <c r="H22" s="114">
        <v>6089151</v>
      </c>
      <c r="I22" s="114">
        <v>4716270</v>
      </c>
      <c r="J22" s="114">
        <v>4130122</v>
      </c>
      <c r="K22" s="114">
        <v>3977746</v>
      </c>
      <c r="L22" s="109">
        <v>22728810</v>
      </c>
      <c r="M22" s="116">
        <v>23964400</v>
      </c>
      <c r="N22" s="110">
        <v>71293</v>
      </c>
      <c r="O22" s="114">
        <v>223862</v>
      </c>
      <c r="P22" s="113">
        <v>295155</v>
      </c>
      <c r="Q22" s="110">
        <v>0</v>
      </c>
      <c r="R22" s="114">
        <v>1113306</v>
      </c>
      <c r="S22" s="114">
        <v>1458401</v>
      </c>
      <c r="T22" s="114">
        <v>1490610</v>
      </c>
      <c r="U22" s="114">
        <v>750680</v>
      </c>
      <c r="V22" s="114">
        <v>2181795</v>
      </c>
      <c r="W22" s="113">
        <v>6994792</v>
      </c>
      <c r="X22" s="116">
        <v>7289947</v>
      </c>
      <c r="Y22" s="110">
        <v>0</v>
      </c>
      <c r="Z22" s="114">
        <v>0</v>
      </c>
      <c r="AA22" s="113">
        <v>0</v>
      </c>
      <c r="AB22" s="110">
        <v>0</v>
      </c>
      <c r="AC22" s="114">
        <v>607137</v>
      </c>
      <c r="AD22" s="114">
        <v>672594</v>
      </c>
      <c r="AE22" s="114">
        <v>1019878</v>
      </c>
      <c r="AF22" s="114">
        <v>380349</v>
      </c>
      <c r="AG22" s="114">
        <v>1474098</v>
      </c>
      <c r="AH22" s="113">
        <v>4154056</v>
      </c>
      <c r="AI22" s="116">
        <v>4154056</v>
      </c>
      <c r="AJ22" s="110">
        <v>0</v>
      </c>
      <c r="AK22" s="114">
        <v>0</v>
      </c>
      <c r="AL22" s="113">
        <v>0</v>
      </c>
      <c r="AM22" s="110">
        <v>0</v>
      </c>
      <c r="AN22" s="114">
        <v>0</v>
      </c>
      <c r="AO22" s="114">
        <v>11845</v>
      </c>
      <c r="AP22" s="114">
        <v>0</v>
      </c>
      <c r="AQ22" s="114">
        <v>46716</v>
      </c>
      <c r="AR22" s="114">
        <v>189288</v>
      </c>
      <c r="AS22" s="113">
        <v>247849</v>
      </c>
      <c r="AT22" s="116">
        <v>247849</v>
      </c>
      <c r="AU22" s="110">
        <v>30437</v>
      </c>
      <c r="AV22" s="114">
        <v>92847</v>
      </c>
      <c r="AW22" s="113">
        <v>123284</v>
      </c>
      <c r="AX22" s="110">
        <v>0</v>
      </c>
      <c r="AY22" s="114">
        <v>379617</v>
      </c>
      <c r="AZ22" s="114">
        <v>406913</v>
      </c>
      <c r="BA22" s="114">
        <v>282932</v>
      </c>
      <c r="BB22" s="114">
        <v>130503</v>
      </c>
      <c r="BC22" s="114">
        <v>338713</v>
      </c>
      <c r="BD22" s="113">
        <v>1538678</v>
      </c>
      <c r="BE22" s="116">
        <v>1661962</v>
      </c>
      <c r="BF22" s="110">
        <v>0</v>
      </c>
      <c r="BG22" s="114">
        <v>78695</v>
      </c>
      <c r="BH22" s="112">
        <v>78695</v>
      </c>
      <c r="BI22" s="111">
        <v>0</v>
      </c>
      <c r="BJ22" s="114">
        <v>0</v>
      </c>
      <c r="BK22" s="114">
        <v>113897</v>
      </c>
      <c r="BL22" s="114">
        <v>0</v>
      </c>
      <c r="BM22" s="114">
        <v>0</v>
      </c>
      <c r="BN22" s="114">
        <v>0</v>
      </c>
      <c r="BO22" s="113">
        <v>113897</v>
      </c>
      <c r="BP22" s="116">
        <v>192592</v>
      </c>
      <c r="BQ22" s="110">
        <v>40856</v>
      </c>
      <c r="BR22" s="114">
        <v>52320</v>
      </c>
      <c r="BS22" s="113">
        <v>93176</v>
      </c>
      <c r="BT22" s="110">
        <v>0</v>
      </c>
      <c r="BU22" s="114">
        <v>126552</v>
      </c>
      <c r="BV22" s="114">
        <v>253152</v>
      </c>
      <c r="BW22" s="114">
        <v>187800</v>
      </c>
      <c r="BX22" s="114">
        <v>193112</v>
      </c>
      <c r="BY22" s="114">
        <v>179696</v>
      </c>
      <c r="BZ22" s="113">
        <v>940312</v>
      </c>
      <c r="CA22" s="116">
        <v>1033488</v>
      </c>
      <c r="CB22" s="110">
        <v>66832</v>
      </c>
      <c r="CC22" s="114">
        <v>268669</v>
      </c>
      <c r="CD22" s="113">
        <v>335501</v>
      </c>
      <c r="CE22" s="110">
        <v>0</v>
      </c>
      <c r="CF22" s="114">
        <v>1189939</v>
      </c>
      <c r="CG22" s="114">
        <v>2656838</v>
      </c>
      <c r="CH22" s="114">
        <v>739913</v>
      </c>
      <c r="CI22" s="114">
        <v>552915</v>
      </c>
      <c r="CJ22" s="114">
        <v>325334</v>
      </c>
      <c r="CK22" s="113">
        <v>5464939</v>
      </c>
      <c r="CL22" s="116">
        <v>5800440</v>
      </c>
      <c r="CM22" s="110">
        <v>0</v>
      </c>
      <c r="CN22" s="114">
        <v>0</v>
      </c>
      <c r="CO22" s="113">
        <v>0</v>
      </c>
      <c r="CP22" s="111">
        <v>0</v>
      </c>
      <c r="CQ22" s="114">
        <v>1114997</v>
      </c>
      <c r="CR22" s="114">
        <v>1961140</v>
      </c>
      <c r="CS22" s="114">
        <v>577567</v>
      </c>
      <c r="CT22" s="114">
        <v>489041</v>
      </c>
      <c r="CU22" s="114">
        <v>260131</v>
      </c>
      <c r="CV22" s="113">
        <v>4402876</v>
      </c>
      <c r="CW22" s="116">
        <v>4402876</v>
      </c>
      <c r="CX22" s="110">
        <v>66832</v>
      </c>
      <c r="CY22" s="114">
        <v>268669</v>
      </c>
      <c r="CZ22" s="113">
        <v>335501</v>
      </c>
      <c r="DA22" s="110">
        <v>0</v>
      </c>
      <c r="DB22" s="114">
        <v>74942</v>
      </c>
      <c r="DC22" s="114">
        <v>695698</v>
      </c>
      <c r="DD22" s="114">
        <v>162346</v>
      </c>
      <c r="DE22" s="114">
        <v>63874</v>
      </c>
      <c r="DF22" s="114">
        <v>65203</v>
      </c>
      <c r="DG22" s="113">
        <v>1062063</v>
      </c>
      <c r="DH22" s="116">
        <v>1397564</v>
      </c>
      <c r="DI22" s="110">
        <v>0</v>
      </c>
      <c r="DJ22" s="114">
        <v>0</v>
      </c>
      <c r="DK22" s="112">
        <v>0</v>
      </c>
      <c r="DL22" s="111">
        <v>0</v>
      </c>
      <c r="DM22" s="114">
        <v>141927</v>
      </c>
      <c r="DN22" s="114">
        <v>353144</v>
      </c>
      <c r="DO22" s="114">
        <v>710328</v>
      </c>
      <c r="DP22" s="114">
        <v>1469728</v>
      </c>
      <c r="DQ22" s="114">
        <v>457073</v>
      </c>
      <c r="DR22" s="113">
        <v>3132200</v>
      </c>
      <c r="DS22" s="116">
        <v>3132200</v>
      </c>
      <c r="DT22" s="110">
        <v>0</v>
      </c>
      <c r="DU22" s="114">
        <v>0</v>
      </c>
      <c r="DV22" s="113">
        <v>0</v>
      </c>
      <c r="DW22" s="110">
        <v>0</v>
      </c>
      <c r="DX22" s="114">
        <v>141927</v>
      </c>
      <c r="DY22" s="114">
        <v>299744</v>
      </c>
      <c r="DZ22" s="114">
        <v>335949</v>
      </c>
      <c r="EA22" s="114">
        <v>1417450</v>
      </c>
      <c r="EB22" s="114">
        <v>457073</v>
      </c>
      <c r="EC22" s="113">
        <v>2652143</v>
      </c>
      <c r="ED22" s="116">
        <v>2652143</v>
      </c>
      <c r="EE22" s="110">
        <v>0</v>
      </c>
      <c r="EF22" s="112">
        <v>0</v>
      </c>
      <c r="EG22" s="113">
        <v>0</v>
      </c>
      <c r="EH22" s="110">
        <v>0</v>
      </c>
      <c r="EI22" s="114">
        <v>0</v>
      </c>
      <c r="EJ22" s="114">
        <v>53400</v>
      </c>
      <c r="EK22" s="114">
        <v>374379</v>
      </c>
      <c r="EL22" s="114">
        <v>52278</v>
      </c>
      <c r="EM22" s="114">
        <v>0</v>
      </c>
      <c r="EN22" s="112">
        <v>480057</v>
      </c>
      <c r="EO22" s="116">
        <v>480057</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48520</v>
      </c>
      <c r="FM22" s="114">
        <v>119088</v>
      </c>
      <c r="FN22" s="113">
        <v>167608</v>
      </c>
      <c r="FO22" s="110">
        <v>0</v>
      </c>
      <c r="FP22" s="114">
        <v>289808</v>
      </c>
      <c r="FQ22" s="114">
        <v>946593</v>
      </c>
      <c r="FR22" s="114">
        <v>690098</v>
      </c>
      <c r="FS22" s="114">
        <v>339824</v>
      </c>
      <c r="FT22" s="114">
        <v>363816</v>
      </c>
      <c r="FU22" s="113">
        <v>2630139</v>
      </c>
      <c r="FV22" s="116">
        <v>2797747</v>
      </c>
      <c r="FW22" s="115">
        <v>48520</v>
      </c>
      <c r="FX22" s="114">
        <v>119088</v>
      </c>
      <c r="FY22" s="112">
        <v>167608</v>
      </c>
      <c r="FZ22" s="111">
        <v>0</v>
      </c>
      <c r="GA22" s="114">
        <v>189168</v>
      </c>
      <c r="GB22" s="114">
        <v>750176</v>
      </c>
      <c r="GC22" s="114">
        <v>512736</v>
      </c>
      <c r="GD22" s="114">
        <v>256624</v>
      </c>
      <c r="GE22" s="114">
        <v>363816</v>
      </c>
      <c r="GF22" s="113">
        <v>2072520</v>
      </c>
      <c r="GG22" s="318">
        <v>2240128</v>
      </c>
      <c r="GH22" s="115">
        <v>0</v>
      </c>
      <c r="GI22" s="114">
        <v>0</v>
      </c>
      <c r="GJ22" s="112">
        <v>0</v>
      </c>
      <c r="GK22" s="111">
        <v>0</v>
      </c>
      <c r="GL22" s="114">
        <v>11440</v>
      </c>
      <c r="GM22" s="114">
        <v>118608</v>
      </c>
      <c r="GN22" s="114">
        <v>78962</v>
      </c>
      <c r="GO22" s="114">
        <v>0</v>
      </c>
      <c r="GP22" s="114">
        <v>0</v>
      </c>
      <c r="GQ22" s="113">
        <v>209010</v>
      </c>
      <c r="GR22" s="116">
        <v>209010</v>
      </c>
      <c r="GS22" s="110">
        <v>0</v>
      </c>
      <c r="GT22" s="114">
        <v>0</v>
      </c>
      <c r="GU22" s="113">
        <v>0</v>
      </c>
      <c r="GV22" s="110">
        <v>0</v>
      </c>
      <c r="GW22" s="114">
        <v>89200</v>
      </c>
      <c r="GX22" s="114">
        <v>77809</v>
      </c>
      <c r="GY22" s="114">
        <v>98400</v>
      </c>
      <c r="GZ22" s="114">
        <v>83200</v>
      </c>
      <c r="HA22" s="114">
        <v>0</v>
      </c>
      <c r="HB22" s="112">
        <v>348609</v>
      </c>
      <c r="HC22" s="116">
        <v>348609</v>
      </c>
      <c r="HD22" s="110">
        <v>268536</v>
      </c>
      <c r="HE22" s="114">
        <v>168790</v>
      </c>
      <c r="HF22" s="112">
        <v>437326</v>
      </c>
      <c r="HG22" s="111">
        <v>0</v>
      </c>
      <c r="HH22" s="114">
        <v>1080541</v>
      </c>
      <c r="HI22" s="114">
        <v>674175</v>
      </c>
      <c r="HJ22" s="114">
        <v>1085321</v>
      </c>
      <c r="HK22" s="114">
        <v>1016975</v>
      </c>
      <c r="HL22" s="114">
        <v>649728</v>
      </c>
      <c r="HM22" s="113">
        <v>4506740</v>
      </c>
      <c r="HN22" s="109">
        <v>4944066</v>
      </c>
      <c r="HO22" s="328"/>
      <c r="HP22" s="329"/>
      <c r="HQ22" s="330"/>
      <c r="HR22" s="331"/>
      <c r="HS22" s="329"/>
      <c r="HT22" s="329"/>
      <c r="HU22" s="329"/>
      <c r="HV22" s="329"/>
      <c r="HW22" s="329"/>
      <c r="HX22" s="332"/>
      <c r="HY22" s="333"/>
      <c r="HZ22" s="150">
        <v>0</v>
      </c>
      <c r="IA22" s="135">
        <v>0</v>
      </c>
      <c r="IB22" s="150">
        <v>0</v>
      </c>
      <c r="IC22" s="134">
        <v>0</v>
      </c>
      <c r="ID22" s="135">
        <v>945721</v>
      </c>
      <c r="IE22" s="136">
        <v>2757066</v>
      </c>
      <c r="IF22" s="137">
        <v>3012055</v>
      </c>
      <c r="IG22" s="135">
        <v>1135408</v>
      </c>
      <c r="IH22" s="137">
        <v>760342</v>
      </c>
      <c r="II22" s="138">
        <v>8610592</v>
      </c>
      <c r="IJ22" s="150">
        <v>8610592</v>
      </c>
      <c r="IK22" s="232">
        <v>0</v>
      </c>
      <c r="IL22" s="236">
        <v>0</v>
      </c>
      <c r="IM22" s="237">
        <v>0</v>
      </c>
      <c r="IN22" s="140"/>
      <c r="IO22" s="119">
        <v>0</v>
      </c>
      <c r="IP22" s="119">
        <v>0</v>
      </c>
      <c r="IQ22" s="119">
        <v>0</v>
      </c>
      <c r="IR22" s="119">
        <v>0</v>
      </c>
      <c r="IS22" s="119">
        <v>0</v>
      </c>
      <c r="IT22" s="141">
        <v>0</v>
      </c>
      <c r="IU22" s="320">
        <v>0</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519947</v>
      </c>
      <c r="JL22" s="119">
        <v>645757</v>
      </c>
      <c r="JM22" s="119">
        <v>526784</v>
      </c>
      <c r="JN22" s="119">
        <v>136892</v>
      </c>
      <c r="JO22" s="119">
        <v>398654</v>
      </c>
      <c r="JP22" s="120">
        <v>2228034</v>
      </c>
      <c r="JQ22" s="320">
        <v>2228034</v>
      </c>
      <c r="JR22" s="142">
        <v>0</v>
      </c>
      <c r="JS22" s="119">
        <v>0</v>
      </c>
      <c r="JT22" s="141">
        <v>0</v>
      </c>
      <c r="JU22" s="118">
        <v>0</v>
      </c>
      <c r="JV22" s="119">
        <v>163753</v>
      </c>
      <c r="JW22" s="119">
        <v>57248</v>
      </c>
      <c r="JX22" s="119">
        <v>97841</v>
      </c>
      <c r="JY22" s="119">
        <v>0</v>
      </c>
      <c r="JZ22" s="119">
        <v>0</v>
      </c>
      <c r="KA22" s="120">
        <v>318842</v>
      </c>
      <c r="KB22" s="320">
        <v>318842</v>
      </c>
      <c r="KC22" s="234">
        <v>0</v>
      </c>
      <c r="KD22" s="230">
        <v>0</v>
      </c>
      <c r="KE22" s="120">
        <v>0</v>
      </c>
      <c r="KF22" s="118">
        <v>0</v>
      </c>
      <c r="KG22" s="119">
        <v>262021</v>
      </c>
      <c r="KH22" s="119">
        <v>465507</v>
      </c>
      <c r="KI22" s="119">
        <v>737738</v>
      </c>
      <c r="KJ22" s="119">
        <v>501410</v>
      </c>
      <c r="KK22" s="119">
        <v>0</v>
      </c>
      <c r="KL22" s="120">
        <v>1966676</v>
      </c>
      <c r="KM22" s="143">
        <v>1966676</v>
      </c>
      <c r="KN22" s="232">
        <v>0</v>
      </c>
      <c r="KO22" s="236">
        <v>0</v>
      </c>
      <c r="KP22" s="237">
        <v>0</v>
      </c>
      <c r="KQ22" s="140"/>
      <c r="KR22" s="119">
        <v>0</v>
      </c>
      <c r="KS22" s="119">
        <v>1379294</v>
      </c>
      <c r="KT22" s="119">
        <v>906318</v>
      </c>
      <c r="KU22" s="119">
        <v>239029</v>
      </c>
      <c r="KV22" s="119">
        <v>0</v>
      </c>
      <c r="KW22" s="120">
        <v>2524641</v>
      </c>
      <c r="KX22" s="320">
        <v>2524641</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444366</v>
      </c>
      <c r="LQ22" s="119">
        <v>258077</v>
      </c>
      <c r="LR22" s="119">
        <v>0</v>
      </c>
      <c r="LS22" s="120">
        <v>702443</v>
      </c>
      <c r="LT22" s="320">
        <v>702443</v>
      </c>
      <c r="LU22" s="142">
        <v>0</v>
      </c>
      <c r="LV22" s="119">
        <v>0</v>
      </c>
      <c r="LW22" s="120">
        <v>0</v>
      </c>
      <c r="LX22" s="145"/>
      <c r="LY22" s="119">
        <v>0</v>
      </c>
      <c r="LZ22" s="119">
        <v>209260</v>
      </c>
      <c r="MA22" s="119">
        <v>299008</v>
      </c>
      <c r="MB22" s="119">
        <v>0</v>
      </c>
      <c r="MC22" s="119">
        <v>361688</v>
      </c>
      <c r="MD22" s="120">
        <v>869956</v>
      </c>
      <c r="ME22" s="121">
        <v>869956</v>
      </c>
      <c r="MF22" s="142">
        <v>0</v>
      </c>
      <c r="MG22" s="119">
        <v>0</v>
      </c>
      <c r="MH22" s="120">
        <v>0</v>
      </c>
      <c r="MI22" s="145"/>
      <c r="MJ22" s="119">
        <v>1279316</v>
      </c>
      <c r="MK22" s="119">
        <v>834646</v>
      </c>
      <c r="ML22" s="119">
        <v>4234588</v>
      </c>
      <c r="MM22" s="119">
        <v>4854180</v>
      </c>
      <c r="MN22" s="119">
        <v>4346103</v>
      </c>
      <c r="MO22" s="120">
        <v>15548833</v>
      </c>
      <c r="MP22" s="143">
        <v>15548833</v>
      </c>
      <c r="MQ22" s="142">
        <v>0</v>
      </c>
      <c r="MR22" s="119">
        <v>0</v>
      </c>
      <c r="MS22" s="120">
        <v>0</v>
      </c>
      <c r="MT22" s="145"/>
      <c r="MU22" s="119">
        <v>0</v>
      </c>
      <c r="MV22" s="119">
        <v>217013</v>
      </c>
      <c r="MW22" s="119">
        <v>1562166</v>
      </c>
      <c r="MX22" s="119">
        <v>2959640</v>
      </c>
      <c r="MY22" s="119">
        <v>2808783</v>
      </c>
      <c r="MZ22" s="120">
        <v>7547602</v>
      </c>
      <c r="NA22" s="143">
        <v>7547602</v>
      </c>
      <c r="NB22" s="142">
        <v>0</v>
      </c>
      <c r="NC22" s="119">
        <v>0</v>
      </c>
      <c r="ND22" s="120">
        <v>0</v>
      </c>
      <c r="NE22" s="145"/>
      <c r="NF22" s="119">
        <v>1279316</v>
      </c>
      <c r="NG22" s="119">
        <v>617633</v>
      </c>
      <c r="NH22" s="119">
        <v>2672422</v>
      </c>
      <c r="NI22" s="119">
        <v>1894540</v>
      </c>
      <c r="NJ22" s="119">
        <v>1537320</v>
      </c>
      <c r="NK22" s="120">
        <v>8001231</v>
      </c>
      <c r="NL22" s="320">
        <v>8001231</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0</v>
      </c>
      <c r="OG22" s="120">
        <v>0</v>
      </c>
      <c r="OH22" s="121">
        <v>0</v>
      </c>
      <c r="OI22" s="142">
        <v>455181</v>
      </c>
      <c r="OJ22" s="119">
        <v>780409</v>
      </c>
      <c r="OK22" s="141">
        <v>1235590</v>
      </c>
      <c r="OL22" s="118">
        <v>0</v>
      </c>
      <c r="OM22" s="119">
        <v>6040558</v>
      </c>
      <c r="ON22" s="119">
        <v>9680863</v>
      </c>
      <c r="OO22" s="119">
        <v>11962913</v>
      </c>
      <c r="OP22" s="119">
        <v>10119710</v>
      </c>
      <c r="OQ22" s="119">
        <v>9084191</v>
      </c>
      <c r="OR22" s="120">
        <v>46888235</v>
      </c>
      <c r="OS22" s="143">
        <v>48123825</v>
      </c>
    </row>
    <row r="23" spans="2:409" ht="21" customHeight="1" x14ac:dyDescent="0.2">
      <c r="B23" s="126" t="s">
        <v>18</v>
      </c>
      <c r="C23" s="110">
        <v>235935</v>
      </c>
      <c r="D23" s="114">
        <v>707675</v>
      </c>
      <c r="E23" s="113">
        <v>943610</v>
      </c>
      <c r="F23" s="109">
        <v>0</v>
      </c>
      <c r="G23" s="114">
        <v>6744526</v>
      </c>
      <c r="H23" s="114">
        <v>7973245</v>
      </c>
      <c r="I23" s="114">
        <v>9555692</v>
      </c>
      <c r="J23" s="114">
        <v>5896024</v>
      </c>
      <c r="K23" s="114">
        <v>3584630</v>
      </c>
      <c r="L23" s="109">
        <v>33754117</v>
      </c>
      <c r="M23" s="116">
        <v>34697727</v>
      </c>
      <c r="N23" s="110">
        <v>35821</v>
      </c>
      <c r="O23" s="114">
        <v>159361</v>
      </c>
      <c r="P23" s="113">
        <v>195182</v>
      </c>
      <c r="Q23" s="110">
        <v>0</v>
      </c>
      <c r="R23" s="114">
        <v>1578533</v>
      </c>
      <c r="S23" s="114">
        <v>2022004</v>
      </c>
      <c r="T23" s="114">
        <v>2153691</v>
      </c>
      <c r="U23" s="114">
        <v>1962523</v>
      </c>
      <c r="V23" s="114">
        <v>886235</v>
      </c>
      <c r="W23" s="113">
        <v>8602986</v>
      </c>
      <c r="X23" s="116">
        <v>8798168</v>
      </c>
      <c r="Y23" s="110">
        <v>0</v>
      </c>
      <c r="Z23" s="114">
        <v>0</v>
      </c>
      <c r="AA23" s="113">
        <v>0</v>
      </c>
      <c r="AB23" s="110">
        <v>0</v>
      </c>
      <c r="AC23" s="114">
        <v>554323</v>
      </c>
      <c r="AD23" s="114">
        <v>840291</v>
      </c>
      <c r="AE23" s="114">
        <v>1183797</v>
      </c>
      <c r="AF23" s="114">
        <v>983612</v>
      </c>
      <c r="AG23" s="114">
        <v>324632</v>
      </c>
      <c r="AH23" s="113">
        <v>3886655</v>
      </c>
      <c r="AI23" s="116">
        <v>3886655</v>
      </c>
      <c r="AJ23" s="110">
        <v>0</v>
      </c>
      <c r="AK23" s="114">
        <v>0</v>
      </c>
      <c r="AL23" s="113">
        <v>0</v>
      </c>
      <c r="AM23" s="110">
        <v>0</v>
      </c>
      <c r="AN23" s="114">
        <v>11845</v>
      </c>
      <c r="AO23" s="114">
        <v>0</v>
      </c>
      <c r="AP23" s="114">
        <v>85774</v>
      </c>
      <c r="AQ23" s="114">
        <v>141521</v>
      </c>
      <c r="AR23" s="114">
        <v>201267</v>
      </c>
      <c r="AS23" s="113">
        <v>440407</v>
      </c>
      <c r="AT23" s="116">
        <v>440407</v>
      </c>
      <c r="AU23" s="110">
        <v>18693</v>
      </c>
      <c r="AV23" s="114">
        <v>59253</v>
      </c>
      <c r="AW23" s="113">
        <v>77946</v>
      </c>
      <c r="AX23" s="110">
        <v>0</v>
      </c>
      <c r="AY23" s="114">
        <v>565779</v>
      </c>
      <c r="AZ23" s="114">
        <v>562667</v>
      </c>
      <c r="BA23" s="114">
        <v>418956</v>
      </c>
      <c r="BB23" s="114">
        <v>489718</v>
      </c>
      <c r="BC23" s="114">
        <v>131384</v>
      </c>
      <c r="BD23" s="113">
        <v>2168504</v>
      </c>
      <c r="BE23" s="116">
        <v>2246450</v>
      </c>
      <c r="BF23" s="110">
        <v>0</v>
      </c>
      <c r="BG23" s="114">
        <v>55476</v>
      </c>
      <c r="BH23" s="112">
        <v>55476</v>
      </c>
      <c r="BI23" s="111">
        <v>0</v>
      </c>
      <c r="BJ23" s="114">
        <v>98610</v>
      </c>
      <c r="BK23" s="114">
        <v>201798</v>
      </c>
      <c r="BL23" s="114">
        <v>72372</v>
      </c>
      <c r="BM23" s="114">
        <v>0</v>
      </c>
      <c r="BN23" s="114">
        <v>0</v>
      </c>
      <c r="BO23" s="113">
        <v>372780</v>
      </c>
      <c r="BP23" s="116">
        <v>428256</v>
      </c>
      <c r="BQ23" s="110">
        <v>17128</v>
      </c>
      <c r="BR23" s="114">
        <v>44632</v>
      </c>
      <c r="BS23" s="113">
        <v>61760</v>
      </c>
      <c r="BT23" s="110">
        <v>0</v>
      </c>
      <c r="BU23" s="114">
        <v>347976</v>
      </c>
      <c r="BV23" s="114">
        <v>417248</v>
      </c>
      <c r="BW23" s="114">
        <v>392792</v>
      </c>
      <c r="BX23" s="114">
        <v>347672</v>
      </c>
      <c r="BY23" s="114">
        <v>228952</v>
      </c>
      <c r="BZ23" s="113">
        <v>1734640</v>
      </c>
      <c r="CA23" s="116">
        <v>1796400</v>
      </c>
      <c r="CB23" s="110">
        <v>41456</v>
      </c>
      <c r="CC23" s="114">
        <v>308187</v>
      </c>
      <c r="CD23" s="113">
        <v>349643</v>
      </c>
      <c r="CE23" s="110">
        <v>0</v>
      </c>
      <c r="CF23" s="114">
        <v>2145121</v>
      </c>
      <c r="CG23" s="114">
        <v>2613457</v>
      </c>
      <c r="CH23" s="114">
        <v>3061954</v>
      </c>
      <c r="CI23" s="114">
        <v>1067319</v>
      </c>
      <c r="CJ23" s="114">
        <v>686907</v>
      </c>
      <c r="CK23" s="113">
        <v>9574758</v>
      </c>
      <c r="CL23" s="116">
        <v>9924401</v>
      </c>
      <c r="CM23" s="110">
        <v>0</v>
      </c>
      <c r="CN23" s="114">
        <v>0</v>
      </c>
      <c r="CO23" s="113">
        <v>0</v>
      </c>
      <c r="CP23" s="111">
        <v>0</v>
      </c>
      <c r="CQ23" s="114">
        <v>1627218</v>
      </c>
      <c r="CR23" s="114">
        <v>2005336</v>
      </c>
      <c r="CS23" s="114">
        <v>2380102</v>
      </c>
      <c r="CT23" s="114">
        <v>959719</v>
      </c>
      <c r="CU23" s="114">
        <v>516143</v>
      </c>
      <c r="CV23" s="113">
        <v>7488518</v>
      </c>
      <c r="CW23" s="116">
        <v>7488518</v>
      </c>
      <c r="CX23" s="110">
        <v>41456</v>
      </c>
      <c r="CY23" s="114">
        <v>308187</v>
      </c>
      <c r="CZ23" s="113">
        <v>349643</v>
      </c>
      <c r="DA23" s="110">
        <v>0</v>
      </c>
      <c r="DB23" s="114">
        <v>517903</v>
      </c>
      <c r="DC23" s="114">
        <v>608121</v>
      </c>
      <c r="DD23" s="114">
        <v>681852</v>
      </c>
      <c r="DE23" s="114">
        <v>107600</v>
      </c>
      <c r="DF23" s="114">
        <v>170764</v>
      </c>
      <c r="DG23" s="113">
        <v>2086240</v>
      </c>
      <c r="DH23" s="116">
        <v>2435883</v>
      </c>
      <c r="DI23" s="110">
        <v>0</v>
      </c>
      <c r="DJ23" s="114">
        <v>0</v>
      </c>
      <c r="DK23" s="112">
        <v>0</v>
      </c>
      <c r="DL23" s="111">
        <v>0</v>
      </c>
      <c r="DM23" s="114">
        <v>133907</v>
      </c>
      <c r="DN23" s="114">
        <v>481014</v>
      </c>
      <c r="DO23" s="114">
        <v>2126367</v>
      </c>
      <c r="DP23" s="114">
        <v>914643</v>
      </c>
      <c r="DQ23" s="114">
        <v>679508</v>
      </c>
      <c r="DR23" s="113">
        <v>4335439</v>
      </c>
      <c r="DS23" s="116">
        <v>4335439</v>
      </c>
      <c r="DT23" s="110">
        <v>0</v>
      </c>
      <c r="DU23" s="114">
        <v>0</v>
      </c>
      <c r="DV23" s="113">
        <v>0</v>
      </c>
      <c r="DW23" s="110">
        <v>0</v>
      </c>
      <c r="DX23" s="114">
        <v>133907</v>
      </c>
      <c r="DY23" s="114">
        <v>481014</v>
      </c>
      <c r="DZ23" s="114">
        <v>1955481</v>
      </c>
      <c r="EA23" s="114">
        <v>914643</v>
      </c>
      <c r="EB23" s="114">
        <v>679508</v>
      </c>
      <c r="EC23" s="113">
        <v>4164553</v>
      </c>
      <c r="ED23" s="116">
        <v>4164553</v>
      </c>
      <c r="EE23" s="110">
        <v>0</v>
      </c>
      <c r="EF23" s="112">
        <v>0</v>
      </c>
      <c r="EG23" s="113">
        <v>0</v>
      </c>
      <c r="EH23" s="110">
        <v>0</v>
      </c>
      <c r="EI23" s="114">
        <v>0</v>
      </c>
      <c r="EJ23" s="114">
        <v>0</v>
      </c>
      <c r="EK23" s="114">
        <v>170886</v>
      </c>
      <c r="EL23" s="114">
        <v>0</v>
      </c>
      <c r="EM23" s="114">
        <v>0</v>
      </c>
      <c r="EN23" s="112">
        <v>170886</v>
      </c>
      <c r="EO23" s="116">
        <v>170886</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57912</v>
      </c>
      <c r="FM23" s="114">
        <v>151280</v>
      </c>
      <c r="FN23" s="113">
        <v>209192</v>
      </c>
      <c r="FO23" s="110">
        <v>0</v>
      </c>
      <c r="FP23" s="114">
        <v>495480</v>
      </c>
      <c r="FQ23" s="114">
        <v>646695</v>
      </c>
      <c r="FR23" s="114">
        <v>766156</v>
      </c>
      <c r="FS23" s="114">
        <v>384456</v>
      </c>
      <c r="FT23" s="114">
        <v>285264</v>
      </c>
      <c r="FU23" s="113">
        <v>2578051</v>
      </c>
      <c r="FV23" s="116">
        <v>2787243</v>
      </c>
      <c r="FW23" s="115">
        <v>57912</v>
      </c>
      <c r="FX23" s="114">
        <v>151280</v>
      </c>
      <c r="FY23" s="112">
        <v>209192</v>
      </c>
      <c r="FZ23" s="111">
        <v>0</v>
      </c>
      <c r="GA23" s="114">
        <v>265080</v>
      </c>
      <c r="GB23" s="114">
        <v>632756</v>
      </c>
      <c r="GC23" s="114">
        <v>681896</v>
      </c>
      <c r="GD23" s="114">
        <v>384456</v>
      </c>
      <c r="GE23" s="114">
        <v>262736</v>
      </c>
      <c r="GF23" s="113">
        <v>2226924</v>
      </c>
      <c r="GG23" s="318">
        <v>2436116</v>
      </c>
      <c r="GH23" s="115">
        <v>0</v>
      </c>
      <c r="GI23" s="114">
        <v>0</v>
      </c>
      <c r="GJ23" s="112">
        <v>0</v>
      </c>
      <c r="GK23" s="111">
        <v>0</v>
      </c>
      <c r="GL23" s="114">
        <v>0</v>
      </c>
      <c r="GM23" s="114">
        <v>13939</v>
      </c>
      <c r="GN23" s="114">
        <v>47300</v>
      </c>
      <c r="GO23" s="114">
        <v>0</v>
      </c>
      <c r="GP23" s="114">
        <v>22528</v>
      </c>
      <c r="GQ23" s="113">
        <v>83767</v>
      </c>
      <c r="GR23" s="116">
        <v>83767</v>
      </c>
      <c r="GS23" s="110">
        <v>0</v>
      </c>
      <c r="GT23" s="114">
        <v>0</v>
      </c>
      <c r="GU23" s="113">
        <v>0</v>
      </c>
      <c r="GV23" s="110">
        <v>0</v>
      </c>
      <c r="GW23" s="114">
        <v>230400</v>
      </c>
      <c r="GX23" s="114">
        <v>0</v>
      </c>
      <c r="GY23" s="114">
        <v>36960</v>
      </c>
      <c r="GZ23" s="114">
        <v>0</v>
      </c>
      <c r="HA23" s="114">
        <v>0</v>
      </c>
      <c r="HB23" s="112">
        <v>267360</v>
      </c>
      <c r="HC23" s="116">
        <v>267360</v>
      </c>
      <c r="HD23" s="110">
        <v>100746</v>
      </c>
      <c r="HE23" s="114">
        <v>88847</v>
      </c>
      <c r="HF23" s="112">
        <v>189593</v>
      </c>
      <c r="HG23" s="111">
        <v>0</v>
      </c>
      <c r="HH23" s="114">
        <v>2391485</v>
      </c>
      <c r="HI23" s="114">
        <v>2210075</v>
      </c>
      <c r="HJ23" s="114">
        <v>1447524</v>
      </c>
      <c r="HK23" s="114">
        <v>1567083</v>
      </c>
      <c r="HL23" s="114">
        <v>1046716</v>
      </c>
      <c r="HM23" s="113">
        <v>8662883</v>
      </c>
      <c r="HN23" s="109">
        <v>8852476</v>
      </c>
      <c r="HO23" s="328"/>
      <c r="HP23" s="329"/>
      <c r="HQ23" s="330"/>
      <c r="HR23" s="331"/>
      <c r="HS23" s="329"/>
      <c r="HT23" s="329"/>
      <c r="HU23" s="329"/>
      <c r="HV23" s="329"/>
      <c r="HW23" s="329"/>
      <c r="HX23" s="332"/>
      <c r="HY23" s="333"/>
      <c r="HZ23" s="131">
        <v>91775</v>
      </c>
      <c r="IA23" s="132">
        <v>0</v>
      </c>
      <c r="IB23" s="133">
        <v>91775</v>
      </c>
      <c r="IC23" s="146">
        <v>0</v>
      </c>
      <c r="ID23" s="132">
        <v>1549710</v>
      </c>
      <c r="IE23" s="147">
        <v>2392361</v>
      </c>
      <c r="IF23" s="133">
        <v>2921412</v>
      </c>
      <c r="IG23" s="132">
        <v>949772</v>
      </c>
      <c r="IH23" s="133">
        <v>851774</v>
      </c>
      <c r="II23" s="148">
        <v>8665029</v>
      </c>
      <c r="IJ23" s="139">
        <v>8756804</v>
      </c>
      <c r="IK23" s="232">
        <v>0</v>
      </c>
      <c r="IL23" s="236">
        <v>0</v>
      </c>
      <c r="IM23" s="237">
        <v>0</v>
      </c>
      <c r="IN23" s="140"/>
      <c r="IO23" s="119">
        <v>0</v>
      </c>
      <c r="IP23" s="119">
        <v>0</v>
      </c>
      <c r="IQ23" s="119">
        <v>0</v>
      </c>
      <c r="IR23" s="119">
        <v>0</v>
      </c>
      <c r="IS23" s="119">
        <v>0</v>
      </c>
      <c r="IT23" s="141">
        <v>0</v>
      </c>
      <c r="IU23" s="320">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590061</v>
      </c>
      <c r="JL23" s="119">
        <v>544871</v>
      </c>
      <c r="JM23" s="119">
        <v>579372</v>
      </c>
      <c r="JN23" s="119">
        <v>86691</v>
      </c>
      <c r="JO23" s="119">
        <v>0</v>
      </c>
      <c r="JP23" s="120">
        <v>1800995</v>
      </c>
      <c r="JQ23" s="320">
        <v>1800995</v>
      </c>
      <c r="JR23" s="142">
        <v>0</v>
      </c>
      <c r="JS23" s="119">
        <v>0</v>
      </c>
      <c r="JT23" s="141">
        <v>0</v>
      </c>
      <c r="JU23" s="118">
        <v>0</v>
      </c>
      <c r="JV23" s="119">
        <v>162015</v>
      </c>
      <c r="JW23" s="119">
        <v>20500</v>
      </c>
      <c r="JX23" s="119">
        <v>292833</v>
      </c>
      <c r="JY23" s="119">
        <v>48588</v>
      </c>
      <c r="JZ23" s="119">
        <v>13072</v>
      </c>
      <c r="KA23" s="120">
        <v>537008</v>
      </c>
      <c r="KB23" s="320">
        <v>537008</v>
      </c>
      <c r="KC23" s="234">
        <v>91775</v>
      </c>
      <c r="KD23" s="230">
        <v>0</v>
      </c>
      <c r="KE23" s="120">
        <v>91775</v>
      </c>
      <c r="KF23" s="118">
        <v>0</v>
      </c>
      <c r="KG23" s="119">
        <v>373620</v>
      </c>
      <c r="KH23" s="119">
        <v>709437</v>
      </c>
      <c r="KI23" s="119">
        <v>695133</v>
      </c>
      <c r="KJ23" s="119">
        <v>253840</v>
      </c>
      <c r="KK23" s="119">
        <v>0</v>
      </c>
      <c r="KL23" s="120">
        <v>2032030</v>
      </c>
      <c r="KM23" s="143">
        <v>2123805</v>
      </c>
      <c r="KN23" s="232">
        <v>0</v>
      </c>
      <c r="KO23" s="236">
        <v>0</v>
      </c>
      <c r="KP23" s="237">
        <v>0</v>
      </c>
      <c r="KQ23" s="140"/>
      <c r="KR23" s="119">
        <v>216239</v>
      </c>
      <c r="KS23" s="119">
        <v>1117553</v>
      </c>
      <c r="KT23" s="119">
        <v>808176</v>
      </c>
      <c r="KU23" s="119">
        <v>560653</v>
      </c>
      <c r="KV23" s="119">
        <v>485514</v>
      </c>
      <c r="KW23" s="120">
        <v>3188135</v>
      </c>
      <c r="KX23" s="320">
        <v>3188135</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0</v>
      </c>
      <c r="LR23" s="119">
        <v>0</v>
      </c>
      <c r="LS23" s="120">
        <v>0</v>
      </c>
      <c r="LT23" s="320">
        <v>0</v>
      </c>
      <c r="LU23" s="142">
        <v>0</v>
      </c>
      <c r="LV23" s="119">
        <v>0</v>
      </c>
      <c r="LW23" s="120">
        <v>0</v>
      </c>
      <c r="LX23" s="145"/>
      <c r="LY23" s="119">
        <v>207775</v>
      </c>
      <c r="LZ23" s="119">
        <v>0</v>
      </c>
      <c r="MA23" s="119">
        <v>545898</v>
      </c>
      <c r="MB23" s="119">
        <v>0</v>
      </c>
      <c r="MC23" s="119">
        <v>353188</v>
      </c>
      <c r="MD23" s="120">
        <v>1106861</v>
      </c>
      <c r="ME23" s="121">
        <v>1106861</v>
      </c>
      <c r="MF23" s="142">
        <v>0</v>
      </c>
      <c r="MG23" s="119">
        <v>0</v>
      </c>
      <c r="MH23" s="120">
        <v>0</v>
      </c>
      <c r="MI23" s="145"/>
      <c r="MJ23" s="119">
        <v>760223</v>
      </c>
      <c r="MK23" s="119">
        <v>710799</v>
      </c>
      <c r="ML23" s="119">
        <v>3296629</v>
      </c>
      <c r="MM23" s="119">
        <v>5477230</v>
      </c>
      <c r="MN23" s="119">
        <v>2753947</v>
      </c>
      <c r="MO23" s="120">
        <v>12998828</v>
      </c>
      <c r="MP23" s="143">
        <v>12998828</v>
      </c>
      <c r="MQ23" s="142">
        <v>0</v>
      </c>
      <c r="MR23" s="119">
        <v>0</v>
      </c>
      <c r="MS23" s="120">
        <v>0</v>
      </c>
      <c r="MT23" s="145"/>
      <c r="MU23" s="119">
        <v>0</v>
      </c>
      <c r="MV23" s="119">
        <v>179496</v>
      </c>
      <c r="MW23" s="119">
        <v>1578149</v>
      </c>
      <c r="MX23" s="119">
        <v>4604800</v>
      </c>
      <c r="MY23" s="119">
        <v>1612981</v>
      </c>
      <c r="MZ23" s="120">
        <v>7975426</v>
      </c>
      <c r="NA23" s="143">
        <v>7975426</v>
      </c>
      <c r="NB23" s="142">
        <v>0</v>
      </c>
      <c r="NC23" s="119">
        <v>0</v>
      </c>
      <c r="ND23" s="120">
        <v>0</v>
      </c>
      <c r="NE23" s="145"/>
      <c r="NF23" s="119">
        <v>760223</v>
      </c>
      <c r="NG23" s="119">
        <v>531303</v>
      </c>
      <c r="NH23" s="119">
        <v>1718480</v>
      </c>
      <c r="NI23" s="119">
        <v>872430</v>
      </c>
      <c r="NJ23" s="119">
        <v>1140966</v>
      </c>
      <c r="NK23" s="120">
        <v>5023402</v>
      </c>
      <c r="NL23" s="320">
        <v>5023402</v>
      </c>
      <c r="NM23" s="142">
        <v>0</v>
      </c>
      <c r="NN23" s="119">
        <v>0</v>
      </c>
      <c r="NO23" s="120">
        <v>0</v>
      </c>
      <c r="NP23" s="145"/>
      <c r="NQ23" s="119">
        <v>0</v>
      </c>
      <c r="NR23" s="119">
        <v>0</v>
      </c>
      <c r="NS23" s="119">
        <v>0</v>
      </c>
      <c r="NT23" s="119">
        <v>0</v>
      </c>
      <c r="NU23" s="119">
        <v>0</v>
      </c>
      <c r="NV23" s="120">
        <v>0</v>
      </c>
      <c r="NW23" s="121">
        <v>0</v>
      </c>
      <c r="NX23" s="142">
        <v>0</v>
      </c>
      <c r="NY23" s="119">
        <v>0</v>
      </c>
      <c r="NZ23" s="120">
        <v>0</v>
      </c>
      <c r="OA23" s="145"/>
      <c r="OB23" s="119">
        <v>0</v>
      </c>
      <c r="OC23" s="119">
        <v>0</v>
      </c>
      <c r="OD23" s="119">
        <v>0</v>
      </c>
      <c r="OE23" s="119">
        <v>0</v>
      </c>
      <c r="OF23" s="119">
        <v>0</v>
      </c>
      <c r="OG23" s="120">
        <v>0</v>
      </c>
      <c r="OH23" s="121">
        <v>0</v>
      </c>
      <c r="OI23" s="142">
        <v>327710</v>
      </c>
      <c r="OJ23" s="119">
        <v>707675</v>
      </c>
      <c r="OK23" s="141">
        <v>1035385</v>
      </c>
      <c r="OL23" s="118">
        <v>0</v>
      </c>
      <c r="OM23" s="119">
        <v>9054459</v>
      </c>
      <c r="ON23" s="119">
        <v>11076405</v>
      </c>
      <c r="OO23" s="119">
        <v>15773733</v>
      </c>
      <c r="OP23" s="119">
        <v>12323026</v>
      </c>
      <c r="OQ23" s="119">
        <v>7190351</v>
      </c>
      <c r="OR23" s="120">
        <v>55417974</v>
      </c>
      <c r="OS23" s="143">
        <v>56453359</v>
      </c>
    </row>
    <row r="24" spans="2:409" ht="21" customHeight="1" x14ac:dyDescent="0.2">
      <c r="B24" s="126" t="s">
        <v>19</v>
      </c>
      <c r="C24" s="110">
        <v>234787</v>
      </c>
      <c r="D24" s="114">
        <v>469373</v>
      </c>
      <c r="E24" s="113">
        <v>704160</v>
      </c>
      <c r="F24" s="109">
        <v>0</v>
      </c>
      <c r="G24" s="114">
        <v>3210090</v>
      </c>
      <c r="H24" s="114">
        <v>3690704</v>
      </c>
      <c r="I24" s="114">
        <v>3475313</v>
      </c>
      <c r="J24" s="114">
        <v>2250199</v>
      </c>
      <c r="K24" s="114">
        <v>880542</v>
      </c>
      <c r="L24" s="109">
        <v>13506848</v>
      </c>
      <c r="M24" s="116">
        <v>14211008</v>
      </c>
      <c r="N24" s="110">
        <v>75263</v>
      </c>
      <c r="O24" s="114">
        <v>41220</v>
      </c>
      <c r="P24" s="113">
        <v>116483</v>
      </c>
      <c r="Q24" s="110">
        <v>0</v>
      </c>
      <c r="R24" s="114">
        <v>679513</v>
      </c>
      <c r="S24" s="114">
        <v>1069393</v>
      </c>
      <c r="T24" s="114">
        <v>1303214</v>
      </c>
      <c r="U24" s="114">
        <v>1013394</v>
      </c>
      <c r="V24" s="114">
        <v>666510</v>
      </c>
      <c r="W24" s="113">
        <v>4732024</v>
      </c>
      <c r="X24" s="116">
        <v>4848507</v>
      </c>
      <c r="Y24" s="110">
        <v>0</v>
      </c>
      <c r="Z24" s="114">
        <v>0</v>
      </c>
      <c r="AA24" s="113">
        <v>0</v>
      </c>
      <c r="AB24" s="110">
        <v>0</v>
      </c>
      <c r="AC24" s="114">
        <v>181984</v>
      </c>
      <c r="AD24" s="114">
        <v>356526</v>
      </c>
      <c r="AE24" s="114">
        <v>486476</v>
      </c>
      <c r="AF24" s="114">
        <v>517246</v>
      </c>
      <c r="AG24" s="114">
        <v>290320</v>
      </c>
      <c r="AH24" s="113">
        <v>1832552</v>
      </c>
      <c r="AI24" s="116">
        <v>1832552</v>
      </c>
      <c r="AJ24" s="110">
        <v>0</v>
      </c>
      <c r="AK24" s="114">
        <v>0</v>
      </c>
      <c r="AL24" s="113">
        <v>0</v>
      </c>
      <c r="AM24" s="110">
        <v>0</v>
      </c>
      <c r="AN24" s="114">
        <v>0</v>
      </c>
      <c r="AO24" s="114">
        <v>0</v>
      </c>
      <c r="AP24" s="114">
        <v>189006</v>
      </c>
      <c r="AQ24" s="114">
        <v>11680</v>
      </c>
      <c r="AR24" s="114">
        <v>94424</v>
      </c>
      <c r="AS24" s="113">
        <v>295110</v>
      </c>
      <c r="AT24" s="116">
        <v>295110</v>
      </c>
      <c r="AU24" s="110">
        <v>20799</v>
      </c>
      <c r="AV24" s="114">
        <v>27476</v>
      </c>
      <c r="AW24" s="113">
        <v>48275</v>
      </c>
      <c r="AX24" s="110">
        <v>0</v>
      </c>
      <c r="AY24" s="114">
        <v>298322</v>
      </c>
      <c r="AZ24" s="114">
        <v>356851</v>
      </c>
      <c r="BA24" s="114">
        <v>357213</v>
      </c>
      <c r="BB24" s="114">
        <v>292221</v>
      </c>
      <c r="BC24" s="114">
        <v>201142</v>
      </c>
      <c r="BD24" s="113">
        <v>1505749</v>
      </c>
      <c r="BE24" s="116">
        <v>1554024</v>
      </c>
      <c r="BF24" s="110">
        <v>0</v>
      </c>
      <c r="BG24" s="114">
        <v>0</v>
      </c>
      <c r="BH24" s="112">
        <v>0</v>
      </c>
      <c r="BI24" s="111">
        <v>0</v>
      </c>
      <c r="BJ24" s="114">
        <v>1519</v>
      </c>
      <c r="BK24" s="114">
        <v>61208</v>
      </c>
      <c r="BL24" s="114">
        <v>43415</v>
      </c>
      <c r="BM24" s="114">
        <v>26303</v>
      </c>
      <c r="BN24" s="114">
        <v>0</v>
      </c>
      <c r="BO24" s="113">
        <v>132445</v>
      </c>
      <c r="BP24" s="116">
        <v>132445</v>
      </c>
      <c r="BQ24" s="110">
        <v>54464</v>
      </c>
      <c r="BR24" s="114">
        <v>13744</v>
      </c>
      <c r="BS24" s="113">
        <v>68208</v>
      </c>
      <c r="BT24" s="110">
        <v>0</v>
      </c>
      <c r="BU24" s="114">
        <v>197688</v>
      </c>
      <c r="BV24" s="114">
        <v>294808</v>
      </c>
      <c r="BW24" s="114">
        <v>227104</v>
      </c>
      <c r="BX24" s="114">
        <v>165944</v>
      </c>
      <c r="BY24" s="114">
        <v>80624</v>
      </c>
      <c r="BZ24" s="113">
        <v>966168</v>
      </c>
      <c r="CA24" s="116">
        <v>1034376</v>
      </c>
      <c r="CB24" s="110">
        <v>42089</v>
      </c>
      <c r="CC24" s="114">
        <v>118780</v>
      </c>
      <c r="CD24" s="113">
        <v>160869</v>
      </c>
      <c r="CE24" s="110">
        <v>0</v>
      </c>
      <c r="CF24" s="114">
        <v>1244659</v>
      </c>
      <c r="CG24" s="114">
        <v>1194740</v>
      </c>
      <c r="CH24" s="114">
        <v>654774</v>
      </c>
      <c r="CI24" s="114">
        <v>433707</v>
      </c>
      <c r="CJ24" s="114">
        <v>74704</v>
      </c>
      <c r="CK24" s="113">
        <v>3602584</v>
      </c>
      <c r="CL24" s="116">
        <v>3763453</v>
      </c>
      <c r="CM24" s="110">
        <v>0</v>
      </c>
      <c r="CN24" s="114">
        <v>0</v>
      </c>
      <c r="CO24" s="113">
        <v>0</v>
      </c>
      <c r="CP24" s="111">
        <v>0</v>
      </c>
      <c r="CQ24" s="114">
        <v>837603</v>
      </c>
      <c r="CR24" s="114">
        <v>812422</v>
      </c>
      <c r="CS24" s="114">
        <v>502807</v>
      </c>
      <c r="CT24" s="114">
        <v>151144</v>
      </c>
      <c r="CU24" s="114">
        <v>74704</v>
      </c>
      <c r="CV24" s="113">
        <v>2378680</v>
      </c>
      <c r="CW24" s="116">
        <v>2378680</v>
      </c>
      <c r="CX24" s="110">
        <v>42089</v>
      </c>
      <c r="CY24" s="114">
        <v>118780</v>
      </c>
      <c r="CZ24" s="113">
        <v>160869</v>
      </c>
      <c r="DA24" s="110">
        <v>0</v>
      </c>
      <c r="DB24" s="114">
        <v>407056</v>
      </c>
      <c r="DC24" s="114">
        <v>382318</v>
      </c>
      <c r="DD24" s="114">
        <v>151967</v>
      </c>
      <c r="DE24" s="114">
        <v>282563</v>
      </c>
      <c r="DF24" s="114">
        <v>0</v>
      </c>
      <c r="DG24" s="113">
        <v>1223904</v>
      </c>
      <c r="DH24" s="116">
        <v>1384773</v>
      </c>
      <c r="DI24" s="110">
        <v>0</v>
      </c>
      <c r="DJ24" s="114">
        <v>0</v>
      </c>
      <c r="DK24" s="112">
        <v>0</v>
      </c>
      <c r="DL24" s="111">
        <v>0</v>
      </c>
      <c r="DM24" s="114">
        <v>31868</v>
      </c>
      <c r="DN24" s="114">
        <v>0</v>
      </c>
      <c r="DO24" s="114">
        <v>177611</v>
      </c>
      <c r="DP24" s="114">
        <v>0</v>
      </c>
      <c r="DQ24" s="114">
        <v>0</v>
      </c>
      <c r="DR24" s="113">
        <v>209479</v>
      </c>
      <c r="DS24" s="116">
        <v>209479</v>
      </c>
      <c r="DT24" s="110">
        <v>0</v>
      </c>
      <c r="DU24" s="114">
        <v>0</v>
      </c>
      <c r="DV24" s="113">
        <v>0</v>
      </c>
      <c r="DW24" s="110">
        <v>0</v>
      </c>
      <c r="DX24" s="114">
        <v>0</v>
      </c>
      <c r="DY24" s="114">
        <v>0</v>
      </c>
      <c r="DZ24" s="114">
        <v>121599</v>
      </c>
      <c r="EA24" s="114">
        <v>0</v>
      </c>
      <c r="EB24" s="114">
        <v>0</v>
      </c>
      <c r="EC24" s="113">
        <v>121599</v>
      </c>
      <c r="ED24" s="116">
        <v>121599</v>
      </c>
      <c r="EE24" s="110">
        <v>0</v>
      </c>
      <c r="EF24" s="112">
        <v>0</v>
      </c>
      <c r="EG24" s="113">
        <v>0</v>
      </c>
      <c r="EH24" s="110">
        <v>0</v>
      </c>
      <c r="EI24" s="114">
        <v>31868</v>
      </c>
      <c r="EJ24" s="114">
        <v>0</v>
      </c>
      <c r="EK24" s="114">
        <v>56012</v>
      </c>
      <c r="EL24" s="114">
        <v>0</v>
      </c>
      <c r="EM24" s="114">
        <v>0</v>
      </c>
      <c r="EN24" s="112">
        <v>87880</v>
      </c>
      <c r="EO24" s="116">
        <v>87880</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59554</v>
      </c>
      <c r="FM24" s="114">
        <v>140202</v>
      </c>
      <c r="FN24" s="113">
        <v>199756</v>
      </c>
      <c r="FO24" s="110">
        <v>0</v>
      </c>
      <c r="FP24" s="114">
        <v>252320</v>
      </c>
      <c r="FQ24" s="114">
        <v>329696</v>
      </c>
      <c r="FR24" s="114">
        <v>225888</v>
      </c>
      <c r="FS24" s="114">
        <v>249960</v>
      </c>
      <c r="FT24" s="114">
        <v>139328</v>
      </c>
      <c r="FU24" s="113">
        <v>1197192</v>
      </c>
      <c r="FV24" s="116">
        <v>1396948</v>
      </c>
      <c r="FW24" s="115">
        <v>20240</v>
      </c>
      <c r="FX24" s="114">
        <v>40760</v>
      </c>
      <c r="FY24" s="112">
        <v>61000</v>
      </c>
      <c r="FZ24" s="111">
        <v>0</v>
      </c>
      <c r="GA24" s="114">
        <v>225920</v>
      </c>
      <c r="GB24" s="114">
        <v>329696</v>
      </c>
      <c r="GC24" s="114">
        <v>225888</v>
      </c>
      <c r="GD24" s="114">
        <v>249960</v>
      </c>
      <c r="GE24" s="114">
        <v>139328</v>
      </c>
      <c r="GF24" s="113">
        <v>1170792</v>
      </c>
      <c r="GG24" s="318">
        <v>1231792</v>
      </c>
      <c r="GH24" s="115">
        <v>0</v>
      </c>
      <c r="GI24" s="114">
        <v>13200</v>
      </c>
      <c r="GJ24" s="112">
        <v>13200</v>
      </c>
      <c r="GK24" s="111">
        <v>0</v>
      </c>
      <c r="GL24" s="114">
        <v>26400</v>
      </c>
      <c r="GM24" s="114">
        <v>0</v>
      </c>
      <c r="GN24" s="114">
        <v>0</v>
      </c>
      <c r="GO24" s="114">
        <v>0</v>
      </c>
      <c r="GP24" s="114">
        <v>0</v>
      </c>
      <c r="GQ24" s="113">
        <v>26400</v>
      </c>
      <c r="GR24" s="116">
        <v>39600</v>
      </c>
      <c r="GS24" s="110">
        <v>39314</v>
      </c>
      <c r="GT24" s="114">
        <v>86242</v>
      </c>
      <c r="GU24" s="113">
        <v>125556</v>
      </c>
      <c r="GV24" s="110">
        <v>0</v>
      </c>
      <c r="GW24" s="114">
        <v>0</v>
      </c>
      <c r="GX24" s="114">
        <v>0</v>
      </c>
      <c r="GY24" s="114">
        <v>0</v>
      </c>
      <c r="GZ24" s="114">
        <v>0</v>
      </c>
      <c r="HA24" s="114">
        <v>0</v>
      </c>
      <c r="HB24" s="112">
        <v>0</v>
      </c>
      <c r="HC24" s="116">
        <v>125556</v>
      </c>
      <c r="HD24" s="110">
        <v>57881</v>
      </c>
      <c r="HE24" s="114">
        <v>169171</v>
      </c>
      <c r="HF24" s="112">
        <v>227052</v>
      </c>
      <c r="HG24" s="111">
        <v>0</v>
      </c>
      <c r="HH24" s="114">
        <v>1001730</v>
      </c>
      <c r="HI24" s="114">
        <v>1096875</v>
      </c>
      <c r="HJ24" s="114">
        <v>1113826</v>
      </c>
      <c r="HK24" s="114">
        <v>553138</v>
      </c>
      <c r="HL24" s="114">
        <v>0</v>
      </c>
      <c r="HM24" s="113">
        <v>3765569</v>
      </c>
      <c r="HN24" s="109">
        <v>3992621</v>
      </c>
      <c r="HO24" s="328"/>
      <c r="HP24" s="329"/>
      <c r="HQ24" s="330"/>
      <c r="HR24" s="331"/>
      <c r="HS24" s="329"/>
      <c r="HT24" s="329"/>
      <c r="HU24" s="329"/>
      <c r="HV24" s="329"/>
      <c r="HW24" s="329"/>
      <c r="HX24" s="332"/>
      <c r="HY24" s="333"/>
      <c r="HZ24" s="150">
        <v>0</v>
      </c>
      <c r="IA24" s="135">
        <v>0</v>
      </c>
      <c r="IB24" s="150">
        <v>0</v>
      </c>
      <c r="IC24" s="134">
        <v>0</v>
      </c>
      <c r="ID24" s="135">
        <v>754342</v>
      </c>
      <c r="IE24" s="136">
        <v>1685932</v>
      </c>
      <c r="IF24" s="137">
        <v>421323</v>
      </c>
      <c r="IG24" s="135">
        <v>606643</v>
      </c>
      <c r="IH24" s="137">
        <v>643541</v>
      </c>
      <c r="II24" s="138">
        <v>4111781</v>
      </c>
      <c r="IJ24" s="150">
        <v>4111781</v>
      </c>
      <c r="IK24" s="232">
        <v>0</v>
      </c>
      <c r="IL24" s="236">
        <v>0</v>
      </c>
      <c r="IM24" s="237">
        <v>0</v>
      </c>
      <c r="IN24" s="140"/>
      <c r="IO24" s="119">
        <v>53559</v>
      </c>
      <c r="IP24" s="119">
        <v>128202</v>
      </c>
      <c r="IQ24" s="119">
        <v>0</v>
      </c>
      <c r="IR24" s="119">
        <v>0</v>
      </c>
      <c r="IS24" s="119">
        <v>241973</v>
      </c>
      <c r="IT24" s="141">
        <v>423734</v>
      </c>
      <c r="IU24" s="320">
        <v>423734</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43704</v>
      </c>
      <c r="JL24" s="119">
        <v>313158</v>
      </c>
      <c r="JM24" s="119">
        <v>0</v>
      </c>
      <c r="JN24" s="119">
        <v>79670</v>
      </c>
      <c r="JO24" s="119">
        <v>42903</v>
      </c>
      <c r="JP24" s="120">
        <v>479435</v>
      </c>
      <c r="JQ24" s="320">
        <v>479435</v>
      </c>
      <c r="JR24" s="142">
        <v>0</v>
      </c>
      <c r="JS24" s="119">
        <v>0</v>
      </c>
      <c r="JT24" s="141">
        <v>0</v>
      </c>
      <c r="JU24" s="118">
        <v>0</v>
      </c>
      <c r="JV24" s="119">
        <v>58455</v>
      </c>
      <c r="JW24" s="119">
        <v>293676</v>
      </c>
      <c r="JX24" s="119">
        <v>0</v>
      </c>
      <c r="JY24" s="119">
        <v>0</v>
      </c>
      <c r="JZ24" s="119">
        <v>0</v>
      </c>
      <c r="KA24" s="120">
        <v>352131</v>
      </c>
      <c r="KB24" s="320">
        <v>352131</v>
      </c>
      <c r="KC24" s="234">
        <v>0</v>
      </c>
      <c r="KD24" s="230">
        <v>0</v>
      </c>
      <c r="KE24" s="120">
        <v>0</v>
      </c>
      <c r="KF24" s="118">
        <v>0</v>
      </c>
      <c r="KG24" s="119">
        <v>376533</v>
      </c>
      <c r="KH24" s="119">
        <v>502702</v>
      </c>
      <c r="KI24" s="119">
        <v>421323</v>
      </c>
      <c r="KJ24" s="119">
        <v>0</v>
      </c>
      <c r="KK24" s="119">
        <v>0</v>
      </c>
      <c r="KL24" s="120">
        <v>1300558</v>
      </c>
      <c r="KM24" s="143">
        <v>1300558</v>
      </c>
      <c r="KN24" s="232">
        <v>0</v>
      </c>
      <c r="KO24" s="236">
        <v>0</v>
      </c>
      <c r="KP24" s="237">
        <v>0</v>
      </c>
      <c r="KQ24" s="140"/>
      <c r="KR24" s="119">
        <v>222091</v>
      </c>
      <c r="KS24" s="119">
        <v>448194</v>
      </c>
      <c r="KT24" s="119">
        <v>0</v>
      </c>
      <c r="KU24" s="119">
        <v>225218</v>
      </c>
      <c r="KV24" s="119">
        <v>0</v>
      </c>
      <c r="KW24" s="120">
        <v>895503</v>
      </c>
      <c r="KX24" s="320">
        <v>895503</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0</v>
      </c>
      <c r="LZ24" s="119">
        <v>0</v>
      </c>
      <c r="MA24" s="119">
        <v>0</v>
      </c>
      <c r="MB24" s="119">
        <v>301755</v>
      </c>
      <c r="MC24" s="119">
        <v>358665</v>
      </c>
      <c r="MD24" s="120">
        <v>660420</v>
      </c>
      <c r="ME24" s="121">
        <v>660420</v>
      </c>
      <c r="MF24" s="142">
        <v>0</v>
      </c>
      <c r="MG24" s="119">
        <v>0</v>
      </c>
      <c r="MH24" s="120">
        <v>0</v>
      </c>
      <c r="MI24" s="145"/>
      <c r="MJ24" s="119">
        <v>0</v>
      </c>
      <c r="MK24" s="119">
        <v>472664</v>
      </c>
      <c r="ML24" s="119">
        <v>2073543</v>
      </c>
      <c r="MM24" s="119">
        <v>1540661</v>
      </c>
      <c r="MN24" s="119">
        <v>1457998</v>
      </c>
      <c r="MO24" s="120">
        <v>5544866</v>
      </c>
      <c r="MP24" s="143">
        <v>5544866</v>
      </c>
      <c r="MQ24" s="142">
        <v>0</v>
      </c>
      <c r="MR24" s="119">
        <v>0</v>
      </c>
      <c r="MS24" s="120">
        <v>0</v>
      </c>
      <c r="MT24" s="145"/>
      <c r="MU24" s="119">
        <v>0</v>
      </c>
      <c r="MV24" s="119">
        <v>0</v>
      </c>
      <c r="MW24" s="119">
        <v>876828</v>
      </c>
      <c r="MX24" s="119">
        <v>964273</v>
      </c>
      <c r="MY24" s="119">
        <v>1171828</v>
      </c>
      <c r="MZ24" s="120">
        <v>3012929</v>
      </c>
      <c r="NA24" s="143">
        <v>3012929</v>
      </c>
      <c r="NB24" s="142">
        <v>0</v>
      </c>
      <c r="NC24" s="119">
        <v>0</v>
      </c>
      <c r="ND24" s="120">
        <v>0</v>
      </c>
      <c r="NE24" s="145"/>
      <c r="NF24" s="119">
        <v>0</v>
      </c>
      <c r="NG24" s="119">
        <v>472664</v>
      </c>
      <c r="NH24" s="119">
        <v>1196715</v>
      </c>
      <c r="NI24" s="119">
        <v>576388</v>
      </c>
      <c r="NJ24" s="119">
        <v>286170</v>
      </c>
      <c r="NK24" s="120">
        <v>2531937</v>
      </c>
      <c r="NL24" s="320">
        <v>2531937</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234787</v>
      </c>
      <c r="OJ24" s="119">
        <v>469373</v>
      </c>
      <c r="OK24" s="141">
        <v>704160</v>
      </c>
      <c r="OL24" s="118">
        <v>0</v>
      </c>
      <c r="OM24" s="119">
        <v>3964432</v>
      </c>
      <c r="ON24" s="119">
        <v>5849300</v>
      </c>
      <c r="OO24" s="119">
        <v>5970179</v>
      </c>
      <c r="OP24" s="119">
        <v>4397503</v>
      </c>
      <c r="OQ24" s="119">
        <v>2982081</v>
      </c>
      <c r="OR24" s="120">
        <v>23163495</v>
      </c>
      <c r="OS24" s="143">
        <v>23867655</v>
      </c>
    </row>
    <row r="25" spans="2:409" ht="21" customHeight="1" x14ac:dyDescent="0.2">
      <c r="B25" s="126" t="s">
        <v>20</v>
      </c>
      <c r="C25" s="110">
        <v>303150</v>
      </c>
      <c r="D25" s="114">
        <v>537777</v>
      </c>
      <c r="E25" s="113">
        <v>840927</v>
      </c>
      <c r="F25" s="110">
        <v>0</v>
      </c>
      <c r="G25" s="114">
        <v>4467133</v>
      </c>
      <c r="H25" s="114">
        <v>5683537</v>
      </c>
      <c r="I25" s="114">
        <v>5464528</v>
      </c>
      <c r="J25" s="114">
        <v>4438509</v>
      </c>
      <c r="K25" s="114">
        <v>2460982</v>
      </c>
      <c r="L25" s="173">
        <v>22514689</v>
      </c>
      <c r="M25" s="116">
        <v>23355616</v>
      </c>
      <c r="N25" s="110">
        <v>96701</v>
      </c>
      <c r="O25" s="114">
        <v>109039</v>
      </c>
      <c r="P25" s="113">
        <v>205740</v>
      </c>
      <c r="Q25" s="110">
        <v>0</v>
      </c>
      <c r="R25" s="114">
        <v>2300290</v>
      </c>
      <c r="S25" s="114">
        <v>1964142</v>
      </c>
      <c r="T25" s="114">
        <v>1346274</v>
      </c>
      <c r="U25" s="114">
        <v>1133299</v>
      </c>
      <c r="V25" s="114">
        <v>996273</v>
      </c>
      <c r="W25" s="113">
        <v>7740278</v>
      </c>
      <c r="X25" s="116">
        <v>7946018</v>
      </c>
      <c r="Y25" s="110">
        <v>0</v>
      </c>
      <c r="Z25" s="114">
        <v>0</v>
      </c>
      <c r="AA25" s="113">
        <v>0</v>
      </c>
      <c r="AB25" s="110">
        <v>0</v>
      </c>
      <c r="AC25" s="114">
        <v>896321</v>
      </c>
      <c r="AD25" s="114">
        <v>626086</v>
      </c>
      <c r="AE25" s="114">
        <v>692898</v>
      </c>
      <c r="AF25" s="114">
        <v>647094</v>
      </c>
      <c r="AG25" s="114">
        <v>543383</v>
      </c>
      <c r="AH25" s="113">
        <v>3405782</v>
      </c>
      <c r="AI25" s="116">
        <v>3405782</v>
      </c>
      <c r="AJ25" s="110">
        <v>0</v>
      </c>
      <c r="AK25" s="114">
        <v>0</v>
      </c>
      <c r="AL25" s="113">
        <v>0</v>
      </c>
      <c r="AM25" s="110">
        <v>0</v>
      </c>
      <c r="AN25" s="114">
        <v>37419</v>
      </c>
      <c r="AO25" s="114">
        <v>0</v>
      </c>
      <c r="AP25" s="114">
        <v>0</v>
      </c>
      <c r="AQ25" s="114">
        <v>48672</v>
      </c>
      <c r="AR25" s="114">
        <v>95325</v>
      </c>
      <c r="AS25" s="113">
        <v>181416</v>
      </c>
      <c r="AT25" s="116">
        <v>181416</v>
      </c>
      <c r="AU25" s="110">
        <v>49220</v>
      </c>
      <c r="AV25" s="114">
        <v>19379</v>
      </c>
      <c r="AW25" s="113">
        <v>68599</v>
      </c>
      <c r="AX25" s="110">
        <v>0</v>
      </c>
      <c r="AY25" s="114">
        <v>930645</v>
      </c>
      <c r="AZ25" s="114">
        <v>730151</v>
      </c>
      <c r="BA25" s="114">
        <v>201397</v>
      </c>
      <c r="BB25" s="114">
        <v>147290</v>
      </c>
      <c r="BC25" s="114">
        <v>231757</v>
      </c>
      <c r="BD25" s="113">
        <v>2241240</v>
      </c>
      <c r="BE25" s="116">
        <v>2309839</v>
      </c>
      <c r="BF25" s="110">
        <v>21353</v>
      </c>
      <c r="BG25" s="114">
        <v>34724</v>
      </c>
      <c r="BH25" s="112">
        <v>56077</v>
      </c>
      <c r="BI25" s="111">
        <v>0</v>
      </c>
      <c r="BJ25" s="114">
        <v>168740</v>
      </c>
      <c r="BK25" s="114">
        <v>384849</v>
      </c>
      <c r="BL25" s="114">
        <v>137795</v>
      </c>
      <c r="BM25" s="114">
        <v>25771</v>
      </c>
      <c r="BN25" s="114">
        <v>0</v>
      </c>
      <c r="BO25" s="113">
        <v>717155</v>
      </c>
      <c r="BP25" s="116">
        <v>773232</v>
      </c>
      <c r="BQ25" s="110">
        <v>26128</v>
      </c>
      <c r="BR25" s="114">
        <v>54936</v>
      </c>
      <c r="BS25" s="113">
        <v>81064</v>
      </c>
      <c r="BT25" s="110">
        <v>0</v>
      </c>
      <c r="BU25" s="114">
        <v>267165</v>
      </c>
      <c r="BV25" s="114">
        <v>223056</v>
      </c>
      <c r="BW25" s="114">
        <v>314184</v>
      </c>
      <c r="BX25" s="114">
        <v>264472</v>
      </c>
      <c r="BY25" s="114">
        <v>125808</v>
      </c>
      <c r="BZ25" s="113">
        <v>1194685</v>
      </c>
      <c r="CA25" s="116">
        <v>1275749</v>
      </c>
      <c r="CB25" s="110">
        <v>64179</v>
      </c>
      <c r="CC25" s="114">
        <v>147388</v>
      </c>
      <c r="CD25" s="113">
        <v>211567</v>
      </c>
      <c r="CE25" s="110">
        <v>0</v>
      </c>
      <c r="CF25" s="114">
        <v>1359178</v>
      </c>
      <c r="CG25" s="114">
        <v>1723687</v>
      </c>
      <c r="CH25" s="114">
        <v>1361883</v>
      </c>
      <c r="CI25" s="114">
        <v>583650</v>
      </c>
      <c r="CJ25" s="114">
        <v>0</v>
      </c>
      <c r="CK25" s="113">
        <v>5028398</v>
      </c>
      <c r="CL25" s="116">
        <v>5239965</v>
      </c>
      <c r="CM25" s="110">
        <v>0</v>
      </c>
      <c r="CN25" s="114">
        <v>0</v>
      </c>
      <c r="CO25" s="113">
        <v>0</v>
      </c>
      <c r="CP25" s="111">
        <v>0</v>
      </c>
      <c r="CQ25" s="114">
        <v>873816</v>
      </c>
      <c r="CR25" s="114">
        <v>1090520</v>
      </c>
      <c r="CS25" s="114">
        <v>805361</v>
      </c>
      <c r="CT25" s="114">
        <v>158216</v>
      </c>
      <c r="CU25" s="114">
        <v>0</v>
      </c>
      <c r="CV25" s="113">
        <v>2927913</v>
      </c>
      <c r="CW25" s="116">
        <v>2927913</v>
      </c>
      <c r="CX25" s="110">
        <v>64179</v>
      </c>
      <c r="CY25" s="114">
        <v>147388</v>
      </c>
      <c r="CZ25" s="113">
        <v>211567</v>
      </c>
      <c r="DA25" s="110">
        <v>0</v>
      </c>
      <c r="DB25" s="114">
        <v>485362</v>
      </c>
      <c r="DC25" s="114">
        <v>633167</v>
      </c>
      <c r="DD25" s="114">
        <v>556522</v>
      </c>
      <c r="DE25" s="114">
        <v>425434</v>
      </c>
      <c r="DF25" s="114">
        <v>0</v>
      </c>
      <c r="DG25" s="113">
        <v>2100485</v>
      </c>
      <c r="DH25" s="116">
        <v>2312052</v>
      </c>
      <c r="DI25" s="110">
        <v>0</v>
      </c>
      <c r="DJ25" s="114">
        <v>0</v>
      </c>
      <c r="DK25" s="112">
        <v>0</v>
      </c>
      <c r="DL25" s="111">
        <v>0</v>
      </c>
      <c r="DM25" s="114">
        <v>201001</v>
      </c>
      <c r="DN25" s="114">
        <v>318924</v>
      </c>
      <c r="DO25" s="114">
        <v>855478</v>
      </c>
      <c r="DP25" s="114">
        <v>1205338</v>
      </c>
      <c r="DQ25" s="114">
        <v>0</v>
      </c>
      <c r="DR25" s="113">
        <v>2580741</v>
      </c>
      <c r="DS25" s="116">
        <v>2580741</v>
      </c>
      <c r="DT25" s="110">
        <v>0</v>
      </c>
      <c r="DU25" s="114">
        <v>0</v>
      </c>
      <c r="DV25" s="113">
        <v>0</v>
      </c>
      <c r="DW25" s="110">
        <v>0</v>
      </c>
      <c r="DX25" s="114">
        <v>201001</v>
      </c>
      <c r="DY25" s="114">
        <v>318924</v>
      </c>
      <c r="DZ25" s="114">
        <v>732718</v>
      </c>
      <c r="EA25" s="114">
        <v>1064897</v>
      </c>
      <c r="EB25" s="114">
        <v>0</v>
      </c>
      <c r="EC25" s="113">
        <v>2317540</v>
      </c>
      <c r="ED25" s="116">
        <v>2317540</v>
      </c>
      <c r="EE25" s="110">
        <v>0</v>
      </c>
      <c r="EF25" s="112">
        <v>0</v>
      </c>
      <c r="EG25" s="113">
        <v>0</v>
      </c>
      <c r="EH25" s="110">
        <v>0</v>
      </c>
      <c r="EI25" s="114">
        <v>0</v>
      </c>
      <c r="EJ25" s="114">
        <v>0</v>
      </c>
      <c r="EK25" s="114">
        <v>122760</v>
      </c>
      <c r="EL25" s="114">
        <v>140441</v>
      </c>
      <c r="EM25" s="114">
        <v>0</v>
      </c>
      <c r="EN25" s="112">
        <v>263201</v>
      </c>
      <c r="EO25" s="116">
        <v>263201</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93632</v>
      </c>
      <c r="FM25" s="114">
        <v>112560</v>
      </c>
      <c r="FN25" s="113">
        <v>206192</v>
      </c>
      <c r="FO25" s="110">
        <v>0</v>
      </c>
      <c r="FP25" s="114">
        <v>483848</v>
      </c>
      <c r="FQ25" s="114">
        <v>716600</v>
      </c>
      <c r="FR25" s="114">
        <v>435808</v>
      </c>
      <c r="FS25" s="114">
        <v>339944</v>
      </c>
      <c r="FT25" s="114">
        <v>209856</v>
      </c>
      <c r="FU25" s="113">
        <v>2186056</v>
      </c>
      <c r="FV25" s="116">
        <v>2392248</v>
      </c>
      <c r="FW25" s="115">
        <v>52032</v>
      </c>
      <c r="FX25" s="114">
        <v>112560</v>
      </c>
      <c r="FY25" s="112">
        <v>164592</v>
      </c>
      <c r="FZ25" s="111">
        <v>0</v>
      </c>
      <c r="GA25" s="114">
        <v>324664</v>
      </c>
      <c r="GB25" s="114">
        <v>492040</v>
      </c>
      <c r="GC25" s="114">
        <v>415408</v>
      </c>
      <c r="GD25" s="114">
        <v>339944</v>
      </c>
      <c r="GE25" s="114">
        <v>185856</v>
      </c>
      <c r="GF25" s="113">
        <v>1757912</v>
      </c>
      <c r="GG25" s="318">
        <v>1922504</v>
      </c>
      <c r="GH25" s="115">
        <v>0</v>
      </c>
      <c r="GI25" s="114">
        <v>0</v>
      </c>
      <c r="GJ25" s="112">
        <v>0</v>
      </c>
      <c r="GK25" s="111">
        <v>0</v>
      </c>
      <c r="GL25" s="114">
        <v>14784</v>
      </c>
      <c r="GM25" s="114">
        <v>13200</v>
      </c>
      <c r="GN25" s="114">
        <v>20400</v>
      </c>
      <c r="GO25" s="114">
        <v>0</v>
      </c>
      <c r="GP25" s="114">
        <v>24000</v>
      </c>
      <c r="GQ25" s="113">
        <v>72384</v>
      </c>
      <c r="GR25" s="116">
        <v>72384</v>
      </c>
      <c r="GS25" s="110">
        <v>41600</v>
      </c>
      <c r="GT25" s="114">
        <v>0</v>
      </c>
      <c r="GU25" s="113">
        <v>41600</v>
      </c>
      <c r="GV25" s="110">
        <v>0</v>
      </c>
      <c r="GW25" s="114">
        <v>144400</v>
      </c>
      <c r="GX25" s="114">
        <v>211360</v>
      </c>
      <c r="GY25" s="114">
        <v>0</v>
      </c>
      <c r="GZ25" s="114">
        <v>0</v>
      </c>
      <c r="HA25" s="114">
        <v>0</v>
      </c>
      <c r="HB25" s="112">
        <v>355760</v>
      </c>
      <c r="HC25" s="116">
        <v>397360</v>
      </c>
      <c r="HD25" s="110">
        <v>48638</v>
      </c>
      <c r="HE25" s="114">
        <v>168790</v>
      </c>
      <c r="HF25" s="112">
        <v>217428</v>
      </c>
      <c r="HG25" s="111">
        <v>0</v>
      </c>
      <c r="HH25" s="114">
        <v>122816</v>
      </c>
      <c r="HI25" s="114">
        <v>960184</v>
      </c>
      <c r="HJ25" s="114">
        <v>1465085</v>
      </c>
      <c r="HK25" s="114">
        <v>1176278</v>
      </c>
      <c r="HL25" s="114">
        <v>1254853</v>
      </c>
      <c r="HM25" s="113">
        <v>4979216</v>
      </c>
      <c r="HN25" s="109">
        <v>5196644</v>
      </c>
      <c r="HO25" s="328"/>
      <c r="HP25" s="329"/>
      <c r="HQ25" s="330"/>
      <c r="HR25" s="331"/>
      <c r="HS25" s="329"/>
      <c r="HT25" s="329"/>
      <c r="HU25" s="329"/>
      <c r="HV25" s="329"/>
      <c r="HW25" s="329"/>
      <c r="HX25" s="332"/>
      <c r="HY25" s="333"/>
      <c r="HZ25" s="131">
        <v>0</v>
      </c>
      <c r="IA25" s="132">
        <v>0</v>
      </c>
      <c r="IB25" s="133">
        <v>0</v>
      </c>
      <c r="IC25" s="146">
        <v>0</v>
      </c>
      <c r="ID25" s="132">
        <v>682305</v>
      </c>
      <c r="IE25" s="147">
        <v>696107</v>
      </c>
      <c r="IF25" s="133">
        <v>1072080</v>
      </c>
      <c r="IG25" s="132">
        <v>619381</v>
      </c>
      <c r="IH25" s="133">
        <v>0</v>
      </c>
      <c r="II25" s="148">
        <v>3069873</v>
      </c>
      <c r="IJ25" s="139">
        <v>3069873</v>
      </c>
      <c r="IK25" s="232">
        <v>0</v>
      </c>
      <c r="IL25" s="236">
        <v>0</v>
      </c>
      <c r="IM25" s="237">
        <v>0</v>
      </c>
      <c r="IN25" s="140"/>
      <c r="IO25" s="119">
        <v>0</v>
      </c>
      <c r="IP25" s="119">
        <v>0</v>
      </c>
      <c r="IQ25" s="119">
        <v>0</v>
      </c>
      <c r="IR25" s="119">
        <v>0</v>
      </c>
      <c r="IS25" s="119">
        <v>0</v>
      </c>
      <c r="IT25" s="141">
        <v>0</v>
      </c>
      <c r="IU25" s="320">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435552</v>
      </c>
      <c r="JL25" s="119">
        <v>183614</v>
      </c>
      <c r="JM25" s="119">
        <v>363013</v>
      </c>
      <c r="JN25" s="119">
        <v>144915</v>
      </c>
      <c r="JO25" s="119">
        <v>0</v>
      </c>
      <c r="JP25" s="120">
        <v>1127094</v>
      </c>
      <c r="JQ25" s="320">
        <v>1127094</v>
      </c>
      <c r="JR25" s="142">
        <v>0</v>
      </c>
      <c r="JS25" s="119">
        <v>0</v>
      </c>
      <c r="JT25" s="141">
        <v>0</v>
      </c>
      <c r="JU25" s="118">
        <v>0</v>
      </c>
      <c r="JV25" s="119">
        <v>0</v>
      </c>
      <c r="JW25" s="119">
        <v>0</v>
      </c>
      <c r="JX25" s="119">
        <v>895</v>
      </c>
      <c r="JY25" s="119">
        <v>0</v>
      </c>
      <c r="JZ25" s="119">
        <v>0</v>
      </c>
      <c r="KA25" s="120">
        <v>895</v>
      </c>
      <c r="KB25" s="320">
        <v>895</v>
      </c>
      <c r="KC25" s="234">
        <v>0</v>
      </c>
      <c r="KD25" s="230">
        <v>0</v>
      </c>
      <c r="KE25" s="120">
        <v>0</v>
      </c>
      <c r="KF25" s="118">
        <v>0</v>
      </c>
      <c r="KG25" s="119">
        <v>0</v>
      </c>
      <c r="KH25" s="119">
        <v>279956</v>
      </c>
      <c r="KI25" s="119">
        <v>229590</v>
      </c>
      <c r="KJ25" s="119">
        <v>0</v>
      </c>
      <c r="KK25" s="119">
        <v>0</v>
      </c>
      <c r="KL25" s="120">
        <v>509546</v>
      </c>
      <c r="KM25" s="143">
        <v>509546</v>
      </c>
      <c r="KN25" s="232">
        <v>0</v>
      </c>
      <c r="KO25" s="236">
        <v>0</v>
      </c>
      <c r="KP25" s="237">
        <v>0</v>
      </c>
      <c r="KQ25" s="140"/>
      <c r="KR25" s="119">
        <v>246753</v>
      </c>
      <c r="KS25" s="119">
        <v>232537</v>
      </c>
      <c r="KT25" s="119">
        <v>478582</v>
      </c>
      <c r="KU25" s="119">
        <v>474466</v>
      </c>
      <c r="KV25" s="119">
        <v>0</v>
      </c>
      <c r="KW25" s="120">
        <v>1432338</v>
      </c>
      <c r="KX25" s="320">
        <v>1432338</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186419</v>
      </c>
      <c r="MK25" s="119">
        <v>218000</v>
      </c>
      <c r="ML25" s="119">
        <v>2211495</v>
      </c>
      <c r="MM25" s="119">
        <v>2797555</v>
      </c>
      <c r="MN25" s="119">
        <v>1569165</v>
      </c>
      <c r="MO25" s="120">
        <v>6982634</v>
      </c>
      <c r="MP25" s="143">
        <v>6982634</v>
      </c>
      <c r="MQ25" s="142">
        <v>0</v>
      </c>
      <c r="MR25" s="119">
        <v>0</v>
      </c>
      <c r="MS25" s="120">
        <v>0</v>
      </c>
      <c r="MT25" s="145"/>
      <c r="MU25" s="119">
        <v>0</v>
      </c>
      <c r="MV25" s="119">
        <v>218000</v>
      </c>
      <c r="MW25" s="119">
        <v>1751528</v>
      </c>
      <c r="MX25" s="119">
        <v>2522251</v>
      </c>
      <c r="MY25" s="119">
        <v>1220577</v>
      </c>
      <c r="MZ25" s="120">
        <v>5712356</v>
      </c>
      <c r="NA25" s="143">
        <v>5712356</v>
      </c>
      <c r="NB25" s="142">
        <v>0</v>
      </c>
      <c r="NC25" s="119">
        <v>0</v>
      </c>
      <c r="ND25" s="120">
        <v>0</v>
      </c>
      <c r="NE25" s="145"/>
      <c r="NF25" s="119">
        <v>186419</v>
      </c>
      <c r="NG25" s="119">
        <v>0</v>
      </c>
      <c r="NH25" s="119">
        <v>459967</v>
      </c>
      <c r="NI25" s="119">
        <v>275304</v>
      </c>
      <c r="NJ25" s="119">
        <v>0</v>
      </c>
      <c r="NK25" s="120">
        <v>921690</v>
      </c>
      <c r="NL25" s="320">
        <v>921690</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348588</v>
      </c>
      <c r="OG25" s="120">
        <v>348588</v>
      </c>
      <c r="OH25" s="121">
        <v>348588</v>
      </c>
      <c r="OI25" s="142">
        <v>303150</v>
      </c>
      <c r="OJ25" s="119">
        <v>537777</v>
      </c>
      <c r="OK25" s="141">
        <v>840927</v>
      </c>
      <c r="OL25" s="118">
        <v>0</v>
      </c>
      <c r="OM25" s="119">
        <v>5335857</v>
      </c>
      <c r="ON25" s="119">
        <v>6597644</v>
      </c>
      <c r="OO25" s="119">
        <v>8748103</v>
      </c>
      <c r="OP25" s="119">
        <v>7855445</v>
      </c>
      <c r="OQ25" s="119">
        <v>4030147</v>
      </c>
      <c r="OR25" s="120">
        <v>32567196</v>
      </c>
      <c r="OS25" s="143">
        <v>33408123</v>
      </c>
    </row>
    <row r="26" spans="2:409" ht="21" customHeight="1" x14ac:dyDescent="0.2">
      <c r="B26" s="126" t="s">
        <v>21</v>
      </c>
      <c r="C26" s="110">
        <v>356989</v>
      </c>
      <c r="D26" s="114">
        <v>363865</v>
      </c>
      <c r="E26" s="113">
        <v>720854</v>
      </c>
      <c r="F26" s="109">
        <v>0</v>
      </c>
      <c r="G26" s="114">
        <v>2827878</v>
      </c>
      <c r="H26" s="114">
        <v>3781803</v>
      </c>
      <c r="I26" s="114">
        <v>3539619</v>
      </c>
      <c r="J26" s="114">
        <v>4518508</v>
      </c>
      <c r="K26" s="114">
        <v>2442904</v>
      </c>
      <c r="L26" s="173">
        <v>17110712</v>
      </c>
      <c r="M26" s="116">
        <v>17831566</v>
      </c>
      <c r="N26" s="110">
        <v>85554</v>
      </c>
      <c r="O26" s="114">
        <v>216230</v>
      </c>
      <c r="P26" s="113">
        <v>301784</v>
      </c>
      <c r="Q26" s="110">
        <v>0</v>
      </c>
      <c r="R26" s="114">
        <v>864281</v>
      </c>
      <c r="S26" s="114">
        <v>1543631</v>
      </c>
      <c r="T26" s="114">
        <v>646613</v>
      </c>
      <c r="U26" s="114">
        <v>1872850</v>
      </c>
      <c r="V26" s="114">
        <v>1362516</v>
      </c>
      <c r="W26" s="113">
        <v>6289891</v>
      </c>
      <c r="X26" s="116">
        <v>6591675</v>
      </c>
      <c r="Y26" s="110">
        <v>0</v>
      </c>
      <c r="Z26" s="114">
        <v>0</v>
      </c>
      <c r="AA26" s="113">
        <v>0</v>
      </c>
      <c r="AB26" s="110">
        <v>0</v>
      </c>
      <c r="AC26" s="114">
        <v>268594</v>
      </c>
      <c r="AD26" s="114">
        <v>423536</v>
      </c>
      <c r="AE26" s="114">
        <v>131603</v>
      </c>
      <c r="AF26" s="114">
        <v>978638</v>
      </c>
      <c r="AG26" s="114">
        <v>480375</v>
      </c>
      <c r="AH26" s="113">
        <v>2282746</v>
      </c>
      <c r="AI26" s="116">
        <v>2282746</v>
      </c>
      <c r="AJ26" s="110">
        <v>0</v>
      </c>
      <c r="AK26" s="114">
        <v>0</v>
      </c>
      <c r="AL26" s="113">
        <v>0</v>
      </c>
      <c r="AM26" s="110">
        <v>0</v>
      </c>
      <c r="AN26" s="114">
        <v>0</v>
      </c>
      <c r="AO26" s="114">
        <v>0</v>
      </c>
      <c r="AP26" s="114">
        <v>22744</v>
      </c>
      <c r="AQ26" s="114">
        <v>0</v>
      </c>
      <c r="AR26" s="114">
        <v>213525</v>
      </c>
      <c r="AS26" s="113">
        <v>236269</v>
      </c>
      <c r="AT26" s="116">
        <v>236269</v>
      </c>
      <c r="AU26" s="110">
        <v>33570</v>
      </c>
      <c r="AV26" s="114">
        <v>121909</v>
      </c>
      <c r="AW26" s="113">
        <v>155479</v>
      </c>
      <c r="AX26" s="110">
        <v>0</v>
      </c>
      <c r="AY26" s="114">
        <v>424152</v>
      </c>
      <c r="AZ26" s="114">
        <v>874209</v>
      </c>
      <c r="BA26" s="114">
        <v>245113</v>
      </c>
      <c r="BB26" s="114">
        <v>557887</v>
      </c>
      <c r="BC26" s="114">
        <v>466480</v>
      </c>
      <c r="BD26" s="113">
        <v>2567841</v>
      </c>
      <c r="BE26" s="116">
        <v>2723320</v>
      </c>
      <c r="BF26" s="110">
        <v>0</v>
      </c>
      <c r="BG26" s="114">
        <v>10465</v>
      </c>
      <c r="BH26" s="112">
        <v>10465</v>
      </c>
      <c r="BI26" s="111">
        <v>0</v>
      </c>
      <c r="BJ26" s="114">
        <v>43415</v>
      </c>
      <c r="BK26" s="114">
        <v>51870</v>
      </c>
      <c r="BL26" s="114">
        <v>109529</v>
      </c>
      <c r="BM26" s="114">
        <v>52165</v>
      </c>
      <c r="BN26" s="114">
        <v>57888</v>
      </c>
      <c r="BO26" s="113">
        <v>314867</v>
      </c>
      <c r="BP26" s="116">
        <v>325332</v>
      </c>
      <c r="BQ26" s="110">
        <v>51984</v>
      </c>
      <c r="BR26" s="114">
        <v>83856</v>
      </c>
      <c r="BS26" s="113">
        <v>135840</v>
      </c>
      <c r="BT26" s="110">
        <v>0</v>
      </c>
      <c r="BU26" s="114">
        <v>128120</v>
      </c>
      <c r="BV26" s="114">
        <v>194016</v>
      </c>
      <c r="BW26" s="114">
        <v>137624</v>
      </c>
      <c r="BX26" s="114">
        <v>284160</v>
      </c>
      <c r="BY26" s="114">
        <v>144248</v>
      </c>
      <c r="BZ26" s="113">
        <v>888168</v>
      </c>
      <c r="CA26" s="116">
        <v>1024008</v>
      </c>
      <c r="CB26" s="110">
        <v>41118</v>
      </c>
      <c r="CC26" s="114">
        <v>0</v>
      </c>
      <c r="CD26" s="113">
        <v>41118</v>
      </c>
      <c r="CE26" s="110">
        <v>0</v>
      </c>
      <c r="CF26" s="114">
        <v>988884</v>
      </c>
      <c r="CG26" s="114">
        <v>1161158</v>
      </c>
      <c r="CH26" s="114">
        <v>872919</v>
      </c>
      <c r="CI26" s="114">
        <v>249840</v>
      </c>
      <c r="CJ26" s="114">
        <v>280705</v>
      </c>
      <c r="CK26" s="113">
        <v>3553506</v>
      </c>
      <c r="CL26" s="116">
        <v>3594624</v>
      </c>
      <c r="CM26" s="110">
        <v>0</v>
      </c>
      <c r="CN26" s="114">
        <v>0</v>
      </c>
      <c r="CO26" s="113">
        <v>0</v>
      </c>
      <c r="CP26" s="111">
        <v>0</v>
      </c>
      <c r="CQ26" s="114">
        <v>601108</v>
      </c>
      <c r="CR26" s="114">
        <v>730990</v>
      </c>
      <c r="CS26" s="114">
        <v>796731</v>
      </c>
      <c r="CT26" s="114">
        <v>220968</v>
      </c>
      <c r="CU26" s="114">
        <v>280705</v>
      </c>
      <c r="CV26" s="113">
        <v>2630502</v>
      </c>
      <c r="CW26" s="116">
        <v>2630502</v>
      </c>
      <c r="CX26" s="110">
        <v>41118</v>
      </c>
      <c r="CY26" s="114">
        <v>0</v>
      </c>
      <c r="CZ26" s="113">
        <v>41118</v>
      </c>
      <c r="DA26" s="110">
        <v>0</v>
      </c>
      <c r="DB26" s="114">
        <v>387776</v>
      </c>
      <c r="DC26" s="114">
        <v>430168</v>
      </c>
      <c r="DD26" s="114">
        <v>76188</v>
      </c>
      <c r="DE26" s="114">
        <v>28872</v>
      </c>
      <c r="DF26" s="114">
        <v>0</v>
      </c>
      <c r="DG26" s="113">
        <v>923004</v>
      </c>
      <c r="DH26" s="116">
        <v>964122</v>
      </c>
      <c r="DI26" s="110">
        <v>0</v>
      </c>
      <c r="DJ26" s="114">
        <v>0</v>
      </c>
      <c r="DK26" s="112">
        <v>0</v>
      </c>
      <c r="DL26" s="111">
        <v>0</v>
      </c>
      <c r="DM26" s="114">
        <v>173140</v>
      </c>
      <c r="DN26" s="114">
        <v>133966</v>
      </c>
      <c r="DO26" s="114">
        <v>785854</v>
      </c>
      <c r="DP26" s="114">
        <v>820526</v>
      </c>
      <c r="DQ26" s="114">
        <v>380035</v>
      </c>
      <c r="DR26" s="113">
        <v>2293521</v>
      </c>
      <c r="DS26" s="116">
        <v>2293521</v>
      </c>
      <c r="DT26" s="110">
        <v>0</v>
      </c>
      <c r="DU26" s="114">
        <v>0</v>
      </c>
      <c r="DV26" s="113">
        <v>0</v>
      </c>
      <c r="DW26" s="110">
        <v>0</v>
      </c>
      <c r="DX26" s="114">
        <v>173140</v>
      </c>
      <c r="DY26" s="114">
        <v>133966</v>
      </c>
      <c r="DZ26" s="114">
        <v>785854</v>
      </c>
      <c r="EA26" s="114">
        <v>820526</v>
      </c>
      <c r="EB26" s="114">
        <v>380035</v>
      </c>
      <c r="EC26" s="113">
        <v>2293521</v>
      </c>
      <c r="ED26" s="116">
        <v>2293521</v>
      </c>
      <c r="EE26" s="110">
        <v>0</v>
      </c>
      <c r="EF26" s="112">
        <v>0</v>
      </c>
      <c r="EG26" s="113">
        <v>0</v>
      </c>
      <c r="EH26" s="110">
        <v>0</v>
      </c>
      <c r="EI26" s="114">
        <v>0</v>
      </c>
      <c r="EJ26" s="114">
        <v>0</v>
      </c>
      <c r="EK26" s="114">
        <v>0</v>
      </c>
      <c r="EL26" s="114">
        <v>0</v>
      </c>
      <c r="EM26" s="114">
        <v>0</v>
      </c>
      <c r="EN26" s="112">
        <v>0</v>
      </c>
      <c r="EO26" s="116">
        <v>0</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178208</v>
      </c>
      <c r="FM26" s="114">
        <v>63960</v>
      </c>
      <c r="FN26" s="113">
        <v>242168</v>
      </c>
      <c r="FO26" s="110">
        <v>0</v>
      </c>
      <c r="FP26" s="114">
        <v>98352</v>
      </c>
      <c r="FQ26" s="114">
        <v>436064</v>
      </c>
      <c r="FR26" s="114">
        <v>335832</v>
      </c>
      <c r="FS26" s="114">
        <v>389296</v>
      </c>
      <c r="FT26" s="114">
        <v>193568</v>
      </c>
      <c r="FU26" s="113">
        <v>1453112</v>
      </c>
      <c r="FV26" s="116">
        <v>1695280</v>
      </c>
      <c r="FW26" s="115">
        <v>18208</v>
      </c>
      <c r="FX26" s="114">
        <v>63960</v>
      </c>
      <c r="FY26" s="112">
        <v>82168</v>
      </c>
      <c r="FZ26" s="111">
        <v>0</v>
      </c>
      <c r="GA26" s="114">
        <v>98352</v>
      </c>
      <c r="GB26" s="114">
        <v>436064</v>
      </c>
      <c r="GC26" s="114">
        <v>335832</v>
      </c>
      <c r="GD26" s="114">
        <v>364496</v>
      </c>
      <c r="GE26" s="114">
        <v>193568</v>
      </c>
      <c r="GF26" s="113">
        <v>1428312</v>
      </c>
      <c r="GG26" s="318">
        <v>1510480</v>
      </c>
      <c r="GH26" s="115">
        <v>0</v>
      </c>
      <c r="GI26" s="114">
        <v>0</v>
      </c>
      <c r="GJ26" s="112">
        <v>0</v>
      </c>
      <c r="GK26" s="111">
        <v>0</v>
      </c>
      <c r="GL26" s="114">
        <v>0</v>
      </c>
      <c r="GM26" s="114">
        <v>0</v>
      </c>
      <c r="GN26" s="114">
        <v>0</v>
      </c>
      <c r="GO26" s="114">
        <v>24800</v>
      </c>
      <c r="GP26" s="114">
        <v>0</v>
      </c>
      <c r="GQ26" s="113">
        <v>24800</v>
      </c>
      <c r="GR26" s="116">
        <v>24800</v>
      </c>
      <c r="GS26" s="110">
        <v>160000</v>
      </c>
      <c r="GT26" s="114">
        <v>0</v>
      </c>
      <c r="GU26" s="113">
        <v>160000</v>
      </c>
      <c r="GV26" s="110">
        <v>0</v>
      </c>
      <c r="GW26" s="114">
        <v>0</v>
      </c>
      <c r="GX26" s="114">
        <v>0</v>
      </c>
      <c r="GY26" s="114">
        <v>0</v>
      </c>
      <c r="GZ26" s="114">
        <v>0</v>
      </c>
      <c r="HA26" s="114">
        <v>0</v>
      </c>
      <c r="HB26" s="112">
        <v>0</v>
      </c>
      <c r="HC26" s="116">
        <v>160000</v>
      </c>
      <c r="HD26" s="110">
        <v>52109</v>
      </c>
      <c r="HE26" s="114">
        <v>83675</v>
      </c>
      <c r="HF26" s="112">
        <v>135784</v>
      </c>
      <c r="HG26" s="111">
        <v>0</v>
      </c>
      <c r="HH26" s="114">
        <v>703221</v>
      </c>
      <c r="HI26" s="114">
        <v>506984</v>
      </c>
      <c r="HJ26" s="114">
        <v>898401</v>
      </c>
      <c r="HK26" s="114">
        <v>1185996</v>
      </c>
      <c r="HL26" s="114">
        <v>226080</v>
      </c>
      <c r="HM26" s="113">
        <v>3520682</v>
      </c>
      <c r="HN26" s="109">
        <v>3656466</v>
      </c>
      <c r="HO26" s="328"/>
      <c r="HP26" s="329"/>
      <c r="HQ26" s="330"/>
      <c r="HR26" s="331"/>
      <c r="HS26" s="329"/>
      <c r="HT26" s="329"/>
      <c r="HU26" s="329"/>
      <c r="HV26" s="329"/>
      <c r="HW26" s="329"/>
      <c r="HX26" s="332"/>
      <c r="HY26" s="333"/>
      <c r="HZ26" s="150">
        <v>0</v>
      </c>
      <c r="IA26" s="135">
        <v>0</v>
      </c>
      <c r="IB26" s="150">
        <v>0</v>
      </c>
      <c r="IC26" s="134">
        <v>0</v>
      </c>
      <c r="ID26" s="135">
        <v>531134</v>
      </c>
      <c r="IE26" s="136">
        <v>953238</v>
      </c>
      <c r="IF26" s="137">
        <v>776283</v>
      </c>
      <c r="IG26" s="135">
        <v>852657</v>
      </c>
      <c r="IH26" s="137">
        <v>0</v>
      </c>
      <c r="II26" s="138">
        <v>3113312</v>
      </c>
      <c r="IJ26" s="150">
        <v>3113312</v>
      </c>
      <c r="IK26" s="232">
        <v>0</v>
      </c>
      <c r="IL26" s="236">
        <v>0</v>
      </c>
      <c r="IM26" s="237">
        <v>0</v>
      </c>
      <c r="IN26" s="140"/>
      <c r="IO26" s="119">
        <v>0</v>
      </c>
      <c r="IP26" s="119">
        <v>123717</v>
      </c>
      <c r="IQ26" s="119">
        <v>0</v>
      </c>
      <c r="IR26" s="119">
        <v>0</v>
      </c>
      <c r="IS26" s="119">
        <v>0</v>
      </c>
      <c r="IT26" s="141">
        <v>123717</v>
      </c>
      <c r="IU26" s="320">
        <v>123717</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316233</v>
      </c>
      <c r="JL26" s="119">
        <v>375281</v>
      </c>
      <c r="JM26" s="119">
        <v>90671</v>
      </c>
      <c r="JN26" s="119">
        <v>145453</v>
      </c>
      <c r="JO26" s="119">
        <v>0</v>
      </c>
      <c r="JP26" s="120">
        <v>927638</v>
      </c>
      <c r="JQ26" s="320">
        <v>927638</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0</v>
      </c>
      <c r="KH26" s="119">
        <v>0</v>
      </c>
      <c r="KI26" s="119">
        <v>685612</v>
      </c>
      <c r="KJ26" s="119">
        <v>0</v>
      </c>
      <c r="KK26" s="119">
        <v>0</v>
      </c>
      <c r="KL26" s="120">
        <v>685612</v>
      </c>
      <c r="KM26" s="143">
        <v>685612</v>
      </c>
      <c r="KN26" s="232">
        <v>0</v>
      </c>
      <c r="KO26" s="236">
        <v>0</v>
      </c>
      <c r="KP26" s="237">
        <v>0</v>
      </c>
      <c r="KQ26" s="140"/>
      <c r="KR26" s="119">
        <v>214901</v>
      </c>
      <c r="KS26" s="119">
        <v>454240</v>
      </c>
      <c r="KT26" s="119">
        <v>0</v>
      </c>
      <c r="KU26" s="119">
        <v>707204</v>
      </c>
      <c r="KV26" s="119">
        <v>0</v>
      </c>
      <c r="KW26" s="120">
        <v>1376345</v>
      </c>
      <c r="KX26" s="320">
        <v>1376345</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204836</v>
      </c>
      <c r="ML26" s="119">
        <v>2096631</v>
      </c>
      <c r="MM26" s="119">
        <v>2495765</v>
      </c>
      <c r="MN26" s="119">
        <v>2629995</v>
      </c>
      <c r="MO26" s="120">
        <v>7427227</v>
      </c>
      <c r="MP26" s="143">
        <v>7427227</v>
      </c>
      <c r="MQ26" s="142">
        <v>0</v>
      </c>
      <c r="MR26" s="119">
        <v>0</v>
      </c>
      <c r="MS26" s="120">
        <v>0</v>
      </c>
      <c r="MT26" s="145"/>
      <c r="MU26" s="119">
        <v>0</v>
      </c>
      <c r="MV26" s="119">
        <v>0</v>
      </c>
      <c r="MW26" s="119">
        <v>1886887</v>
      </c>
      <c r="MX26" s="119">
        <v>2251336</v>
      </c>
      <c r="MY26" s="119">
        <v>1710504</v>
      </c>
      <c r="MZ26" s="120">
        <v>5848727</v>
      </c>
      <c r="NA26" s="143">
        <v>5848727</v>
      </c>
      <c r="NB26" s="142">
        <v>0</v>
      </c>
      <c r="NC26" s="119">
        <v>0</v>
      </c>
      <c r="ND26" s="120">
        <v>0</v>
      </c>
      <c r="NE26" s="145"/>
      <c r="NF26" s="119">
        <v>0</v>
      </c>
      <c r="NG26" s="119">
        <v>204836</v>
      </c>
      <c r="NH26" s="119">
        <v>209744</v>
      </c>
      <c r="NI26" s="119">
        <v>244429</v>
      </c>
      <c r="NJ26" s="119">
        <v>558533</v>
      </c>
      <c r="NK26" s="120">
        <v>1217542</v>
      </c>
      <c r="NL26" s="320">
        <v>1217542</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360958</v>
      </c>
      <c r="OG26" s="120">
        <v>360958</v>
      </c>
      <c r="OH26" s="121">
        <v>360958</v>
      </c>
      <c r="OI26" s="142">
        <v>356989</v>
      </c>
      <c r="OJ26" s="119">
        <v>363865</v>
      </c>
      <c r="OK26" s="141">
        <v>720854</v>
      </c>
      <c r="OL26" s="118">
        <v>0</v>
      </c>
      <c r="OM26" s="119">
        <v>3359012</v>
      </c>
      <c r="ON26" s="119">
        <v>4939877</v>
      </c>
      <c r="OO26" s="119">
        <v>6412533</v>
      </c>
      <c r="OP26" s="119">
        <v>7866930</v>
      </c>
      <c r="OQ26" s="119">
        <v>5072899</v>
      </c>
      <c r="OR26" s="120">
        <v>27651251</v>
      </c>
      <c r="OS26" s="143">
        <v>28372105</v>
      </c>
    </row>
    <row r="27" spans="2:409" ht="21" customHeight="1" x14ac:dyDescent="0.2">
      <c r="B27" s="126" t="s">
        <v>22</v>
      </c>
      <c r="C27" s="110">
        <v>4800</v>
      </c>
      <c r="D27" s="114">
        <v>268688</v>
      </c>
      <c r="E27" s="113">
        <v>273488</v>
      </c>
      <c r="F27" s="109">
        <v>0</v>
      </c>
      <c r="G27" s="114">
        <v>1543269</v>
      </c>
      <c r="H27" s="114">
        <v>1471868</v>
      </c>
      <c r="I27" s="114">
        <v>1356040</v>
      </c>
      <c r="J27" s="114">
        <v>1870236</v>
      </c>
      <c r="K27" s="114">
        <v>643197</v>
      </c>
      <c r="L27" s="173">
        <v>6884610</v>
      </c>
      <c r="M27" s="116">
        <v>7158098</v>
      </c>
      <c r="N27" s="110">
        <v>0</v>
      </c>
      <c r="O27" s="114">
        <v>21488</v>
      </c>
      <c r="P27" s="113">
        <v>21488</v>
      </c>
      <c r="Q27" s="110">
        <v>0</v>
      </c>
      <c r="R27" s="114">
        <v>331009</v>
      </c>
      <c r="S27" s="114">
        <v>364319</v>
      </c>
      <c r="T27" s="114">
        <v>343655</v>
      </c>
      <c r="U27" s="114">
        <v>554292</v>
      </c>
      <c r="V27" s="114">
        <v>372405</v>
      </c>
      <c r="W27" s="113">
        <v>1965680</v>
      </c>
      <c r="X27" s="116">
        <v>1987168</v>
      </c>
      <c r="Y27" s="110">
        <v>0</v>
      </c>
      <c r="Z27" s="114">
        <v>0</v>
      </c>
      <c r="AA27" s="113">
        <v>0</v>
      </c>
      <c r="AB27" s="110">
        <v>0</v>
      </c>
      <c r="AC27" s="114">
        <v>156873</v>
      </c>
      <c r="AD27" s="114">
        <v>162522</v>
      </c>
      <c r="AE27" s="114">
        <v>44128</v>
      </c>
      <c r="AF27" s="114">
        <v>336444</v>
      </c>
      <c r="AG27" s="114">
        <v>303357</v>
      </c>
      <c r="AH27" s="113">
        <v>1003324</v>
      </c>
      <c r="AI27" s="116">
        <v>1003324</v>
      </c>
      <c r="AJ27" s="110">
        <v>0</v>
      </c>
      <c r="AK27" s="114">
        <v>0</v>
      </c>
      <c r="AL27" s="113">
        <v>0</v>
      </c>
      <c r="AM27" s="110">
        <v>0</v>
      </c>
      <c r="AN27" s="114">
        <v>13361</v>
      </c>
      <c r="AO27" s="114">
        <v>0</v>
      </c>
      <c r="AP27" s="114">
        <v>0</v>
      </c>
      <c r="AQ27" s="114">
        <v>87416</v>
      </c>
      <c r="AR27" s="114">
        <v>0</v>
      </c>
      <c r="AS27" s="113">
        <v>100777</v>
      </c>
      <c r="AT27" s="116">
        <v>100777</v>
      </c>
      <c r="AU27" s="110">
        <v>0</v>
      </c>
      <c r="AV27" s="114">
        <v>11888</v>
      </c>
      <c r="AW27" s="113">
        <v>11888</v>
      </c>
      <c r="AX27" s="110">
        <v>0</v>
      </c>
      <c r="AY27" s="114">
        <v>118287</v>
      </c>
      <c r="AZ27" s="114">
        <v>82493</v>
      </c>
      <c r="BA27" s="114">
        <v>210023</v>
      </c>
      <c r="BB27" s="114">
        <v>67088</v>
      </c>
      <c r="BC27" s="114">
        <v>52432</v>
      </c>
      <c r="BD27" s="113">
        <v>530323</v>
      </c>
      <c r="BE27" s="116">
        <v>542211</v>
      </c>
      <c r="BF27" s="110">
        <v>0</v>
      </c>
      <c r="BG27" s="114">
        <v>0</v>
      </c>
      <c r="BH27" s="112">
        <v>0</v>
      </c>
      <c r="BI27" s="111">
        <v>0</v>
      </c>
      <c r="BJ27" s="114">
        <v>0</v>
      </c>
      <c r="BK27" s="114">
        <v>54944</v>
      </c>
      <c r="BL27" s="114">
        <v>30592</v>
      </c>
      <c r="BM27" s="114">
        <v>0</v>
      </c>
      <c r="BN27" s="114">
        <v>0</v>
      </c>
      <c r="BO27" s="113">
        <v>85536</v>
      </c>
      <c r="BP27" s="116">
        <v>85536</v>
      </c>
      <c r="BQ27" s="110">
        <v>0</v>
      </c>
      <c r="BR27" s="114">
        <v>9600</v>
      </c>
      <c r="BS27" s="113">
        <v>9600</v>
      </c>
      <c r="BT27" s="110">
        <v>0</v>
      </c>
      <c r="BU27" s="114">
        <v>42488</v>
      </c>
      <c r="BV27" s="114">
        <v>64360</v>
      </c>
      <c r="BW27" s="114">
        <v>58912</v>
      </c>
      <c r="BX27" s="114">
        <v>63344</v>
      </c>
      <c r="BY27" s="114">
        <v>16616</v>
      </c>
      <c r="BZ27" s="113">
        <v>245720</v>
      </c>
      <c r="CA27" s="116">
        <v>255320</v>
      </c>
      <c r="CB27" s="110">
        <v>0</v>
      </c>
      <c r="CC27" s="114">
        <v>35712</v>
      </c>
      <c r="CD27" s="113">
        <v>35712</v>
      </c>
      <c r="CE27" s="110">
        <v>0</v>
      </c>
      <c r="CF27" s="114">
        <v>409064</v>
      </c>
      <c r="CG27" s="114">
        <v>549617</v>
      </c>
      <c r="CH27" s="114">
        <v>555594</v>
      </c>
      <c r="CI27" s="114">
        <v>355424</v>
      </c>
      <c r="CJ27" s="114">
        <v>198216</v>
      </c>
      <c r="CK27" s="113">
        <v>2067915</v>
      </c>
      <c r="CL27" s="116">
        <v>2103627</v>
      </c>
      <c r="CM27" s="110">
        <v>0</v>
      </c>
      <c r="CN27" s="114">
        <v>0</v>
      </c>
      <c r="CO27" s="113">
        <v>0</v>
      </c>
      <c r="CP27" s="111">
        <v>0</v>
      </c>
      <c r="CQ27" s="114">
        <v>289272</v>
      </c>
      <c r="CR27" s="114">
        <v>418033</v>
      </c>
      <c r="CS27" s="114">
        <v>450640</v>
      </c>
      <c r="CT27" s="114">
        <v>287592</v>
      </c>
      <c r="CU27" s="114">
        <v>110744</v>
      </c>
      <c r="CV27" s="113">
        <v>1556281</v>
      </c>
      <c r="CW27" s="116">
        <v>1556281</v>
      </c>
      <c r="CX27" s="110">
        <v>0</v>
      </c>
      <c r="CY27" s="114">
        <v>35712</v>
      </c>
      <c r="CZ27" s="113">
        <v>35712</v>
      </c>
      <c r="DA27" s="110">
        <v>0</v>
      </c>
      <c r="DB27" s="114">
        <v>119792</v>
      </c>
      <c r="DC27" s="114">
        <v>131584</v>
      </c>
      <c r="DD27" s="114">
        <v>104954</v>
      </c>
      <c r="DE27" s="114">
        <v>67832</v>
      </c>
      <c r="DF27" s="114">
        <v>87472</v>
      </c>
      <c r="DG27" s="113">
        <v>511634</v>
      </c>
      <c r="DH27" s="116">
        <v>547346</v>
      </c>
      <c r="DI27" s="110">
        <v>0</v>
      </c>
      <c r="DJ27" s="114">
        <v>0</v>
      </c>
      <c r="DK27" s="112">
        <v>0</v>
      </c>
      <c r="DL27" s="111">
        <v>0</v>
      </c>
      <c r="DM27" s="114">
        <v>156892</v>
      </c>
      <c r="DN27" s="114">
        <v>0</v>
      </c>
      <c r="DO27" s="114">
        <v>100119</v>
      </c>
      <c r="DP27" s="114">
        <v>374360</v>
      </c>
      <c r="DQ27" s="114">
        <v>0</v>
      </c>
      <c r="DR27" s="113">
        <v>631371</v>
      </c>
      <c r="DS27" s="116">
        <v>631371</v>
      </c>
      <c r="DT27" s="110">
        <v>0</v>
      </c>
      <c r="DU27" s="114">
        <v>0</v>
      </c>
      <c r="DV27" s="113">
        <v>0</v>
      </c>
      <c r="DW27" s="110">
        <v>0</v>
      </c>
      <c r="DX27" s="114">
        <v>156892</v>
      </c>
      <c r="DY27" s="114">
        <v>0</v>
      </c>
      <c r="DZ27" s="114">
        <v>63628</v>
      </c>
      <c r="EA27" s="114">
        <v>244396</v>
      </c>
      <c r="EB27" s="114">
        <v>0</v>
      </c>
      <c r="EC27" s="113">
        <v>464916</v>
      </c>
      <c r="ED27" s="116">
        <v>464916</v>
      </c>
      <c r="EE27" s="110">
        <v>0</v>
      </c>
      <c r="EF27" s="112">
        <v>0</v>
      </c>
      <c r="EG27" s="113">
        <v>0</v>
      </c>
      <c r="EH27" s="110">
        <v>0</v>
      </c>
      <c r="EI27" s="114">
        <v>0</v>
      </c>
      <c r="EJ27" s="114">
        <v>0</v>
      </c>
      <c r="EK27" s="114">
        <v>36491</v>
      </c>
      <c r="EL27" s="114">
        <v>129964</v>
      </c>
      <c r="EM27" s="114">
        <v>0</v>
      </c>
      <c r="EN27" s="112">
        <v>166455</v>
      </c>
      <c r="EO27" s="116">
        <v>166455</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4800</v>
      </c>
      <c r="FM27" s="114">
        <v>131416</v>
      </c>
      <c r="FN27" s="113">
        <v>136216</v>
      </c>
      <c r="FO27" s="110">
        <v>0</v>
      </c>
      <c r="FP27" s="114">
        <v>71520</v>
      </c>
      <c r="FQ27" s="114">
        <v>145600</v>
      </c>
      <c r="FR27" s="114">
        <v>184296</v>
      </c>
      <c r="FS27" s="114">
        <v>209600</v>
      </c>
      <c r="FT27" s="114">
        <v>72576</v>
      </c>
      <c r="FU27" s="113">
        <v>683592</v>
      </c>
      <c r="FV27" s="116">
        <v>819808</v>
      </c>
      <c r="FW27" s="115">
        <v>4800</v>
      </c>
      <c r="FX27" s="114">
        <v>69840</v>
      </c>
      <c r="FY27" s="112">
        <v>74640</v>
      </c>
      <c r="FZ27" s="111">
        <v>0</v>
      </c>
      <c r="GA27" s="114">
        <v>71520</v>
      </c>
      <c r="GB27" s="114">
        <v>145600</v>
      </c>
      <c r="GC27" s="114">
        <v>163296</v>
      </c>
      <c r="GD27" s="114">
        <v>209600</v>
      </c>
      <c r="GE27" s="114">
        <v>72576</v>
      </c>
      <c r="GF27" s="113">
        <v>662592</v>
      </c>
      <c r="GG27" s="318">
        <v>737232</v>
      </c>
      <c r="GH27" s="115">
        <v>0</v>
      </c>
      <c r="GI27" s="114">
        <v>34936</v>
      </c>
      <c r="GJ27" s="112">
        <v>34936</v>
      </c>
      <c r="GK27" s="111">
        <v>0</v>
      </c>
      <c r="GL27" s="114">
        <v>0</v>
      </c>
      <c r="GM27" s="114">
        <v>0</v>
      </c>
      <c r="GN27" s="114">
        <v>21000</v>
      </c>
      <c r="GO27" s="114">
        <v>0</v>
      </c>
      <c r="GP27" s="114">
        <v>0</v>
      </c>
      <c r="GQ27" s="113">
        <v>21000</v>
      </c>
      <c r="GR27" s="116">
        <v>55936</v>
      </c>
      <c r="GS27" s="110">
        <v>0</v>
      </c>
      <c r="GT27" s="114">
        <v>26640</v>
      </c>
      <c r="GU27" s="113">
        <v>26640</v>
      </c>
      <c r="GV27" s="110">
        <v>0</v>
      </c>
      <c r="GW27" s="114">
        <v>0</v>
      </c>
      <c r="GX27" s="114">
        <v>0</v>
      </c>
      <c r="GY27" s="114">
        <v>0</v>
      </c>
      <c r="GZ27" s="114">
        <v>0</v>
      </c>
      <c r="HA27" s="114">
        <v>0</v>
      </c>
      <c r="HB27" s="112">
        <v>0</v>
      </c>
      <c r="HC27" s="116">
        <v>26640</v>
      </c>
      <c r="HD27" s="110">
        <v>0</v>
      </c>
      <c r="HE27" s="114">
        <v>80072</v>
      </c>
      <c r="HF27" s="112">
        <v>80072</v>
      </c>
      <c r="HG27" s="111">
        <v>0</v>
      </c>
      <c r="HH27" s="114">
        <v>574784</v>
      </c>
      <c r="HI27" s="114">
        <v>412332</v>
      </c>
      <c r="HJ27" s="114">
        <v>172376</v>
      </c>
      <c r="HK27" s="114">
        <v>376560</v>
      </c>
      <c r="HL27" s="114">
        <v>0</v>
      </c>
      <c r="HM27" s="113">
        <v>1536052</v>
      </c>
      <c r="HN27" s="109">
        <v>1616124</v>
      </c>
      <c r="HO27" s="328"/>
      <c r="HP27" s="329"/>
      <c r="HQ27" s="330"/>
      <c r="HR27" s="331"/>
      <c r="HS27" s="329"/>
      <c r="HT27" s="329"/>
      <c r="HU27" s="329"/>
      <c r="HV27" s="329"/>
      <c r="HW27" s="329"/>
      <c r="HX27" s="332"/>
      <c r="HY27" s="333"/>
      <c r="HZ27" s="131">
        <v>0</v>
      </c>
      <c r="IA27" s="132">
        <v>0</v>
      </c>
      <c r="IB27" s="133">
        <v>0</v>
      </c>
      <c r="IC27" s="146">
        <v>0</v>
      </c>
      <c r="ID27" s="132">
        <v>578042</v>
      </c>
      <c r="IE27" s="147">
        <v>1374857</v>
      </c>
      <c r="IF27" s="133">
        <v>178256</v>
      </c>
      <c r="IG27" s="132">
        <v>935448</v>
      </c>
      <c r="IH27" s="133">
        <v>0</v>
      </c>
      <c r="II27" s="148">
        <v>3066603</v>
      </c>
      <c r="IJ27" s="139">
        <v>3066603</v>
      </c>
      <c r="IK27" s="232">
        <v>0</v>
      </c>
      <c r="IL27" s="236">
        <v>0</v>
      </c>
      <c r="IM27" s="237">
        <v>0</v>
      </c>
      <c r="IN27" s="140"/>
      <c r="IO27" s="119">
        <v>0</v>
      </c>
      <c r="IP27" s="119">
        <v>0</v>
      </c>
      <c r="IQ27" s="119">
        <v>168296</v>
      </c>
      <c r="IR27" s="119">
        <v>0</v>
      </c>
      <c r="IS27" s="119">
        <v>0</v>
      </c>
      <c r="IT27" s="141">
        <v>168296</v>
      </c>
      <c r="IU27" s="320">
        <v>168296</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127880</v>
      </c>
      <c r="JL27" s="119">
        <v>135520</v>
      </c>
      <c r="JM27" s="119">
        <v>9960</v>
      </c>
      <c r="JN27" s="119">
        <v>95096</v>
      </c>
      <c r="JO27" s="119">
        <v>0</v>
      </c>
      <c r="JP27" s="120">
        <v>368456</v>
      </c>
      <c r="JQ27" s="320">
        <v>368456</v>
      </c>
      <c r="JR27" s="142">
        <v>0</v>
      </c>
      <c r="JS27" s="119">
        <v>0</v>
      </c>
      <c r="JT27" s="141">
        <v>0</v>
      </c>
      <c r="JU27" s="118">
        <v>0</v>
      </c>
      <c r="JV27" s="119">
        <v>0</v>
      </c>
      <c r="JW27" s="119">
        <v>0</v>
      </c>
      <c r="JX27" s="119">
        <v>0</v>
      </c>
      <c r="JY27" s="119">
        <v>121448</v>
      </c>
      <c r="JZ27" s="119">
        <v>0</v>
      </c>
      <c r="KA27" s="120">
        <v>121448</v>
      </c>
      <c r="KB27" s="320">
        <v>121448</v>
      </c>
      <c r="KC27" s="234">
        <v>0</v>
      </c>
      <c r="KD27" s="230">
        <v>0</v>
      </c>
      <c r="KE27" s="120">
        <v>0</v>
      </c>
      <c r="KF27" s="118">
        <v>0</v>
      </c>
      <c r="KG27" s="119">
        <v>241920</v>
      </c>
      <c r="KH27" s="119">
        <v>583216</v>
      </c>
      <c r="KI27" s="119">
        <v>0</v>
      </c>
      <c r="KJ27" s="119">
        <v>0</v>
      </c>
      <c r="KK27" s="119">
        <v>0</v>
      </c>
      <c r="KL27" s="120">
        <v>825136</v>
      </c>
      <c r="KM27" s="143">
        <v>825136</v>
      </c>
      <c r="KN27" s="232">
        <v>0</v>
      </c>
      <c r="KO27" s="236">
        <v>0</v>
      </c>
      <c r="KP27" s="237">
        <v>0</v>
      </c>
      <c r="KQ27" s="140"/>
      <c r="KR27" s="119">
        <v>208242</v>
      </c>
      <c r="KS27" s="119">
        <v>656121</v>
      </c>
      <c r="KT27" s="119">
        <v>0</v>
      </c>
      <c r="KU27" s="119">
        <v>0</v>
      </c>
      <c r="KV27" s="119">
        <v>0</v>
      </c>
      <c r="KW27" s="120">
        <v>864363</v>
      </c>
      <c r="KX27" s="320">
        <v>864363</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718904</v>
      </c>
      <c r="LR27" s="119">
        <v>0</v>
      </c>
      <c r="LS27" s="120">
        <v>718904</v>
      </c>
      <c r="LT27" s="320">
        <v>718904</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287880</v>
      </c>
      <c r="ML27" s="119">
        <v>693880</v>
      </c>
      <c r="MM27" s="119">
        <v>1021883</v>
      </c>
      <c r="MN27" s="119">
        <v>499074</v>
      </c>
      <c r="MO27" s="120">
        <v>2502717</v>
      </c>
      <c r="MP27" s="143">
        <v>2502717</v>
      </c>
      <c r="MQ27" s="142">
        <v>0</v>
      </c>
      <c r="MR27" s="119">
        <v>0</v>
      </c>
      <c r="MS27" s="120">
        <v>0</v>
      </c>
      <c r="MT27" s="145"/>
      <c r="MU27" s="119">
        <v>0</v>
      </c>
      <c r="MV27" s="119">
        <v>0</v>
      </c>
      <c r="MW27" s="119">
        <v>439888</v>
      </c>
      <c r="MX27" s="119">
        <v>438727</v>
      </c>
      <c r="MY27" s="119">
        <v>499074</v>
      </c>
      <c r="MZ27" s="120">
        <v>1377689</v>
      </c>
      <c r="NA27" s="143">
        <v>1377689</v>
      </c>
      <c r="NB27" s="142">
        <v>0</v>
      </c>
      <c r="NC27" s="119">
        <v>0</v>
      </c>
      <c r="ND27" s="120">
        <v>0</v>
      </c>
      <c r="NE27" s="145"/>
      <c r="NF27" s="119">
        <v>0</v>
      </c>
      <c r="NG27" s="119">
        <v>287880</v>
      </c>
      <c r="NH27" s="119">
        <v>253992</v>
      </c>
      <c r="NI27" s="119">
        <v>583156</v>
      </c>
      <c r="NJ27" s="119">
        <v>0</v>
      </c>
      <c r="NK27" s="120">
        <v>1125028</v>
      </c>
      <c r="NL27" s="320">
        <v>1125028</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4800</v>
      </c>
      <c r="OJ27" s="119">
        <v>268688</v>
      </c>
      <c r="OK27" s="141">
        <v>273488</v>
      </c>
      <c r="OL27" s="118">
        <v>0</v>
      </c>
      <c r="OM27" s="119">
        <v>2121311</v>
      </c>
      <c r="ON27" s="119">
        <v>3134605</v>
      </c>
      <c r="OO27" s="119">
        <v>2228176</v>
      </c>
      <c r="OP27" s="119">
        <v>3827567</v>
      </c>
      <c r="OQ27" s="119">
        <v>1142271</v>
      </c>
      <c r="OR27" s="120">
        <v>12453930</v>
      </c>
      <c r="OS27" s="143">
        <v>12727418</v>
      </c>
    </row>
    <row r="28" spans="2:409" ht="21" customHeight="1" x14ac:dyDescent="0.2">
      <c r="B28" s="126" t="s">
        <v>23</v>
      </c>
      <c r="C28" s="110">
        <v>206255</v>
      </c>
      <c r="D28" s="114">
        <v>167800</v>
      </c>
      <c r="E28" s="113">
        <v>374055</v>
      </c>
      <c r="F28" s="109">
        <v>0</v>
      </c>
      <c r="G28" s="114">
        <v>3135084</v>
      </c>
      <c r="H28" s="114">
        <v>2589616</v>
      </c>
      <c r="I28" s="114">
        <v>1904327</v>
      </c>
      <c r="J28" s="114">
        <v>2438506</v>
      </c>
      <c r="K28" s="114">
        <v>1280834</v>
      </c>
      <c r="L28" s="173">
        <v>11348367</v>
      </c>
      <c r="M28" s="116">
        <v>11722422</v>
      </c>
      <c r="N28" s="110">
        <v>94109</v>
      </c>
      <c r="O28" s="114">
        <v>95628</v>
      </c>
      <c r="P28" s="113">
        <v>189737</v>
      </c>
      <c r="Q28" s="110">
        <v>0</v>
      </c>
      <c r="R28" s="114">
        <v>787334</v>
      </c>
      <c r="S28" s="114">
        <v>866476</v>
      </c>
      <c r="T28" s="114">
        <v>545843</v>
      </c>
      <c r="U28" s="114">
        <v>573778</v>
      </c>
      <c r="V28" s="114">
        <v>476363</v>
      </c>
      <c r="W28" s="113">
        <v>3249794</v>
      </c>
      <c r="X28" s="116">
        <v>3439531</v>
      </c>
      <c r="Y28" s="110">
        <v>0</v>
      </c>
      <c r="Z28" s="114">
        <v>0</v>
      </c>
      <c r="AA28" s="113">
        <v>0</v>
      </c>
      <c r="AB28" s="110">
        <v>0</v>
      </c>
      <c r="AC28" s="114">
        <v>200563</v>
      </c>
      <c r="AD28" s="114">
        <v>380470</v>
      </c>
      <c r="AE28" s="114">
        <v>313976</v>
      </c>
      <c r="AF28" s="114">
        <v>307606</v>
      </c>
      <c r="AG28" s="114">
        <v>361843</v>
      </c>
      <c r="AH28" s="113">
        <v>1564458</v>
      </c>
      <c r="AI28" s="116">
        <v>1564458</v>
      </c>
      <c r="AJ28" s="110">
        <v>0</v>
      </c>
      <c r="AK28" s="114">
        <v>0</v>
      </c>
      <c r="AL28" s="113">
        <v>0</v>
      </c>
      <c r="AM28" s="110">
        <v>0</v>
      </c>
      <c r="AN28" s="114">
        <v>0</v>
      </c>
      <c r="AO28" s="114">
        <v>47374</v>
      </c>
      <c r="AP28" s="114">
        <v>0</v>
      </c>
      <c r="AQ28" s="114">
        <v>0</v>
      </c>
      <c r="AR28" s="114">
        <v>0</v>
      </c>
      <c r="AS28" s="113">
        <v>47374</v>
      </c>
      <c r="AT28" s="116">
        <v>47374</v>
      </c>
      <c r="AU28" s="110">
        <v>57709</v>
      </c>
      <c r="AV28" s="114">
        <v>95628</v>
      </c>
      <c r="AW28" s="113">
        <v>153337</v>
      </c>
      <c r="AX28" s="110">
        <v>0</v>
      </c>
      <c r="AY28" s="114">
        <v>300763</v>
      </c>
      <c r="AZ28" s="114">
        <v>346680</v>
      </c>
      <c r="BA28" s="114">
        <v>143811</v>
      </c>
      <c r="BB28" s="114">
        <v>102956</v>
      </c>
      <c r="BC28" s="114">
        <v>19216</v>
      </c>
      <c r="BD28" s="113">
        <v>913426</v>
      </c>
      <c r="BE28" s="116">
        <v>1066763</v>
      </c>
      <c r="BF28" s="110">
        <v>0</v>
      </c>
      <c r="BG28" s="114">
        <v>0</v>
      </c>
      <c r="BH28" s="112">
        <v>0</v>
      </c>
      <c r="BI28" s="111">
        <v>0</v>
      </c>
      <c r="BJ28" s="114">
        <v>0</v>
      </c>
      <c r="BK28" s="114">
        <v>0</v>
      </c>
      <c r="BL28" s="114">
        <v>0</v>
      </c>
      <c r="BM28" s="114">
        <v>0</v>
      </c>
      <c r="BN28" s="114">
        <v>0</v>
      </c>
      <c r="BO28" s="113">
        <v>0</v>
      </c>
      <c r="BP28" s="116">
        <v>0</v>
      </c>
      <c r="BQ28" s="110">
        <v>36400</v>
      </c>
      <c r="BR28" s="114">
        <v>0</v>
      </c>
      <c r="BS28" s="113">
        <v>36400</v>
      </c>
      <c r="BT28" s="110">
        <v>0</v>
      </c>
      <c r="BU28" s="114">
        <v>286008</v>
      </c>
      <c r="BV28" s="114">
        <v>91952</v>
      </c>
      <c r="BW28" s="114">
        <v>88056</v>
      </c>
      <c r="BX28" s="114">
        <v>163216</v>
      </c>
      <c r="BY28" s="114">
        <v>95304</v>
      </c>
      <c r="BZ28" s="113">
        <v>724536</v>
      </c>
      <c r="CA28" s="116">
        <v>760936</v>
      </c>
      <c r="CB28" s="110">
        <v>0</v>
      </c>
      <c r="CC28" s="114">
        <v>0</v>
      </c>
      <c r="CD28" s="113">
        <v>0</v>
      </c>
      <c r="CE28" s="110">
        <v>0</v>
      </c>
      <c r="CF28" s="114">
        <v>809059</v>
      </c>
      <c r="CG28" s="114">
        <v>871512</v>
      </c>
      <c r="CH28" s="114">
        <v>827075</v>
      </c>
      <c r="CI28" s="114">
        <v>624453</v>
      </c>
      <c r="CJ28" s="114">
        <v>111875</v>
      </c>
      <c r="CK28" s="113">
        <v>3243974</v>
      </c>
      <c r="CL28" s="116">
        <v>3243974</v>
      </c>
      <c r="CM28" s="110">
        <v>0</v>
      </c>
      <c r="CN28" s="114">
        <v>0</v>
      </c>
      <c r="CO28" s="113">
        <v>0</v>
      </c>
      <c r="CP28" s="111">
        <v>0</v>
      </c>
      <c r="CQ28" s="114">
        <v>645605</v>
      </c>
      <c r="CR28" s="114">
        <v>701871</v>
      </c>
      <c r="CS28" s="114">
        <v>566107</v>
      </c>
      <c r="CT28" s="114">
        <v>235759</v>
      </c>
      <c r="CU28" s="114">
        <v>20481</v>
      </c>
      <c r="CV28" s="113">
        <v>2169823</v>
      </c>
      <c r="CW28" s="116">
        <v>2169823</v>
      </c>
      <c r="CX28" s="110">
        <v>0</v>
      </c>
      <c r="CY28" s="114">
        <v>0</v>
      </c>
      <c r="CZ28" s="113">
        <v>0</v>
      </c>
      <c r="DA28" s="110">
        <v>0</v>
      </c>
      <c r="DB28" s="114">
        <v>163454</v>
      </c>
      <c r="DC28" s="114">
        <v>169641</v>
      </c>
      <c r="DD28" s="114">
        <v>260968</v>
      </c>
      <c r="DE28" s="114">
        <v>388694</v>
      </c>
      <c r="DF28" s="114">
        <v>91394</v>
      </c>
      <c r="DG28" s="113">
        <v>1074151</v>
      </c>
      <c r="DH28" s="116">
        <v>1074151</v>
      </c>
      <c r="DI28" s="110">
        <v>0</v>
      </c>
      <c r="DJ28" s="114">
        <v>26124</v>
      </c>
      <c r="DK28" s="112">
        <v>26124</v>
      </c>
      <c r="DL28" s="111">
        <v>0</v>
      </c>
      <c r="DM28" s="114">
        <v>68473</v>
      </c>
      <c r="DN28" s="114">
        <v>516500</v>
      </c>
      <c r="DO28" s="114">
        <v>419305</v>
      </c>
      <c r="DP28" s="114">
        <v>307466</v>
      </c>
      <c r="DQ28" s="114">
        <v>151815</v>
      </c>
      <c r="DR28" s="113">
        <v>1463559</v>
      </c>
      <c r="DS28" s="116">
        <v>1489683</v>
      </c>
      <c r="DT28" s="110">
        <v>0</v>
      </c>
      <c r="DU28" s="114">
        <v>0</v>
      </c>
      <c r="DV28" s="113">
        <v>0</v>
      </c>
      <c r="DW28" s="110">
        <v>0</v>
      </c>
      <c r="DX28" s="114">
        <v>38503</v>
      </c>
      <c r="DY28" s="114">
        <v>516500</v>
      </c>
      <c r="DZ28" s="114">
        <v>419305</v>
      </c>
      <c r="EA28" s="114">
        <v>307466</v>
      </c>
      <c r="EB28" s="114">
        <v>71317</v>
      </c>
      <c r="EC28" s="113">
        <v>1353091</v>
      </c>
      <c r="ED28" s="116">
        <v>1353091</v>
      </c>
      <c r="EE28" s="110">
        <v>0</v>
      </c>
      <c r="EF28" s="112">
        <v>26124</v>
      </c>
      <c r="EG28" s="113">
        <v>26124</v>
      </c>
      <c r="EH28" s="110">
        <v>0</v>
      </c>
      <c r="EI28" s="114">
        <v>29970</v>
      </c>
      <c r="EJ28" s="114">
        <v>0</v>
      </c>
      <c r="EK28" s="114">
        <v>0</v>
      </c>
      <c r="EL28" s="114">
        <v>0</v>
      </c>
      <c r="EM28" s="114">
        <v>80498</v>
      </c>
      <c r="EN28" s="112">
        <v>110468</v>
      </c>
      <c r="EO28" s="116">
        <v>136592</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13288</v>
      </c>
      <c r="FM28" s="114">
        <v>46048</v>
      </c>
      <c r="FN28" s="113">
        <v>59336</v>
      </c>
      <c r="FO28" s="110">
        <v>0</v>
      </c>
      <c r="FP28" s="114">
        <v>152864</v>
      </c>
      <c r="FQ28" s="114">
        <v>335128</v>
      </c>
      <c r="FR28" s="114">
        <v>112104</v>
      </c>
      <c r="FS28" s="114">
        <v>141272</v>
      </c>
      <c r="FT28" s="114">
        <v>80560</v>
      </c>
      <c r="FU28" s="113">
        <v>821928</v>
      </c>
      <c r="FV28" s="116">
        <v>881264</v>
      </c>
      <c r="FW28" s="115">
        <v>13288</v>
      </c>
      <c r="FX28" s="114">
        <v>46048</v>
      </c>
      <c r="FY28" s="112">
        <v>59336</v>
      </c>
      <c r="FZ28" s="111">
        <v>0</v>
      </c>
      <c r="GA28" s="114">
        <v>75264</v>
      </c>
      <c r="GB28" s="114">
        <v>335128</v>
      </c>
      <c r="GC28" s="114">
        <v>112104</v>
      </c>
      <c r="GD28" s="114">
        <v>141272</v>
      </c>
      <c r="GE28" s="114">
        <v>56560</v>
      </c>
      <c r="GF28" s="113">
        <v>720328</v>
      </c>
      <c r="GG28" s="318">
        <v>779664</v>
      </c>
      <c r="GH28" s="115">
        <v>0</v>
      </c>
      <c r="GI28" s="114">
        <v>0</v>
      </c>
      <c r="GJ28" s="112">
        <v>0</v>
      </c>
      <c r="GK28" s="111">
        <v>0</v>
      </c>
      <c r="GL28" s="114">
        <v>0</v>
      </c>
      <c r="GM28" s="114">
        <v>0</v>
      </c>
      <c r="GN28" s="114">
        <v>0</v>
      </c>
      <c r="GO28" s="114">
        <v>0</v>
      </c>
      <c r="GP28" s="114">
        <v>24000</v>
      </c>
      <c r="GQ28" s="113">
        <v>24000</v>
      </c>
      <c r="GR28" s="116">
        <v>24000</v>
      </c>
      <c r="GS28" s="110">
        <v>0</v>
      </c>
      <c r="GT28" s="114">
        <v>0</v>
      </c>
      <c r="GU28" s="113">
        <v>0</v>
      </c>
      <c r="GV28" s="110">
        <v>0</v>
      </c>
      <c r="GW28" s="114">
        <v>77600</v>
      </c>
      <c r="GX28" s="114">
        <v>0</v>
      </c>
      <c r="GY28" s="114">
        <v>0</v>
      </c>
      <c r="GZ28" s="114">
        <v>0</v>
      </c>
      <c r="HA28" s="114">
        <v>0</v>
      </c>
      <c r="HB28" s="112">
        <v>77600</v>
      </c>
      <c r="HC28" s="116">
        <v>77600</v>
      </c>
      <c r="HD28" s="110">
        <v>98858</v>
      </c>
      <c r="HE28" s="114">
        <v>0</v>
      </c>
      <c r="HF28" s="112">
        <v>98858</v>
      </c>
      <c r="HG28" s="111">
        <v>0</v>
      </c>
      <c r="HH28" s="114">
        <v>1317354</v>
      </c>
      <c r="HI28" s="114">
        <v>0</v>
      </c>
      <c r="HJ28" s="114">
        <v>0</v>
      </c>
      <c r="HK28" s="114">
        <v>791537</v>
      </c>
      <c r="HL28" s="114">
        <v>460221</v>
      </c>
      <c r="HM28" s="113">
        <v>2569112</v>
      </c>
      <c r="HN28" s="109">
        <v>2667970</v>
      </c>
      <c r="HO28" s="328"/>
      <c r="HP28" s="329"/>
      <c r="HQ28" s="330"/>
      <c r="HR28" s="331"/>
      <c r="HS28" s="329"/>
      <c r="HT28" s="329"/>
      <c r="HU28" s="329"/>
      <c r="HV28" s="329"/>
      <c r="HW28" s="329"/>
      <c r="HX28" s="332"/>
      <c r="HY28" s="333"/>
      <c r="HZ28" s="150">
        <v>0</v>
      </c>
      <c r="IA28" s="135">
        <v>0</v>
      </c>
      <c r="IB28" s="150">
        <v>0</v>
      </c>
      <c r="IC28" s="134">
        <v>0</v>
      </c>
      <c r="ID28" s="135">
        <v>506019</v>
      </c>
      <c r="IE28" s="136">
        <v>35997</v>
      </c>
      <c r="IF28" s="137">
        <v>728469</v>
      </c>
      <c r="IG28" s="135">
        <v>715990</v>
      </c>
      <c r="IH28" s="137">
        <v>243092</v>
      </c>
      <c r="II28" s="138">
        <v>2229567</v>
      </c>
      <c r="IJ28" s="150">
        <v>2229567</v>
      </c>
      <c r="IK28" s="232">
        <v>0</v>
      </c>
      <c r="IL28" s="236">
        <v>0</v>
      </c>
      <c r="IM28" s="237">
        <v>0</v>
      </c>
      <c r="IN28" s="140"/>
      <c r="IO28" s="119">
        <v>0</v>
      </c>
      <c r="IP28" s="119">
        <v>0</v>
      </c>
      <c r="IQ28" s="119">
        <v>0</v>
      </c>
      <c r="IR28" s="119">
        <v>0</v>
      </c>
      <c r="IS28" s="119">
        <v>0</v>
      </c>
      <c r="IT28" s="141">
        <v>0</v>
      </c>
      <c r="IU28" s="320">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87272</v>
      </c>
      <c r="JL28" s="119">
        <v>35997</v>
      </c>
      <c r="JM28" s="119">
        <v>27436</v>
      </c>
      <c r="JN28" s="119">
        <v>0</v>
      </c>
      <c r="JO28" s="119">
        <v>0</v>
      </c>
      <c r="JP28" s="120">
        <v>350705</v>
      </c>
      <c r="JQ28" s="320">
        <v>350705</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218747</v>
      </c>
      <c r="KS28" s="119">
        <v>0</v>
      </c>
      <c r="KT28" s="119">
        <v>701033</v>
      </c>
      <c r="KU28" s="119">
        <v>715990</v>
      </c>
      <c r="KV28" s="119">
        <v>243092</v>
      </c>
      <c r="KW28" s="120">
        <v>1878862</v>
      </c>
      <c r="KX28" s="320">
        <v>1878862</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242217</v>
      </c>
      <c r="MK28" s="119">
        <v>380160</v>
      </c>
      <c r="ML28" s="119">
        <v>691484</v>
      </c>
      <c r="MM28" s="119">
        <v>1448216</v>
      </c>
      <c r="MN28" s="119">
        <v>282089</v>
      </c>
      <c r="MO28" s="120">
        <v>3044166</v>
      </c>
      <c r="MP28" s="143">
        <v>3044166</v>
      </c>
      <c r="MQ28" s="142">
        <v>0</v>
      </c>
      <c r="MR28" s="119">
        <v>0</v>
      </c>
      <c r="MS28" s="120">
        <v>0</v>
      </c>
      <c r="MT28" s="145"/>
      <c r="MU28" s="119">
        <v>0</v>
      </c>
      <c r="MV28" s="119">
        <v>0</v>
      </c>
      <c r="MW28" s="119">
        <v>442159</v>
      </c>
      <c r="MX28" s="119">
        <v>956339</v>
      </c>
      <c r="MY28" s="119">
        <v>0</v>
      </c>
      <c r="MZ28" s="120">
        <v>1398498</v>
      </c>
      <c r="NA28" s="143">
        <v>1398498</v>
      </c>
      <c r="NB28" s="142">
        <v>0</v>
      </c>
      <c r="NC28" s="119">
        <v>0</v>
      </c>
      <c r="ND28" s="120">
        <v>0</v>
      </c>
      <c r="NE28" s="145"/>
      <c r="NF28" s="119">
        <v>242217</v>
      </c>
      <c r="NG28" s="119">
        <v>380160</v>
      </c>
      <c r="NH28" s="119">
        <v>249325</v>
      </c>
      <c r="NI28" s="119">
        <v>491877</v>
      </c>
      <c r="NJ28" s="119">
        <v>282089</v>
      </c>
      <c r="NK28" s="120">
        <v>1645668</v>
      </c>
      <c r="NL28" s="320">
        <v>1645668</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206255</v>
      </c>
      <c r="OJ28" s="119">
        <v>167800</v>
      </c>
      <c r="OK28" s="141">
        <v>374055</v>
      </c>
      <c r="OL28" s="118">
        <v>0</v>
      </c>
      <c r="OM28" s="119">
        <v>3883320</v>
      </c>
      <c r="ON28" s="119">
        <v>3005773</v>
      </c>
      <c r="OO28" s="119">
        <v>3324280</v>
      </c>
      <c r="OP28" s="119">
        <v>4602712</v>
      </c>
      <c r="OQ28" s="119">
        <v>1806015</v>
      </c>
      <c r="OR28" s="120">
        <v>16622100</v>
      </c>
      <c r="OS28" s="143">
        <v>16996155</v>
      </c>
    </row>
    <row r="29" spans="2:409" ht="21" customHeight="1" x14ac:dyDescent="0.2">
      <c r="B29" s="126" t="s">
        <v>24</v>
      </c>
      <c r="C29" s="110">
        <v>421106</v>
      </c>
      <c r="D29" s="114">
        <v>409410</v>
      </c>
      <c r="E29" s="113">
        <v>830516</v>
      </c>
      <c r="F29" s="109">
        <v>0</v>
      </c>
      <c r="G29" s="114">
        <v>1717211</v>
      </c>
      <c r="H29" s="114">
        <v>2446524</v>
      </c>
      <c r="I29" s="114">
        <v>2123285</v>
      </c>
      <c r="J29" s="114">
        <v>892405</v>
      </c>
      <c r="K29" s="114">
        <v>2450174</v>
      </c>
      <c r="L29" s="173">
        <v>9629599</v>
      </c>
      <c r="M29" s="116">
        <v>10460115</v>
      </c>
      <c r="N29" s="110">
        <v>73123</v>
      </c>
      <c r="O29" s="114">
        <v>64031</v>
      </c>
      <c r="P29" s="113">
        <v>137154</v>
      </c>
      <c r="Q29" s="110">
        <v>0</v>
      </c>
      <c r="R29" s="114">
        <v>594178</v>
      </c>
      <c r="S29" s="114">
        <v>687784</v>
      </c>
      <c r="T29" s="114">
        <v>595527</v>
      </c>
      <c r="U29" s="114">
        <v>455155</v>
      </c>
      <c r="V29" s="114">
        <v>1243158</v>
      </c>
      <c r="W29" s="113">
        <v>3575802</v>
      </c>
      <c r="X29" s="116">
        <v>3712956</v>
      </c>
      <c r="Y29" s="110">
        <v>0</v>
      </c>
      <c r="Z29" s="114">
        <v>0</v>
      </c>
      <c r="AA29" s="113">
        <v>0</v>
      </c>
      <c r="AB29" s="110">
        <v>0</v>
      </c>
      <c r="AC29" s="114">
        <v>284224</v>
      </c>
      <c r="AD29" s="114">
        <v>275039</v>
      </c>
      <c r="AE29" s="114">
        <v>185483</v>
      </c>
      <c r="AF29" s="114">
        <v>143556</v>
      </c>
      <c r="AG29" s="114">
        <v>721775</v>
      </c>
      <c r="AH29" s="113">
        <v>1610077</v>
      </c>
      <c r="AI29" s="116">
        <v>1610077</v>
      </c>
      <c r="AJ29" s="110">
        <v>0</v>
      </c>
      <c r="AK29" s="114">
        <v>0</v>
      </c>
      <c r="AL29" s="113">
        <v>0</v>
      </c>
      <c r="AM29" s="110">
        <v>0</v>
      </c>
      <c r="AN29" s="114">
        <v>0</v>
      </c>
      <c r="AO29" s="114">
        <v>36225</v>
      </c>
      <c r="AP29" s="114">
        <v>0</v>
      </c>
      <c r="AQ29" s="114">
        <v>143676</v>
      </c>
      <c r="AR29" s="114">
        <v>104053</v>
      </c>
      <c r="AS29" s="113">
        <v>283954</v>
      </c>
      <c r="AT29" s="116">
        <v>283954</v>
      </c>
      <c r="AU29" s="110">
        <v>37603</v>
      </c>
      <c r="AV29" s="114">
        <v>64031</v>
      </c>
      <c r="AW29" s="113">
        <v>101634</v>
      </c>
      <c r="AX29" s="110">
        <v>0</v>
      </c>
      <c r="AY29" s="114">
        <v>177830</v>
      </c>
      <c r="AZ29" s="114">
        <v>148409</v>
      </c>
      <c r="BA29" s="114">
        <v>285836</v>
      </c>
      <c r="BB29" s="114">
        <v>57567</v>
      </c>
      <c r="BC29" s="114">
        <v>226114</v>
      </c>
      <c r="BD29" s="113">
        <v>895756</v>
      </c>
      <c r="BE29" s="116">
        <v>997390</v>
      </c>
      <c r="BF29" s="110">
        <v>0</v>
      </c>
      <c r="BG29" s="114">
        <v>0</v>
      </c>
      <c r="BH29" s="112">
        <v>0</v>
      </c>
      <c r="BI29" s="111">
        <v>0</v>
      </c>
      <c r="BJ29" s="114">
        <v>27860</v>
      </c>
      <c r="BK29" s="114">
        <v>74831</v>
      </c>
      <c r="BL29" s="114">
        <v>0</v>
      </c>
      <c r="BM29" s="114">
        <v>55476</v>
      </c>
      <c r="BN29" s="114">
        <v>0</v>
      </c>
      <c r="BO29" s="113">
        <v>158167</v>
      </c>
      <c r="BP29" s="116">
        <v>158167</v>
      </c>
      <c r="BQ29" s="110">
        <v>35520</v>
      </c>
      <c r="BR29" s="114">
        <v>0</v>
      </c>
      <c r="BS29" s="113">
        <v>35520</v>
      </c>
      <c r="BT29" s="110">
        <v>0</v>
      </c>
      <c r="BU29" s="114">
        <v>104264</v>
      </c>
      <c r="BV29" s="114">
        <v>153280</v>
      </c>
      <c r="BW29" s="114">
        <v>124208</v>
      </c>
      <c r="BX29" s="114">
        <v>54880</v>
      </c>
      <c r="BY29" s="114">
        <v>191216</v>
      </c>
      <c r="BZ29" s="113">
        <v>627848</v>
      </c>
      <c r="CA29" s="116">
        <v>663368</v>
      </c>
      <c r="CB29" s="110">
        <v>62172</v>
      </c>
      <c r="CC29" s="114">
        <v>74812</v>
      </c>
      <c r="CD29" s="113">
        <v>136984</v>
      </c>
      <c r="CE29" s="110">
        <v>0</v>
      </c>
      <c r="CF29" s="114">
        <v>696146</v>
      </c>
      <c r="CG29" s="114">
        <v>569553</v>
      </c>
      <c r="CH29" s="114">
        <v>744007</v>
      </c>
      <c r="CI29" s="114">
        <v>0</v>
      </c>
      <c r="CJ29" s="114">
        <v>42452</v>
      </c>
      <c r="CK29" s="113">
        <v>2052158</v>
      </c>
      <c r="CL29" s="116">
        <v>2189142</v>
      </c>
      <c r="CM29" s="110">
        <v>0</v>
      </c>
      <c r="CN29" s="114">
        <v>0</v>
      </c>
      <c r="CO29" s="113">
        <v>0</v>
      </c>
      <c r="CP29" s="111">
        <v>0</v>
      </c>
      <c r="CQ29" s="114">
        <v>657149</v>
      </c>
      <c r="CR29" s="114">
        <v>401115</v>
      </c>
      <c r="CS29" s="114">
        <v>463116</v>
      </c>
      <c r="CT29" s="114">
        <v>0</v>
      </c>
      <c r="CU29" s="114">
        <v>42452</v>
      </c>
      <c r="CV29" s="113">
        <v>1563832</v>
      </c>
      <c r="CW29" s="116">
        <v>1563832</v>
      </c>
      <c r="CX29" s="110">
        <v>62172</v>
      </c>
      <c r="CY29" s="114">
        <v>74812</v>
      </c>
      <c r="CZ29" s="113">
        <v>136984</v>
      </c>
      <c r="DA29" s="110">
        <v>0</v>
      </c>
      <c r="DB29" s="114">
        <v>38997</v>
      </c>
      <c r="DC29" s="114">
        <v>168438</v>
      </c>
      <c r="DD29" s="114">
        <v>280891</v>
      </c>
      <c r="DE29" s="114">
        <v>0</v>
      </c>
      <c r="DF29" s="114">
        <v>0</v>
      </c>
      <c r="DG29" s="113">
        <v>488326</v>
      </c>
      <c r="DH29" s="116">
        <v>625310</v>
      </c>
      <c r="DI29" s="110">
        <v>0</v>
      </c>
      <c r="DJ29" s="114">
        <v>0</v>
      </c>
      <c r="DK29" s="112">
        <v>0</v>
      </c>
      <c r="DL29" s="111">
        <v>0</v>
      </c>
      <c r="DM29" s="114">
        <v>62821</v>
      </c>
      <c r="DN29" s="114">
        <v>157988</v>
      </c>
      <c r="DO29" s="114">
        <v>77536</v>
      </c>
      <c r="DP29" s="114">
        <v>-2199</v>
      </c>
      <c r="DQ29" s="114">
        <v>0</v>
      </c>
      <c r="DR29" s="113">
        <v>296146</v>
      </c>
      <c r="DS29" s="116">
        <v>296146</v>
      </c>
      <c r="DT29" s="110">
        <v>0</v>
      </c>
      <c r="DU29" s="114">
        <v>0</v>
      </c>
      <c r="DV29" s="113">
        <v>0</v>
      </c>
      <c r="DW29" s="110">
        <v>0</v>
      </c>
      <c r="DX29" s="114">
        <v>62821</v>
      </c>
      <c r="DY29" s="114">
        <v>157988</v>
      </c>
      <c r="DZ29" s="114">
        <v>77536</v>
      </c>
      <c r="EA29" s="114">
        <v>-2199</v>
      </c>
      <c r="EB29" s="114">
        <v>0</v>
      </c>
      <c r="EC29" s="113">
        <v>296146</v>
      </c>
      <c r="ED29" s="116">
        <v>296146</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87080</v>
      </c>
      <c r="FM29" s="114">
        <v>179600</v>
      </c>
      <c r="FN29" s="113">
        <v>266680</v>
      </c>
      <c r="FO29" s="110">
        <v>0</v>
      </c>
      <c r="FP29" s="114">
        <v>64432</v>
      </c>
      <c r="FQ29" s="114">
        <v>216120</v>
      </c>
      <c r="FR29" s="114">
        <v>156680</v>
      </c>
      <c r="FS29" s="114">
        <v>50848</v>
      </c>
      <c r="FT29" s="114">
        <v>75600</v>
      </c>
      <c r="FU29" s="113">
        <v>563680</v>
      </c>
      <c r="FV29" s="116">
        <v>830360</v>
      </c>
      <c r="FW29" s="115">
        <v>23080</v>
      </c>
      <c r="FX29" s="114">
        <v>19600</v>
      </c>
      <c r="FY29" s="112">
        <v>42680</v>
      </c>
      <c r="FZ29" s="111">
        <v>0</v>
      </c>
      <c r="GA29" s="114">
        <v>64432</v>
      </c>
      <c r="GB29" s="114">
        <v>192888</v>
      </c>
      <c r="GC29" s="114">
        <v>156680</v>
      </c>
      <c r="GD29" s="114">
        <v>50848</v>
      </c>
      <c r="GE29" s="114">
        <v>75600</v>
      </c>
      <c r="GF29" s="113">
        <v>540448</v>
      </c>
      <c r="GG29" s="318">
        <v>583128</v>
      </c>
      <c r="GH29" s="115">
        <v>0</v>
      </c>
      <c r="GI29" s="114">
        <v>0</v>
      </c>
      <c r="GJ29" s="112">
        <v>0</v>
      </c>
      <c r="GK29" s="111">
        <v>0</v>
      </c>
      <c r="GL29" s="114">
        <v>0</v>
      </c>
      <c r="GM29" s="114">
        <v>23232</v>
      </c>
      <c r="GN29" s="114">
        <v>0</v>
      </c>
      <c r="GO29" s="114">
        <v>0</v>
      </c>
      <c r="GP29" s="114">
        <v>0</v>
      </c>
      <c r="GQ29" s="113">
        <v>23232</v>
      </c>
      <c r="GR29" s="116">
        <v>23232</v>
      </c>
      <c r="GS29" s="110">
        <v>64000</v>
      </c>
      <c r="GT29" s="114">
        <v>160000</v>
      </c>
      <c r="GU29" s="113">
        <v>224000</v>
      </c>
      <c r="GV29" s="110">
        <v>0</v>
      </c>
      <c r="GW29" s="114">
        <v>0</v>
      </c>
      <c r="GX29" s="114">
        <v>0</v>
      </c>
      <c r="GY29" s="114">
        <v>0</v>
      </c>
      <c r="GZ29" s="114">
        <v>0</v>
      </c>
      <c r="HA29" s="114">
        <v>0</v>
      </c>
      <c r="HB29" s="112">
        <v>0</v>
      </c>
      <c r="HC29" s="116">
        <v>224000</v>
      </c>
      <c r="HD29" s="110">
        <v>198731</v>
      </c>
      <c r="HE29" s="114">
        <v>90967</v>
      </c>
      <c r="HF29" s="112">
        <v>289698</v>
      </c>
      <c r="HG29" s="111">
        <v>0</v>
      </c>
      <c r="HH29" s="114">
        <v>299634</v>
      </c>
      <c r="HI29" s="114">
        <v>815079</v>
      </c>
      <c r="HJ29" s="114">
        <v>549535</v>
      </c>
      <c r="HK29" s="114">
        <v>388601</v>
      </c>
      <c r="HL29" s="114">
        <v>1088964</v>
      </c>
      <c r="HM29" s="113">
        <v>3141813</v>
      </c>
      <c r="HN29" s="109">
        <v>3431511</v>
      </c>
      <c r="HO29" s="328"/>
      <c r="HP29" s="329"/>
      <c r="HQ29" s="330"/>
      <c r="HR29" s="331"/>
      <c r="HS29" s="329"/>
      <c r="HT29" s="329"/>
      <c r="HU29" s="329"/>
      <c r="HV29" s="329"/>
      <c r="HW29" s="329"/>
      <c r="HX29" s="332"/>
      <c r="HY29" s="333"/>
      <c r="HZ29" s="131">
        <v>0</v>
      </c>
      <c r="IA29" s="132">
        <v>0</v>
      </c>
      <c r="IB29" s="133">
        <v>0</v>
      </c>
      <c r="IC29" s="146">
        <v>0</v>
      </c>
      <c r="ID29" s="132">
        <v>110998</v>
      </c>
      <c r="IE29" s="147">
        <v>140862</v>
      </c>
      <c r="IF29" s="133">
        <v>868341</v>
      </c>
      <c r="IG29" s="132">
        <v>0</v>
      </c>
      <c r="IH29" s="133">
        <v>227320</v>
      </c>
      <c r="II29" s="148">
        <v>1347521</v>
      </c>
      <c r="IJ29" s="139">
        <v>1347521</v>
      </c>
      <c r="IK29" s="232">
        <v>0</v>
      </c>
      <c r="IL29" s="236">
        <v>0</v>
      </c>
      <c r="IM29" s="237">
        <v>0</v>
      </c>
      <c r="IN29" s="140"/>
      <c r="IO29" s="119">
        <v>0</v>
      </c>
      <c r="IP29" s="119">
        <v>0</v>
      </c>
      <c r="IQ29" s="119">
        <v>164168</v>
      </c>
      <c r="IR29" s="119">
        <v>0</v>
      </c>
      <c r="IS29" s="119">
        <v>0</v>
      </c>
      <c r="IT29" s="141">
        <v>164168</v>
      </c>
      <c r="IU29" s="320">
        <v>164168</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55564</v>
      </c>
      <c r="JL29" s="119">
        <v>140862</v>
      </c>
      <c r="JM29" s="119">
        <v>210087</v>
      </c>
      <c r="JN29" s="119">
        <v>0</v>
      </c>
      <c r="JO29" s="119">
        <v>0</v>
      </c>
      <c r="JP29" s="120">
        <v>406513</v>
      </c>
      <c r="JQ29" s="320">
        <v>406513</v>
      </c>
      <c r="JR29" s="142">
        <v>0</v>
      </c>
      <c r="JS29" s="119">
        <v>0</v>
      </c>
      <c r="JT29" s="141">
        <v>0</v>
      </c>
      <c r="JU29" s="118">
        <v>0</v>
      </c>
      <c r="JV29" s="119">
        <v>55434</v>
      </c>
      <c r="JW29" s="119">
        <v>0</v>
      </c>
      <c r="JX29" s="119">
        <v>56996</v>
      </c>
      <c r="JY29" s="119">
        <v>0</v>
      </c>
      <c r="JZ29" s="119">
        <v>0</v>
      </c>
      <c r="KA29" s="120">
        <v>112430</v>
      </c>
      <c r="KB29" s="320">
        <v>112430</v>
      </c>
      <c r="KC29" s="234">
        <v>0</v>
      </c>
      <c r="KD29" s="230">
        <v>0</v>
      </c>
      <c r="KE29" s="120">
        <v>0</v>
      </c>
      <c r="KF29" s="118">
        <v>0</v>
      </c>
      <c r="KG29" s="119">
        <v>0</v>
      </c>
      <c r="KH29" s="119">
        <v>0</v>
      </c>
      <c r="KI29" s="119">
        <v>0</v>
      </c>
      <c r="KJ29" s="119">
        <v>0</v>
      </c>
      <c r="KK29" s="119">
        <v>0</v>
      </c>
      <c r="KL29" s="120">
        <v>0</v>
      </c>
      <c r="KM29" s="143">
        <v>0</v>
      </c>
      <c r="KN29" s="232">
        <v>0</v>
      </c>
      <c r="KO29" s="236">
        <v>0</v>
      </c>
      <c r="KP29" s="237">
        <v>0</v>
      </c>
      <c r="KQ29" s="140"/>
      <c r="KR29" s="119">
        <v>0</v>
      </c>
      <c r="KS29" s="119">
        <v>0</v>
      </c>
      <c r="KT29" s="119">
        <v>437090</v>
      </c>
      <c r="KU29" s="119">
        <v>0</v>
      </c>
      <c r="KV29" s="119">
        <v>227320</v>
      </c>
      <c r="KW29" s="120">
        <v>664410</v>
      </c>
      <c r="KX29" s="320">
        <v>664410</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226915</v>
      </c>
      <c r="ML29" s="119">
        <v>704104</v>
      </c>
      <c r="MM29" s="119">
        <v>1420779</v>
      </c>
      <c r="MN29" s="119">
        <v>493448</v>
      </c>
      <c r="MO29" s="120">
        <v>2845246</v>
      </c>
      <c r="MP29" s="143">
        <v>2845246</v>
      </c>
      <c r="MQ29" s="142">
        <v>0</v>
      </c>
      <c r="MR29" s="119">
        <v>0</v>
      </c>
      <c r="MS29" s="120">
        <v>0</v>
      </c>
      <c r="MT29" s="145"/>
      <c r="MU29" s="119">
        <v>0</v>
      </c>
      <c r="MV29" s="119">
        <v>0</v>
      </c>
      <c r="MW29" s="119">
        <v>0</v>
      </c>
      <c r="MX29" s="119">
        <v>859617</v>
      </c>
      <c r="MY29" s="119">
        <v>493448</v>
      </c>
      <c r="MZ29" s="120">
        <v>1353065</v>
      </c>
      <c r="NA29" s="143">
        <v>1353065</v>
      </c>
      <c r="NB29" s="142">
        <v>0</v>
      </c>
      <c r="NC29" s="119">
        <v>0</v>
      </c>
      <c r="ND29" s="120">
        <v>0</v>
      </c>
      <c r="NE29" s="145"/>
      <c r="NF29" s="119">
        <v>0</v>
      </c>
      <c r="NG29" s="119">
        <v>226915</v>
      </c>
      <c r="NH29" s="119">
        <v>704104</v>
      </c>
      <c r="NI29" s="119">
        <v>561162</v>
      </c>
      <c r="NJ29" s="119">
        <v>0</v>
      </c>
      <c r="NK29" s="120">
        <v>1492181</v>
      </c>
      <c r="NL29" s="320">
        <v>1492181</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421106</v>
      </c>
      <c r="OJ29" s="119">
        <v>409410</v>
      </c>
      <c r="OK29" s="141">
        <v>830516</v>
      </c>
      <c r="OL29" s="118">
        <v>0</v>
      </c>
      <c r="OM29" s="119">
        <v>1828209</v>
      </c>
      <c r="ON29" s="119">
        <v>2814301</v>
      </c>
      <c r="OO29" s="119">
        <v>3695730</v>
      </c>
      <c r="OP29" s="119">
        <v>2313184</v>
      </c>
      <c r="OQ29" s="119">
        <v>3170942</v>
      </c>
      <c r="OR29" s="120">
        <v>13822366</v>
      </c>
      <c r="OS29" s="143">
        <v>14652882</v>
      </c>
    </row>
    <row r="30" spans="2:409" ht="21" customHeight="1" x14ac:dyDescent="0.2">
      <c r="B30" s="126" t="s">
        <v>25</v>
      </c>
      <c r="C30" s="110">
        <v>85596</v>
      </c>
      <c r="D30" s="114">
        <v>320785</v>
      </c>
      <c r="E30" s="113">
        <v>406381</v>
      </c>
      <c r="F30" s="109">
        <v>0</v>
      </c>
      <c r="G30" s="114">
        <v>1479341</v>
      </c>
      <c r="H30" s="114">
        <v>860845</v>
      </c>
      <c r="I30" s="114">
        <v>1313402</v>
      </c>
      <c r="J30" s="114">
        <v>1047251</v>
      </c>
      <c r="K30" s="114">
        <v>233520</v>
      </c>
      <c r="L30" s="173">
        <v>4934359</v>
      </c>
      <c r="M30" s="116">
        <v>5340740</v>
      </c>
      <c r="N30" s="110">
        <v>0</v>
      </c>
      <c r="O30" s="114">
        <v>93924</v>
      </c>
      <c r="P30" s="113">
        <v>93924</v>
      </c>
      <c r="Q30" s="110">
        <v>0</v>
      </c>
      <c r="R30" s="114">
        <v>392241</v>
      </c>
      <c r="S30" s="114">
        <v>236055</v>
      </c>
      <c r="T30" s="114">
        <v>636239</v>
      </c>
      <c r="U30" s="114">
        <v>101190</v>
      </c>
      <c r="V30" s="114">
        <v>22640</v>
      </c>
      <c r="W30" s="113">
        <v>1388365</v>
      </c>
      <c r="X30" s="116">
        <v>1482289</v>
      </c>
      <c r="Y30" s="110">
        <v>0</v>
      </c>
      <c r="Z30" s="114">
        <v>0</v>
      </c>
      <c r="AA30" s="113">
        <v>0</v>
      </c>
      <c r="AB30" s="110">
        <v>0</v>
      </c>
      <c r="AC30" s="114">
        <v>197077</v>
      </c>
      <c r="AD30" s="114">
        <v>102281</v>
      </c>
      <c r="AE30" s="114">
        <v>413856</v>
      </c>
      <c r="AF30" s="114">
        <v>0</v>
      </c>
      <c r="AG30" s="114">
        <v>0</v>
      </c>
      <c r="AH30" s="113">
        <v>713214</v>
      </c>
      <c r="AI30" s="116">
        <v>713214</v>
      </c>
      <c r="AJ30" s="110">
        <v>0</v>
      </c>
      <c r="AK30" s="114">
        <v>0</v>
      </c>
      <c r="AL30" s="113">
        <v>0</v>
      </c>
      <c r="AM30" s="110">
        <v>0</v>
      </c>
      <c r="AN30" s="114">
        <v>0</v>
      </c>
      <c r="AO30" s="114">
        <v>0</v>
      </c>
      <c r="AP30" s="114">
        <v>59537</v>
      </c>
      <c r="AQ30" s="114">
        <v>0</v>
      </c>
      <c r="AR30" s="114">
        <v>0</v>
      </c>
      <c r="AS30" s="113">
        <v>59537</v>
      </c>
      <c r="AT30" s="116">
        <v>59537</v>
      </c>
      <c r="AU30" s="110">
        <v>0</v>
      </c>
      <c r="AV30" s="114">
        <v>21826</v>
      </c>
      <c r="AW30" s="113">
        <v>21826</v>
      </c>
      <c r="AX30" s="110">
        <v>0</v>
      </c>
      <c r="AY30" s="114">
        <v>146732</v>
      </c>
      <c r="AZ30" s="114">
        <v>117254</v>
      </c>
      <c r="BA30" s="114">
        <v>94730</v>
      </c>
      <c r="BB30" s="114">
        <v>78286</v>
      </c>
      <c r="BC30" s="114">
        <v>0</v>
      </c>
      <c r="BD30" s="113">
        <v>437002</v>
      </c>
      <c r="BE30" s="116">
        <v>458828</v>
      </c>
      <c r="BF30" s="110">
        <v>0</v>
      </c>
      <c r="BG30" s="114">
        <v>57138</v>
      </c>
      <c r="BH30" s="112">
        <v>57138</v>
      </c>
      <c r="BI30" s="111">
        <v>0</v>
      </c>
      <c r="BJ30" s="114">
        <v>0</v>
      </c>
      <c r="BK30" s="114">
        <v>0</v>
      </c>
      <c r="BL30" s="114">
        <v>37988</v>
      </c>
      <c r="BM30" s="114">
        <v>0</v>
      </c>
      <c r="BN30" s="114">
        <v>0</v>
      </c>
      <c r="BO30" s="113">
        <v>37988</v>
      </c>
      <c r="BP30" s="116">
        <v>95126</v>
      </c>
      <c r="BQ30" s="110">
        <v>0</v>
      </c>
      <c r="BR30" s="114">
        <v>14960</v>
      </c>
      <c r="BS30" s="113">
        <v>14960</v>
      </c>
      <c r="BT30" s="110">
        <v>0</v>
      </c>
      <c r="BU30" s="114">
        <v>48432</v>
      </c>
      <c r="BV30" s="114">
        <v>16520</v>
      </c>
      <c r="BW30" s="114">
        <v>30128</v>
      </c>
      <c r="BX30" s="114">
        <v>22904</v>
      </c>
      <c r="BY30" s="114">
        <v>22640</v>
      </c>
      <c r="BZ30" s="113">
        <v>140624</v>
      </c>
      <c r="CA30" s="116">
        <v>155584</v>
      </c>
      <c r="CB30" s="110">
        <v>78524</v>
      </c>
      <c r="CC30" s="114">
        <v>36431</v>
      </c>
      <c r="CD30" s="113">
        <v>114955</v>
      </c>
      <c r="CE30" s="110">
        <v>0</v>
      </c>
      <c r="CF30" s="114">
        <v>519165</v>
      </c>
      <c r="CG30" s="114">
        <v>477638</v>
      </c>
      <c r="CH30" s="114">
        <v>391679</v>
      </c>
      <c r="CI30" s="114">
        <v>312260</v>
      </c>
      <c r="CJ30" s="114">
        <v>0</v>
      </c>
      <c r="CK30" s="113">
        <v>1700742</v>
      </c>
      <c r="CL30" s="116">
        <v>1815697</v>
      </c>
      <c r="CM30" s="110">
        <v>0</v>
      </c>
      <c r="CN30" s="114">
        <v>0</v>
      </c>
      <c r="CO30" s="113">
        <v>0</v>
      </c>
      <c r="CP30" s="111">
        <v>0</v>
      </c>
      <c r="CQ30" s="114">
        <v>434158</v>
      </c>
      <c r="CR30" s="114">
        <v>162440</v>
      </c>
      <c r="CS30" s="114">
        <v>90871</v>
      </c>
      <c r="CT30" s="114">
        <v>280602</v>
      </c>
      <c r="CU30" s="114">
        <v>0</v>
      </c>
      <c r="CV30" s="113">
        <v>968071</v>
      </c>
      <c r="CW30" s="116">
        <v>968071</v>
      </c>
      <c r="CX30" s="110">
        <v>78524</v>
      </c>
      <c r="CY30" s="114">
        <v>36431</v>
      </c>
      <c r="CZ30" s="113">
        <v>114955</v>
      </c>
      <c r="DA30" s="110">
        <v>0</v>
      </c>
      <c r="DB30" s="114">
        <v>85007</v>
      </c>
      <c r="DC30" s="114">
        <v>315198</v>
      </c>
      <c r="DD30" s="114">
        <v>300808</v>
      </c>
      <c r="DE30" s="114">
        <v>31658</v>
      </c>
      <c r="DF30" s="114">
        <v>0</v>
      </c>
      <c r="DG30" s="113">
        <v>732671</v>
      </c>
      <c r="DH30" s="116">
        <v>847626</v>
      </c>
      <c r="DI30" s="110">
        <v>0</v>
      </c>
      <c r="DJ30" s="114">
        <v>0</v>
      </c>
      <c r="DK30" s="112">
        <v>0</v>
      </c>
      <c r="DL30" s="111">
        <v>0</v>
      </c>
      <c r="DM30" s="114">
        <v>130494</v>
      </c>
      <c r="DN30" s="114">
        <v>0</v>
      </c>
      <c r="DO30" s="114">
        <v>0</v>
      </c>
      <c r="DP30" s="114">
        <v>156088</v>
      </c>
      <c r="DQ30" s="114">
        <v>0</v>
      </c>
      <c r="DR30" s="113">
        <v>286582</v>
      </c>
      <c r="DS30" s="116">
        <v>286582</v>
      </c>
      <c r="DT30" s="110">
        <v>0</v>
      </c>
      <c r="DU30" s="114">
        <v>0</v>
      </c>
      <c r="DV30" s="113">
        <v>0</v>
      </c>
      <c r="DW30" s="110">
        <v>0</v>
      </c>
      <c r="DX30" s="114">
        <v>24172</v>
      </c>
      <c r="DY30" s="114">
        <v>0</v>
      </c>
      <c r="DZ30" s="114">
        <v>0</v>
      </c>
      <c r="EA30" s="114">
        <v>156088</v>
      </c>
      <c r="EB30" s="114">
        <v>0</v>
      </c>
      <c r="EC30" s="113">
        <v>180260</v>
      </c>
      <c r="ED30" s="116">
        <v>180260</v>
      </c>
      <c r="EE30" s="110">
        <v>0</v>
      </c>
      <c r="EF30" s="112">
        <v>0</v>
      </c>
      <c r="EG30" s="113">
        <v>0</v>
      </c>
      <c r="EH30" s="110">
        <v>0</v>
      </c>
      <c r="EI30" s="114">
        <v>106322</v>
      </c>
      <c r="EJ30" s="114">
        <v>0</v>
      </c>
      <c r="EK30" s="114">
        <v>0</v>
      </c>
      <c r="EL30" s="114">
        <v>0</v>
      </c>
      <c r="EM30" s="114">
        <v>0</v>
      </c>
      <c r="EN30" s="112">
        <v>106322</v>
      </c>
      <c r="EO30" s="116">
        <v>106322</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7072</v>
      </c>
      <c r="FM30" s="114">
        <v>107408</v>
      </c>
      <c r="FN30" s="113">
        <v>114480</v>
      </c>
      <c r="FO30" s="110">
        <v>0</v>
      </c>
      <c r="FP30" s="114">
        <v>10112</v>
      </c>
      <c r="FQ30" s="114">
        <v>147152</v>
      </c>
      <c r="FR30" s="114">
        <v>115376</v>
      </c>
      <c r="FS30" s="114">
        <v>79920</v>
      </c>
      <c r="FT30" s="114">
        <v>0</v>
      </c>
      <c r="FU30" s="113">
        <v>352560</v>
      </c>
      <c r="FV30" s="116">
        <v>467040</v>
      </c>
      <c r="FW30" s="115">
        <v>7072</v>
      </c>
      <c r="FX30" s="114">
        <v>55408</v>
      </c>
      <c r="FY30" s="112">
        <v>62480</v>
      </c>
      <c r="FZ30" s="111">
        <v>0</v>
      </c>
      <c r="GA30" s="114">
        <v>10112</v>
      </c>
      <c r="GB30" s="114">
        <v>147152</v>
      </c>
      <c r="GC30" s="114">
        <v>115376</v>
      </c>
      <c r="GD30" s="114">
        <v>79920</v>
      </c>
      <c r="GE30" s="114">
        <v>0</v>
      </c>
      <c r="GF30" s="113">
        <v>352560</v>
      </c>
      <c r="GG30" s="318">
        <v>415040</v>
      </c>
      <c r="GH30" s="115">
        <v>0</v>
      </c>
      <c r="GI30" s="114">
        <v>0</v>
      </c>
      <c r="GJ30" s="112">
        <v>0</v>
      </c>
      <c r="GK30" s="111">
        <v>0</v>
      </c>
      <c r="GL30" s="114">
        <v>0</v>
      </c>
      <c r="GM30" s="114">
        <v>0</v>
      </c>
      <c r="GN30" s="114">
        <v>0</v>
      </c>
      <c r="GO30" s="114">
        <v>0</v>
      </c>
      <c r="GP30" s="114">
        <v>0</v>
      </c>
      <c r="GQ30" s="113">
        <v>0</v>
      </c>
      <c r="GR30" s="116">
        <v>0</v>
      </c>
      <c r="GS30" s="110">
        <v>0</v>
      </c>
      <c r="GT30" s="114">
        <v>52000</v>
      </c>
      <c r="GU30" s="113">
        <v>52000</v>
      </c>
      <c r="GV30" s="110">
        <v>0</v>
      </c>
      <c r="GW30" s="114">
        <v>0</v>
      </c>
      <c r="GX30" s="114">
        <v>0</v>
      </c>
      <c r="GY30" s="114">
        <v>0</v>
      </c>
      <c r="GZ30" s="114">
        <v>0</v>
      </c>
      <c r="HA30" s="114">
        <v>0</v>
      </c>
      <c r="HB30" s="112">
        <v>0</v>
      </c>
      <c r="HC30" s="116">
        <v>52000</v>
      </c>
      <c r="HD30" s="110">
        <v>0</v>
      </c>
      <c r="HE30" s="114">
        <v>83022</v>
      </c>
      <c r="HF30" s="112">
        <v>83022</v>
      </c>
      <c r="HG30" s="111">
        <v>0</v>
      </c>
      <c r="HH30" s="114">
        <v>427329</v>
      </c>
      <c r="HI30" s="114">
        <v>0</v>
      </c>
      <c r="HJ30" s="114">
        <v>170108</v>
      </c>
      <c r="HK30" s="114">
        <v>397793</v>
      </c>
      <c r="HL30" s="114">
        <v>210880</v>
      </c>
      <c r="HM30" s="113">
        <v>1206110</v>
      </c>
      <c r="HN30" s="109">
        <v>1289132</v>
      </c>
      <c r="HO30" s="328"/>
      <c r="HP30" s="329"/>
      <c r="HQ30" s="330"/>
      <c r="HR30" s="331"/>
      <c r="HS30" s="329"/>
      <c r="HT30" s="329"/>
      <c r="HU30" s="329"/>
      <c r="HV30" s="329"/>
      <c r="HW30" s="329"/>
      <c r="HX30" s="332"/>
      <c r="HY30" s="333"/>
      <c r="HZ30" s="150">
        <v>41280</v>
      </c>
      <c r="IA30" s="135">
        <v>0</v>
      </c>
      <c r="IB30" s="150">
        <v>41280</v>
      </c>
      <c r="IC30" s="134">
        <v>0</v>
      </c>
      <c r="ID30" s="135">
        <v>150126</v>
      </c>
      <c r="IE30" s="136">
        <v>25020</v>
      </c>
      <c r="IF30" s="137">
        <v>0</v>
      </c>
      <c r="IG30" s="135">
        <v>0</v>
      </c>
      <c r="IH30" s="137">
        <v>0</v>
      </c>
      <c r="II30" s="138">
        <v>175146</v>
      </c>
      <c r="IJ30" s="150">
        <v>216426</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150126</v>
      </c>
      <c r="JL30" s="119">
        <v>25020</v>
      </c>
      <c r="JM30" s="119">
        <v>0</v>
      </c>
      <c r="JN30" s="119">
        <v>0</v>
      </c>
      <c r="JO30" s="119">
        <v>0</v>
      </c>
      <c r="JP30" s="120">
        <v>175146</v>
      </c>
      <c r="JQ30" s="320">
        <v>175146</v>
      </c>
      <c r="JR30" s="142">
        <v>0</v>
      </c>
      <c r="JS30" s="119">
        <v>0</v>
      </c>
      <c r="JT30" s="141">
        <v>0</v>
      </c>
      <c r="JU30" s="118">
        <v>0</v>
      </c>
      <c r="JV30" s="119">
        <v>0</v>
      </c>
      <c r="JW30" s="119">
        <v>0</v>
      </c>
      <c r="JX30" s="119">
        <v>0</v>
      </c>
      <c r="JY30" s="119">
        <v>0</v>
      </c>
      <c r="JZ30" s="119">
        <v>0</v>
      </c>
      <c r="KA30" s="120">
        <v>0</v>
      </c>
      <c r="KB30" s="320">
        <v>0</v>
      </c>
      <c r="KC30" s="234">
        <v>41280</v>
      </c>
      <c r="KD30" s="230">
        <v>0</v>
      </c>
      <c r="KE30" s="120">
        <v>41280</v>
      </c>
      <c r="KF30" s="118">
        <v>0</v>
      </c>
      <c r="KG30" s="119">
        <v>0</v>
      </c>
      <c r="KH30" s="119">
        <v>0</v>
      </c>
      <c r="KI30" s="119">
        <v>0</v>
      </c>
      <c r="KJ30" s="119">
        <v>0</v>
      </c>
      <c r="KK30" s="119">
        <v>0</v>
      </c>
      <c r="KL30" s="120">
        <v>0</v>
      </c>
      <c r="KM30" s="143">
        <v>41280</v>
      </c>
      <c r="KN30" s="232">
        <v>0</v>
      </c>
      <c r="KO30" s="236">
        <v>0</v>
      </c>
      <c r="KP30" s="237">
        <v>0</v>
      </c>
      <c r="KQ30" s="140"/>
      <c r="KR30" s="119">
        <v>0</v>
      </c>
      <c r="KS30" s="119">
        <v>0</v>
      </c>
      <c r="KT30" s="119">
        <v>0</v>
      </c>
      <c r="KU30" s="119">
        <v>0</v>
      </c>
      <c r="KV30" s="119">
        <v>0</v>
      </c>
      <c r="KW30" s="120">
        <v>0</v>
      </c>
      <c r="KX30" s="320">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243802</v>
      </c>
      <c r="MK30" s="119">
        <v>188392</v>
      </c>
      <c r="ML30" s="119">
        <v>855835</v>
      </c>
      <c r="MM30" s="119">
        <v>744554</v>
      </c>
      <c r="MN30" s="119">
        <v>1399496</v>
      </c>
      <c r="MO30" s="120">
        <v>3432079</v>
      </c>
      <c r="MP30" s="143">
        <v>3432079</v>
      </c>
      <c r="MQ30" s="142">
        <v>0</v>
      </c>
      <c r="MR30" s="119">
        <v>0</v>
      </c>
      <c r="MS30" s="120">
        <v>0</v>
      </c>
      <c r="MT30" s="145"/>
      <c r="MU30" s="119">
        <v>0</v>
      </c>
      <c r="MV30" s="119">
        <v>188392</v>
      </c>
      <c r="MW30" s="119">
        <v>855835</v>
      </c>
      <c r="MX30" s="119">
        <v>455978</v>
      </c>
      <c r="MY30" s="119">
        <v>239797</v>
      </c>
      <c r="MZ30" s="120">
        <v>1740002</v>
      </c>
      <c r="NA30" s="143">
        <v>1740002</v>
      </c>
      <c r="NB30" s="142">
        <v>0</v>
      </c>
      <c r="NC30" s="119">
        <v>0</v>
      </c>
      <c r="ND30" s="120">
        <v>0</v>
      </c>
      <c r="NE30" s="145"/>
      <c r="NF30" s="119">
        <v>243802</v>
      </c>
      <c r="NG30" s="119">
        <v>0</v>
      </c>
      <c r="NH30" s="119">
        <v>0</v>
      </c>
      <c r="NI30" s="119">
        <v>288576</v>
      </c>
      <c r="NJ30" s="119">
        <v>1159699</v>
      </c>
      <c r="NK30" s="120">
        <v>1692077</v>
      </c>
      <c r="NL30" s="320">
        <v>1692077</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126876</v>
      </c>
      <c r="OJ30" s="119">
        <v>320785</v>
      </c>
      <c r="OK30" s="141">
        <v>447661</v>
      </c>
      <c r="OL30" s="118">
        <v>0</v>
      </c>
      <c r="OM30" s="119">
        <v>1873269</v>
      </c>
      <c r="ON30" s="119">
        <v>1074257</v>
      </c>
      <c r="OO30" s="119">
        <v>2169237</v>
      </c>
      <c r="OP30" s="119">
        <v>1791805</v>
      </c>
      <c r="OQ30" s="119">
        <v>1633016</v>
      </c>
      <c r="OR30" s="120">
        <v>8541584</v>
      </c>
      <c r="OS30" s="143">
        <v>8989245</v>
      </c>
    </row>
    <row r="31" spans="2:409" ht="21" customHeight="1" x14ac:dyDescent="0.2">
      <c r="B31" s="126" t="s">
        <v>26</v>
      </c>
      <c r="C31" s="110">
        <v>112027</v>
      </c>
      <c r="D31" s="114">
        <v>55424</v>
      </c>
      <c r="E31" s="113">
        <v>167451</v>
      </c>
      <c r="F31" s="109">
        <v>0</v>
      </c>
      <c r="G31" s="114">
        <v>1332955</v>
      </c>
      <c r="H31" s="114">
        <v>1632644</v>
      </c>
      <c r="I31" s="114">
        <v>1536609</v>
      </c>
      <c r="J31" s="114">
        <v>566603</v>
      </c>
      <c r="K31" s="114">
        <v>636044</v>
      </c>
      <c r="L31" s="173">
        <v>5704855</v>
      </c>
      <c r="M31" s="116">
        <v>5872306</v>
      </c>
      <c r="N31" s="110">
        <v>34400</v>
      </c>
      <c r="O31" s="114">
        <v>0</v>
      </c>
      <c r="P31" s="113">
        <v>34400</v>
      </c>
      <c r="Q31" s="110">
        <v>0</v>
      </c>
      <c r="R31" s="114">
        <v>481739</v>
      </c>
      <c r="S31" s="114">
        <v>297795</v>
      </c>
      <c r="T31" s="114">
        <v>658256</v>
      </c>
      <c r="U31" s="114">
        <v>234987</v>
      </c>
      <c r="V31" s="114">
        <v>88739</v>
      </c>
      <c r="W31" s="113">
        <v>1761516</v>
      </c>
      <c r="X31" s="116">
        <v>1795916</v>
      </c>
      <c r="Y31" s="110">
        <v>0</v>
      </c>
      <c r="Z31" s="114">
        <v>0</v>
      </c>
      <c r="AA31" s="113">
        <v>0</v>
      </c>
      <c r="AB31" s="110">
        <v>0</v>
      </c>
      <c r="AC31" s="114">
        <v>359471</v>
      </c>
      <c r="AD31" s="114">
        <v>167037</v>
      </c>
      <c r="AE31" s="114">
        <v>419068</v>
      </c>
      <c r="AF31" s="114">
        <v>30868</v>
      </c>
      <c r="AG31" s="114">
        <v>0</v>
      </c>
      <c r="AH31" s="113">
        <v>976444</v>
      </c>
      <c r="AI31" s="116">
        <v>976444</v>
      </c>
      <c r="AJ31" s="110">
        <v>0</v>
      </c>
      <c r="AK31" s="114">
        <v>0</v>
      </c>
      <c r="AL31" s="113">
        <v>0</v>
      </c>
      <c r="AM31" s="110">
        <v>0</v>
      </c>
      <c r="AN31" s="114">
        <v>0</v>
      </c>
      <c r="AO31" s="114">
        <v>0</v>
      </c>
      <c r="AP31" s="114">
        <v>0</v>
      </c>
      <c r="AQ31" s="114">
        <v>93534</v>
      </c>
      <c r="AR31" s="114">
        <v>0</v>
      </c>
      <c r="AS31" s="113">
        <v>93534</v>
      </c>
      <c r="AT31" s="116">
        <v>93534</v>
      </c>
      <c r="AU31" s="110">
        <v>0</v>
      </c>
      <c r="AV31" s="114">
        <v>0</v>
      </c>
      <c r="AW31" s="113">
        <v>0</v>
      </c>
      <c r="AX31" s="110">
        <v>0</v>
      </c>
      <c r="AY31" s="114">
        <v>101372</v>
      </c>
      <c r="AZ31" s="114">
        <v>63686</v>
      </c>
      <c r="BA31" s="114">
        <v>106593</v>
      </c>
      <c r="BB31" s="114">
        <v>81433</v>
      </c>
      <c r="BC31" s="114">
        <v>33635</v>
      </c>
      <c r="BD31" s="113">
        <v>386719</v>
      </c>
      <c r="BE31" s="116">
        <v>386719</v>
      </c>
      <c r="BF31" s="110">
        <v>0</v>
      </c>
      <c r="BG31" s="114">
        <v>0</v>
      </c>
      <c r="BH31" s="112">
        <v>0</v>
      </c>
      <c r="BI31" s="111">
        <v>0</v>
      </c>
      <c r="BJ31" s="114">
        <v>0</v>
      </c>
      <c r="BK31" s="114">
        <v>0</v>
      </c>
      <c r="BL31" s="114">
        <v>51323</v>
      </c>
      <c r="BM31" s="114">
        <v>0</v>
      </c>
      <c r="BN31" s="114">
        <v>0</v>
      </c>
      <c r="BO31" s="113">
        <v>51323</v>
      </c>
      <c r="BP31" s="116">
        <v>51323</v>
      </c>
      <c r="BQ31" s="110">
        <v>34400</v>
      </c>
      <c r="BR31" s="114">
        <v>0</v>
      </c>
      <c r="BS31" s="113">
        <v>34400</v>
      </c>
      <c r="BT31" s="110">
        <v>0</v>
      </c>
      <c r="BU31" s="114">
        <v>20896</v>
      </c>
      <c r="BV31" s="114">
        <v>67072</v>
      </c>
      <c r="BW31" s="114">
        <v>81272</v>
      </c>
      <c r="BX31" s="114">
        <v>29152</v>
      </c>
      <c r="BY31" s="114">
        <v>55104</v>
      </c>
      <c r="BZ31" s="113">
        <v>253496</v>
      </c>
      <c r="CA31" s="116">
        <v>287896</v>
      </c>
      <c r="CB31" s="110">
        <v>20742</v>
      </c>
      <c r="CC31" s="114">
        <v>0</v>
      </c>
      <c r="CD31" s="113">
        <v>20742</v>
      </c>
      <c r="CE31" s="110">
        <v>0</v>
      </c>
      <c r="CF31" s="114">
        <v>410736</v>
      </c>
      <c r="CG31" s="114">
        <v>612164</v>
      </c>
      <c r="CH31" s="114">
        <v>321442</v>
      </c>
      <c r="CI31" s="114">
        <v>63568</v>
      </c>
      <c r="CJ31" s="114">
        <v>297122</v>
      </c>
      <c r="CK31" s="113">
        <v>1705032</v>
      </c>
      <c r="CL31" s="116">
        <v>1725774</v>
      </c>
      <c r="CM31" s="110">
        <v>0</v>
      </c>
      <c r="CN31" s="114">
        <v>0</v>
      </c>
      <c r="CO31" s="113">
        <v>0</v>
      </c>
      <c r="CP31" s="111">
        <v>0</v>
      </c>
      <c r="CQ31" s="114">
        <v>354344</v>
      </c>
      <c r="CR31" s="114">
        <v>329166</v>
      </c>
      <c r="CS31" s="114">
        <v>246257</v>
      </c>
      <c r="CT31" s="114">
        <v>63568</v>
      </c>
      <c r="CU31" s="114">
        <v>297122</v>
      </c>
      <c r="CV31" s="113">
        <v>1290457</v>
      </c>
      <c r="CW31" s="116">
        <v>1290457</v>
      </c>
      <c r="CX31" s="110">
        <v>20742</v>
      </c>
      <c r="CY31" s="114">
        <v>0</v>
      </c>
      <c r="CZ31" s="113">
        <v>20742</v>
      </c>
      <c r="DA31" s="110">
        <v>0</v>
      </c>
      <c r="DB31" s="114">
        <v>56392</v>
      </c>
      <c r="DC31" s="114">
        <v>282998</v>
      </c>
      <c r="DD31" s="114">
        <v>75185</v>
      </c>
      <c r="DE31" s="114">
        <v>0</v>
      </c>
      <c r="DF31" s="114">
        <v>0</v>
      </c>
      <c r="DG31" s="113">
        <v>414575</v>
      </c>
      <c r="DH31" s="116">
        <v>435317</v>
      </c>
      <c r="DI31" s="110">
        <v>0</v>
      </c>
      <c r="DJ31" s="114">
        <v>0</v>
      </c>
      <c r="DK31" s="112">
        <v>0</v>
      </c>
      <c r="DL31" s="111">
        <v>0</v>
      </c>
      <c r="DM31" s="114">
        <v>132262</v>
      </c>
      <c r="DN31" s="114">
        <v>388397</v>
      </c>
      <c r="DO31" s="114">
        <v>378460</v>
      </c>
      <c r="DP31" s="114">
        <v>199728</v>
      </c>
      <c r="DQ31" s="114">
        <v>0</v>
      </c>
      <c r="DR31" s="113">
        <v>1098847</v>
      </c>
      <c r="DS31" s="116">
        <v>1098847</v>
      </c>
      <c r="DT31" s="110">
        <v>0</v>
      </c>
      <c r="DU31" s="114">
        <v>0</v>
      </c>
      <c r="DV31" s="113">
        <v>0</v>
      </c>
      <c r="DW31" s="110">
        <v>0</v>
      </c>
      <c r="DX31" s="114">
        <v>132262</v>
      </c>
      <c r="DY31" s="114">
        <v>347540</v>
      </c>
      <c r="DZ31" s="114">
        <v>324284</v>
      </c>
      <c r="EA31" s="114">
        <v>199728</v>
      </c>
      <c r="EB31" s="114">
        <v>0</v>
      </c>
      <c r="EC31" s="113">
        <v>1003814</v>
      </c>
      <c r="ED31" s="116">
        <v>1003814</v>
      </c>
      <c r="EE31" s="110">
        <v>0</v>
      </c>
      <c r="EF31" s="112">
        <v>0</v>
      </c>
      <c r="EG31" s="113">
        <v>0</v>
      </c>
      <c r="EH31" s="110">
        <v>0</v>
      </c>
      <c r="EI31" s="114">
        <v>0</v>
      </c>
      <c r="EJ31" s="114">
        <v>40857</v>
      </c>
      <c r="EK31" s="114">
        <v>54176</v>
      </c>
      <c r="EL31" s="114">
        <v>0</v>
      </c>
      <c r="EM31" s="114">
        <v>0</v>
      </c>
      <c r="EN31" s="112">
        <v>95033</v>
      </c>
      <c r="EO31" s="116">
        <v>95033</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8080</v>
      </c>
      <c r="FM31" s="114">
        <v>55424</v>
      </c>
      <c r="FN31" s="113">
        <v>63504</v>
      </c>
      <c r="FO31" s="110">
        <v>0</v>
      </c>
      <c r="FP31" s="114">
        <v>54560</v>
      </c>
      <c r="FQ31" s="114">
        <v>173576</v>
      </c>
      <c r="FR31" s="114">
        <v>178451</v>
      </c>
      <c r="FS31" s="114">
        <v>68320</v>
      </c>
      <c r="FT31" s="114">
        <v>25184</v>
      </c>
      <c r="FU31" s="113">
        <v>500091</v>
      </c>
      <c r="FV31" s="116">
        <v>563595</v>
      </c>
      <c r="FW31" s="115">
        <v>8080</v>
      </c>
      <c r="FX31" s="114">
        <v>55424</v>
      </c>
      <c r="FY31" s="112">
        <v>63504</v>
      </c>
      <c r="FZ31" s="111">
        <v>0</v>
      </c>
      <c r="GA31" s="114">
        <v>54560</v>
      </c>
      <c r="GB31" s="114">
        <v>173576</v>
      </c>
      <c r="GC31" s="114">
        <v>161344</v>
      </c>
      <c r="GD31" s="114">
        <v>68320</v>
      </c>
      <c r="GE31" s="114">
        <v>25184</v>
      </c>
      <c r="GF31" s="113">
        <v>482984</v>
      </c>
      <c r="GG31" s="318">
        <v>546488</v>
      </c>
      <c r="GH31" s="115">
        <v>0</v>
      </c>
      <c r="GI31" s="114">
        <v>0</v>
      </c>
      <c r="GJ31" s="112">
        <v>0</v>
      </c>
      <c r="GK31" s="111">
        <v>0</v>
      </c>
      <c r="GL31" s="114">
        <v>0</v>
      </c>
      <c r="GM31" s="114">
        <v>0</v>
      </c>
      <c r="GN31" s="114">
        <v>17107</v>
      </c>
      <c r="GO31" s="114">
        <v>0</v>
      </c>
      <c r="GP31" s="114">
        <v>0</v>
      </c>
      <c r="GQ31" s="113">
        <v>17107</v>
      </c>
      <c r="GR31" s="116">
        <v>17107</v>
      </c>
      <c r="GS31" s="110">
        <v>0</v>
      </c>
      <c r="GT31" s="114">
        <v>0</v>
      </c>
      <c r="GU31" s="113">
        <v>0</v>
      </c>
      <c r="GV31" s="110">
        <v>0</v>
      </c>
      <c r="GW31" s="114">
        <v>0</v>
      </c>
      <c r="GX31" s="114">
        <v>0</v>
      </c>
      <c r="GY31" s="114">
        <v>0</v>
      </c>
      <c r="GZ31" s="114">
        <v>0</v>
      </c>
      <c r="HA31" s="114">
        <v>0</v>
      </c>
      <c r="HB31" s="112">
        <v>0</v>
      </c>
      <c r="HC31" s="116">
        <v>0</v>
      </c>
      <c r="HD31" s="110">
        <v>48805</v>
      </c>
      <c r="HE31" s="114">
        <v>0</v>
      </c>
      <c r="HF31" s="112">
        <v>48805</v>
      </c>
      <c r="HG31" s="111">
        <v>0</v>
      </c>
      <c r="HH31" s="114">
        <v>253658</v>
      </c>
      <c r="HI31" s="114">
        <v>160712</v>
      </c>
      <c r="HJ31" s="114">
        <v>0</v>
      </c>
      <c r="HK31" s="114">
        <v>0</v>
      </c>
      <c r="HL31" s="114">
        <v>224999</v>
      </c>
      <c r="HM31" s="113">
        <v>639369</v>
      </c>
      <c r="HN31" s="109">
        <v>688174</v>
      </c>
      <c r="HO31" s="328"/>
      <c r="HP31" s="329"/>
      <c r="HQ31" s="330"/>
      <c r="HR31" s="331"/>
      <c r="HS31" s="329"/>
      <c r="HT31" s="329"/>
      <c r="HU31" s="329"/>
      <c r="HV31" s="329"/>
      <c r="HW31" s="329"/>
      <c r="HX31" s="332"/>
      <c r="HY31" s="333"/>
      <c r="HZ31" s="131">
        <v>0</v>
      </c>
      <c r="IA31" s="132">
        <v>0</v>
      </c>
      <c r="IB31" s="133">
        <v>0</v>
      </c>
      <c r="IC31" s="146">
        <v>0</v>
      </c>
      <c r="ID31" s="132">
        <v>146867</v>
      </c>
      <c r="IE31" s="147">
        <v>256731</v>
      </c>
      <c r="IF31" s="133">
        <v>274010</v>
      </c>
      <c r="IG31" s="132">
        <v>230885</v>
      </c>
      <c r="IH31" s="133">
        <v>0</v>
      </c>
      <c r="II31" s="148">
        <v>908493</v>
      </c>
      <c r="IJ31" s="139">
        <v>908493</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146867</v>
      </c>
      <c r="JL31" s="119">
        <v>139127</v>
      </c>
      <c r="JM31" s="119">
        <v>41383</v>
      </c>
      <c r="JN31" s="119">
        <v>0</v>
      </c>
      <c r="JO31" s="119">
        <v>0</v>
      </c>
      <c r="JP31" s="120">
        <v>327377</v>
      </c>
      <c r="JQ31" s="320">
        <v>327377</v>
      </c>
      <c r="JR31" s="142">
        <v>0</v>
      </c>
      <c r="JS31" s="119">
        <v>0</v>
      </c>
      <c r="JT31" s="141">
        <v>0</v>
      </c>
      <c r="JU31" s="118">
        <v>0</v>
      </c>
      <c r="JV31" s="119">
        <v>0</v>
      </c>
      <c r="JW31" s="119">
        <v>117604</v>
      </c>
      <c r="JX31" s="119">
        <v>0</v>
      </c>
      <c r="JY31" s="119">
        <v>0</v>
      </c>
      <c r="JZ31" s="119">
        <v>0</v>
      </c>
      <c r="KA31" s="120">
        <v>117604</v>
      </c>
      <c r="KB31" s="320">
        <v>117604</v>
      </c>
      <c r="KC31" s="234">
        <v>0</v>
      </c>
      <c r="KD31" s="230">
        <v>0</v>
      </c>
      <c r="KE31" s="120">
        <v>0</v>
      </c>
      <c r="KF31" s="118">
        <v>0</v>
      </c>
      <c r="KG31" s="119">
        <v>0</v>
      </c>
      <c r="KH31" s="119">
        <v>0</v>
      </c>
      <c r="KI31" s="119">
        <v>0</v>
      </c>
      <c r="KJ31" s="119">
        <v>0</v>
      </c>
      <c r="KK31" s="119">
        <v>0</v>
      </c>
      <c r="KL31" s="120">
        <v>0</v>
      </c>
      <c r="KM31" s="143">
        <v>0</v>
      </c>
      <c r="KN31" s="232">
        <v>0</v>
      </c>
      <c r="KO31" s="236">
        <v>0</v>
      </c>
      <c r="KP31" s="237">
        <v>0</v>
      </c>
      <c r="KQ31" s="140"/>
      <c r="KR31" s="119">
        <v>0</v>
      </c>
      <c r="KS31" s="119">
        <v>0</v>
      </c>
      <c r="KT31" s="119">
        <v>232627</v>
      </c>
      <c r="KU31" s="119">
        <v>230885</v>
      </c>
      <c r="KV31" s="119">
        <v>0</v>
      </c>
      <c r="KW31" s="120">
        <v>463512</v>
      </c>
      <c r="KX31" s="320">
        <v>463512</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205152</v>
      </c>
      <c r="ML31" s="119">
        <v>584021</v>
      </c>
      <c r="MM31" s="119">
        <v>1254264</v>
      </c>
      <c r="MN31" s="119">
        <v>-284</v>
      </c>
      <c r="MO31" s="120">
        <v>2043153</v>
      </c>
      <c r="MP31" s="143">
        <v>2043153</v>
      </c>
      <c r="MQ31" s="142">
        <v>0</v>
      </c>
      <c r="MR31" s="119">
        <v>0</v>
      </c>
      <c r="MS31" s="120">
        <v>0</v>
      </c>
      <c r="MT31" s="145"/>
      <c r="MU31" s="119">
        <v>0</v>
      </c>
      <c r="MV31" s="119">
        <v>0</v>
      </c>
      <c r="MW31" s="119">
        <v>344714</v>
      </c>
      <c r="MX31" s="119">
        <v>734190</v>
      </c>
      <c r="MY31" s="119">
        <v>-284</v>
      </c>
      <c r="MZ31" s="120">
        <v>1078620</v>
      </c>
      <c r="NA31" s="143">
        <v>1078620</v>
      </c>
      <c r="NB31" s="142">
        <v>0</v>
      </c>
      <c r="NC31" s="119">
        <v>0</v>
      </c>
      <c r="ND31" s="120">
        <v>0</v>
      </c>
      <c r="NE31" s="145"/>
      <c r="NF31" s="119">
        <v>0</v>
      </c>
      <c r="NG31" s="119">
        <v>205152</v>
      </c>
      <c r="NH31" s="119">
        <v>239307</v>
      </c>
      <c r="NI31" s="119">
        <v>520074</v>
      </c>
      <c r="NJ31" s="119">
        <v>0</v>
      </c>
      <c r="NK31" s="120">
        <v>964533</v>
      </c>
      <c r="NL31" s="320">
        <v>964533</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12027</v>
      </c>
      <c r="OJ31" s="119">
        <v>55424</v>
      </c>
      <c r="OK31" s="141">
        <v>167451</v>
      </c>
      <c r="OL31" s="118">
        <v>0</v>
      </c>
      <c r="OM31" s="119">
        <v>1479822</v>
      </c>
      <c r="ON31" s="119">
        <v>2094527</v>
      </c>
      <c r="OO31" s="119">
        <v>2394640</v>
      </c>
      <c r="OP31" s="119">
        <v>2051752</v>
      </c>
      <c r="OQ31" s="119">
        <v>635760</v>
      </c>
      <c r="OR31" s="120">
        <v>8656501</v>
      </c>
      <c r="OS31" s="143">
        <v>8823952</v>
      </c>
    </row>
    <row r="32" spans="2:409" ht="21" customHeight="1" x14ac:dyDescent="0.2">
      <c r="B32" s="126" t="s">
        <v>27</v>
      </c>
      <c r="C32" s="110">
        <v>85358</v>
      </c>
      <c r="D32" s="114">
        <v>216373</v>
      </c>
      <c r="E32" s="113">
        <v>301731</v>
      </c>
      <c r="F32" s="109">
        <v>0</v>
      </c>
      <c r="G32" s="114">
        <v>1020549</v>
      </c>
      <c r="H32" s="114">
        <v>1506521</v>
      </c>
      <c r="I32" s="114">
        <v>1672431</v>
      </c>
      <c r="J32" s="114">
        <v>1510304</v>
      </c>
      <c r="K32" s="114">
        <v>850434</v>
      </c>
      <c r="L32" s="173">
        <v>6560239</v>
      </c>
      <c r="M32" s="116">
        <v>6861970</v>
      </c>
      <c r="N32" s="110">
        <v>33928</v>
      </c>
      <c r="O32" s="114">
        <v>61684</v>
      </c>
      <c r="P32" s="113">
        <v>95612</v>
      </c>
      <c r="Q32" s="110">
        <v>0</v>
      </c>
      <c r="R32" s="114">
        <v>170178</v>
      </c>
      <c r="S32" s="114">
        <v>387468</v>
      </c>
      <c r="T32" s="114">
        <v>686807</v>
      </c>
      <c r="U32" s="114">
        <v>670955</v>
      </c>
      <c r="V32" s="114">
        <v>544225</v>
      </c>
      <c r="W32" s="113">
        <v>2459633</v>
      </c>
      <c r="X32" s="116">
        <v>2555245</v>
      </c>
      <c r="Y32" s="110">
        <v>0</v>
      </c>
      <c r="Z32" s="114">
        <v>0</v>
      </c>
      <c r="AA32" s="113">
        <v>0</v>
      </c>
      <c r="AB32" s="110">
        <v>0</v>
      </c>
      <c r="AC32" s="114">
        <v>28416</v>
      </c>
      <c r="AD32" s="114">
        <v>174232</v>
      </c>
      <c r="AE32" s="114">
        <v>441921</v>
      </c>
      <c r="AF32" s="114">
        <v>409144</v>
      </c>
      <c r="AG32" s="114">
        <v>202520</v>
      </c>
      <c r="AH32" s="113">
        <v>1256233</v>
      </c>
      <c r="AI32" s="116">
        <v>1256233</v>
      </c>
      <c r="AJ32" s="110">
        <v>0</v>
      </c>
      <c r="AK32" s="114">
        <v>0</v>
      </c>
      <c r="AL32" s="113">
        <v>0</v>
      </c>
      <c r="AM32" s="110">
        <v>0</v>
      </c>
      <c r="AN32" s="114">
        <v>0</v>
      </c>
      <c r="AO32" s="114">
        <v>0</v>
      </c>
      <c r="AP32" s="114">
        <v>0</v>
      </c>
      <c r="AQ32" s="114">
        <v>0</v>
      </c>
      <c r="AR32" s="114">
        <v>91078</v>
      </c>
      <c r="AS32" s="113">
        <v>91078</v>
      </c>
      <c r="AT32" s="116">
        <v>91078</v>
      </c>
      <c r="AU32" s="110">
        <v>18872</v>
      </c>
      <c r="AV32" s="114">
        <v>61684</v>
      </c>
      <c r="AW32" s="113">
        <v>80556</v>
      </c>
      <c r="AX32" s="110">
        <v>0</v>
      </c>
      <c r="AY32" s="114">
        <v>108858</v>
      </c>
      <c r="AZ32" s="114">
        <v>144776</v>
      </c>
      <c r="BA32" s="114">
        <v>169550</v>
      </c>
      <c r="BB32" s="114">
        <v>186531</v>
      </c>
      <c r="BC32" s="114">
        <v>209139</v>
      </c>
      <c r="BD32" s="113">
        <v>818854</v>
      </c>
      <c r="BE32" s="116">
        <v>899410</v>
      </c>
      <c r="BF32" s="110">
        <v>0</v>
      </c>
      <c r="BG32" s="114">
        <v>0</v>
      </c>
      <c r="BH32" s="112">
        <v>0</v>
      </c>
      <c r="BI32" s="111">
        <v>0</v>
      </c>
      <c r="BJ32" s="114">
        <v>0</v>
      </c>
      <c r="BK32" s="114">
        <v>23700</v>
      </c>
      <c r="BL32" s="114">
        <v>0</v>
      </c>
      <c r="BM32" s="114">
        <v>0</v>
      </c>
      <c r="BN32" s="114">
        <v>0</v>
      </c>
      <c r="BO32" s="113">
        <v>23700</v>
      </c>
      <c r="BP32" s="116">
        <v>23700</v>
      </c>
      <c r="BQ32" s="110">
        <v>15056</v>
      </c>
      <c r="BR32" s="114">
        <v>0</v>
      </c>
      <c r="BS32" s="113">
        <v>15056</v>
      </c>
      <c r="BT32" s="110">
        <v>0</v>
      </c>
      <c r="BU32" s="114">
        <v>32904</v>
      </c>
      <c r="BV32" s="114">
        <v>44760</v>
      </c>
      <c r="BW32" s="114">
        <v>75336</v>
      </c>
      <c r="BX32" s="114">
        <v>75280</v>
      </c>
      <c r="BY32" s="114">
        <v>41488</v>
      </c>
      <c r="BZ32" s="113">
        <v>269768</v>
      </c>
      <c r="CA32" s="116">
        <v>284824</v>
      </c>
      <c r="CB32" s="110">
        <v>0</v>
      </c>
      <c r="CC32" s="114">
        <v>77969</v>
      </c>
      <c r="CD32" s="113">
        <v>77969</v>
      </c>
      <c r="CE32" s="110">
        <v>0</v>
      </c>
      <c r="CF32" s="114">
        <v>536623</v>
      </c>
      <c r="CG32" s="114">
        <v>685191</v>
      </c>
      <c r="CH32" s="114">
        <v>595950</v>
      </c>
      <c r="CI32" s="114">
        <v>315518</v>
      </c>
      <c r="CJ32" s="114">
        <v>0</v>
      </c>
      <c r="CK32" s="113">
        <v>2133282</v>
      </c>
      <c r="CL32" s="116">
        <v>2211251</v>
      </c>
      <c r="CM32" s="110">
        <v>0</v>
      </c>
      <c r="CN32" s="114">
        <v>0</v>
      </c>
      <c r="CO32" s="113">
        <v>0</v>
      </c>
      <c r="CP32" s="111">
        <v>0</v>
      </c>
      <c r="CQ32" s="114">
        <v>488279</v>
      </c>
      <c r="CR32" s="114">
        <v>430887</v>
      </c>
      <c r="CS32" s="114">
        <v>500899</v>
      </c>
      <c r="CT32" s="114">
        <v>315518</v>
      </c>
      <c r="CU32" s="114">
        <v>0</v>
      </c>
      <c r="CV32" s="113">
        <v>1735583</v>
      </c>
      <c r="CW32" s="116">
        <v>1735583</v>
      </c>
      <c r="CX32" s="110">
        <v>0</v>
      </c>
      <c r="CY32" s="114">
        <v>77969</v>
      </c>
      <c r="CZ32" s="113">
        <v>77969</v>
      </c>
      <c r="DA32" s="110">
        <v>0</v>
      </c>
      <c r="DB32" s="114">
        <v>48344</v>
      </c>
      <c r="DC32" s="114">
        <v>254304</v>
      </c>
      <c r="DD32" s="114">
        <v>95051</v>
      </c>
      <c r="DE32" s="114">
        <v>0</v>
      </c>
      <c r="DF32" s="114">
        <v>0</v>
      </c>
      <c r="DG32" s="113">
        <v>397699</v>
      </c>
      <c r="DH32" s="116">
        <v>475668</v>
      </c>
      <c r="DI32" s="110">
        <v>0</v>
      </c>
      <c r="DJ32" s="114">
        <v>0</v>
      </c>
      <c r="DK32" s="112">
        <v>0</v>
      </c>
      <c r="DL32" s="111">
        <v>0</v>
      </c>
      <c r="DM32" s="114">
        <v>17024</v>
      </c>
      <c r="DN32" s="114">
        <v>59417</v>
      </c>
      <c r="DO32" s="114">
        <v>60538</v>
      </c>
      <c r="DP32" s="114">
        <v>34411</v>
      </c>
      <c r="DQ32" s="114">
        <v>28254</v>
      </c>
      <c r="DR32" s="113">
        <v>199644</v>
      </c>
      <c r="DS32" s="116">
        <v>199644</v>
      </c>
      <c r="DT32" s="110">
        <v>0</v>
      </c>
      <c r="DU32" s="114">
        <v>0</v>
      </c>
      <c r="DV32" s="113">
        <v>0</v>
      </c>
      <c r="DW32" s="110">
        <v>0</v>
      </c>
      <c r="DX32" s="114">
        <v>0</v>
      </c>
      <c r="DY32" s="114">
        <v>59417</v>
      </c>
      <c r="DZ32" s="114">
        <v>60538</v>
      </c>
      <c r="EA32" s="114">
        <v>34411</v>
      </c>
      <c r="EB32" s="114">
        <v>28254</v>
      </c>
      <c r="EC32" s="113">
        <v>182620</v>
      </c>
      <c r="ED32" s="116">
        <v>182620</v>
      </c>
      <c r="EE32" s="110">
        <v>0</v>
      </c>
      <c r="EF32" s="112">
        <v>0</v>
      </c>
      <c r="EG32" s="113">
        <v>0</v>
      </c>
      <c r="EH32" s="110">
        <v>0</v>
      </c>
      <c r="EI32" s="114">
        <v>17024</v>
      </c>
      <c r="EJ32" s="114">
        <v>0</v>
      </c>
      <c r="EK32" s="114">
        <v>0</v>
      </c>
      <c r="EL32" s="114">
        <v>0</v>
      </c>
      <c r="EM32" s="114">
        <v>0</v>
      </c>
      <c r="EN32" s="112">
        <v>17024</v>
      </c>
      <c r="EO32" s="116">
        <v>17024</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4000</v>
      </c>
      <c r="FM32" s="114">
        <v>76720</v>
      </c>
      <c r="FN32" s="113">
        <v>80720</v>
      </c>
      <c r="FO32" s="110">
        <v>0</v>
      </c>
      <c r="FP32" s="114">
        <v>8400</v>
      </c>
      <c r="FQ32" s="114">
        <v>165208</v>
      </c>
      <c r="FR32" s="114">
        <v>150016</v>
      </c>
      <c r="FS32" s="114">
        <v>106680</v>
      </c>
      <c r="FT32" s="114">
        <v>68160</v>
      </c>
      <c r="FU32" s="113">
        <v>498464</v>
      </c>
      <c r="FV32" s="116">
        <v>579184</v>
      </c>
      <c r="FW32" s="115">
        <v>4000</v>
      </c>
      <c r="FX32" s="114">
        <v>76720</v>
      </c>
      <c r="FY32" s="112">
        <v>80720</v>
      </c>
      <c r="FZ32" s="111">
        <v>0</v>
      </c>
      <c r="GA32" s="114">
        <v>8400</v>
      </c>
      <c r="GB32" s="114">
        <v>165208</v>
      </c>
      <c r="GC32" s="114">
        <v>107776</v>
      </c>
      <c r="GD32" s="114">
        <v>106680</v>
      </c>
      <c r="GE32" s="114">
        <v>68160</v>
      </c>
      <c r="GF32" s="113">
        <v>456224</v>
      </c>
      <c r="GG32" s="318">
        <v>536944</v>
      </c>
      <c r="GH32" s="115">
        <v>0</v>
      </c>
      <c r="GI32" s="114">
        <v>0</v>
      </c>
      <c r="GJ32" s="112">
        <v>0</v>
      </c>
      <c r="GK32" s="111">
        <v>0</v>
      </c>
      <c r="GL32" s="114">
        <v>0</v>
      </c>
      <c r="GM32" s="114">
        <v>0</v>
      </c>
      <c r="GN32" s="114">
        <v>0</v>
      </c>
      <c r="GO32" s="114">
        <v>0</v>
      </c>
      <c r="GP32" s="114">
        <v>0</v>
      </c>
      <c r="GQ32" s="113">
        <v>0</v>
      </c>
      <c r="GR32" s="116">
        <v>0</v>
      </c>
      <c r="GS32" s="110">
        <v>0</v>
      </c>
      <c r="GT32" s="114">
        <v>0</v>
      </c>
      <c r="GU32" s="113">
        <v>0</v>
      </c>
      <c r="GV32" s="110">
        <v>0</v>
      </c>
      <c r="GW32" s="114">
        <v>0</v>
      </c>
      <c r="GX32" s="114">
        <v>0</v>
      </c>
      <c r="GY32" s="114">
        <v>42240</v>
      </c>
      <c r="GZ32" s="114">
        <v>0</v>
      </c>
      <c r="HA32" s="114">
        <v>0</v>
      </c>
      <c r="HB32" s="112">
        <v>42240</v>
      </c>
      <c r="HC32" s="116">
        <v>42240</v>
      </c>
      <c r="HD32" s="110">
        <v>47430</v>
      </c>
      <c r="HE32" s="114">
        <v>0</v>
      </c>
      <c r="HF32" s="112">
        <v>47430</v>
      </c>
      <c r="HG32" s="111">
        <v>0</v>
      </c>
      <c r="HH32" s="114">
        <v>288324</v>
      </c>
      <c r="HI32" s="114">
        <v>209237</v>
      </c>
      <c r="HJ32" s="114">
        <v>179120</v>
      </c>
      <c r="HK32" s="114">
        <v>382740</v>
      </c>
      <c r="HL32" s="114">
        <v>209795</v>
      </c>
      <c r="HM32" s="113">
        <v>1269216</v>
      </c>
      <c r="HN32" s="109">
        <v>1316646</v>
      </c>
      <c r="HO32" s="328"/>
      <c r="HP32" s="329"/>
      <c r="HQ32" s="330"/>
      <c r="HR32" s="331"/>
      <c r="HS32" s="329"/>
      <c r="HT32" s="329"/>
      <c r="HU32" s="329"/>
      <c r="HV32" s="329"/>
      <c r="HW32" s="329"/>
      <c r="HX32" s="332"/>
      <c r="HY32" s="333"/>
      <c r="HZ32" s="150">
        <v>0</v>
      </c>
      <c r="IA32" s="135">
        <v>0</v>
      </c>
      <c r="IB32" s="150">
        <v>0</v>
      </c>
      <c r="IC32" s="134">
        <v>0</v>
      </c>
      <c r="ID32" s="135">
        <v>116144</v>
      </c>
      <c r="IE32" s="136">
        <v>75045</v>
      </c>
      <c r="IF32" s="137">
        <v>609866</v>
      </c>
      <c r="IG32" s="135">
        <v>474653</v>
      </c>
      <c r="IH32" s="137">
        <v>243636</v>
      </c>
      <c r="II32" s="138">
        <v>1519344</v>
      </c>
      <c r="IJ32" s="150">
        <v>1519344</v>
      </c>
      <c r="IK32" s="232">
        <v>0</v>
      </c>
      <c r="IL32" s="236">
        <v>0</v>
      </c>
      <c r="IM32" s="237">
        <v>0</v>
      </c>
      <c r="IN32" s="140"/>
      <c r="IO32" s="119">
        <v>0</v>
      </c>
      <c r="IP32" s="119">
        <v>0</v>
      </c>
      <c r="IQ32" s="119">
        <v>175496</v>
      </c>
      <c r="IR32" s="119">
        <v>0</v>
      </c>
      <c r="IS32" s="119">
        <v>0</v>
      </c>
      <c r="IT32" s="141">
        <v>175496</v>
      </c>
      <c r="IU32" s="320">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9792</v>
      </c>
      <c r="JL32" s="119">
        <v>21221</v>
      </c>
      <c r="JM32" s="119">
        <v>0</v>
      </c>
      <c r="JN32" s="119">
        <v>0</v>
      </c>
      <c r="JO32" s="119">
        <v>0</v>
      </c>
      <c r="JP32" s="120">
        <v>31013</v>
      </c>
      <c r="JQ32" s="320">
        <v>31013</v>
      </c>
      <c r="JR32" s="142">
        <v>0</v>
      </c>
      <c r="JS32" s="119">
        <v>0</v>
      </c>
      <c r="JT32" s="141">
        <v>0</v>
      </c>
      <c r="JU32" s="118">
        <v>0</v>
      </c>
      <c r="JV32" s="119">
        <v>106352</v>
      </c>
      <c r="JW32" s="119">
        <v>53824</v>
      </c>
      <c r="JX32" s="119">
        <v>0</v>
      </c>
      <c r="JY32" s="119">
        <v>242552</v>
      </c>
      <c r="JZ32" s="119">
        <v>0</v>
      </c>
      <c r="KA32" s="120">
        <v>402728</v>
      </c>
      <c r="KB32" s="320">
        <v>402728</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226613</v>
      </c>
      <c r="KU32" s="119">
        <v>232101</v>
      </c>
      <c r="KV32" s="119">
        <v>0</v>
      </c>
      <c r="KW32" s="120">
        <v>458714</v>
      </c>
      <c r="KX32" s="320">
        <v>458714</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07757</v>
      </c>
      <c r="LQ32" s="119">
        <v>0</v>
      </c>
      <c r="LR32" s="119">
        <v>243636</v>
      </c>
      <c r="LS32" s="120">
        <v>451393</v>
      </c>
      <c r="LT32" s="320">
        <v>451393</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660798</v>
      </c>
      <c r="ML32" s="119">
        <v>956643</v>
      </c>
      <c r="MM32" s="119">
        <v>827401</v>
      </c>
      <c r="MN32" s="119">
        <v>0</v>
      </c>
      <c r="MO32" s="120">
        <v>2444842</v>
      </c>
      <c r="MP32" s="143">
        <v>2444842</v>
      </c>
      <c r="MQ32" s="142">
        <v>0</v>
      </c>
      <c r="MR32" s="119">
        <v>0</v>
      </c>
      <c r="MS32" s="120">
        <v>0</v>
      </c>
      <c r="MT32" s="145"/>
      <c r="MU32" s="119">
        <v>0</v>
      </c>
      <c r="MV32" s="119">
        <v>211908</v>
      </c>
      <c r="MW32" s="119">
        <v>0</v>
      </c>
      <c r="MX32" s="119">
        <v>0</v>
      </c>
      <c r="MY32" s="119">
        <v>0</v>
      </c>
      <c r="MZ32" s="120">
        <v>211908</v>
      </c>
      <c r="NA32" s="143">
        <v>211908</v>
      </c>
      <c r="NB32" s="142">
        <v>0</v>
      </c>
      <c r="NC32" s="119">
        <v>0</v>
      </c>
      <c r="ND32" s="120">
        <v>0</v>
      </c>
      <c r="NE32" s="145"/>
      <c r="NF32" s="119">
        <v>0</v>
      </c>
      <c r="NG32" s="119">
        <v>448890</v>
      </c>
      <c r="NH32" s="119">
        <v>956643</v>
      </c>
      <c r="NI32" s="119">
        <v>490868</v>
      </c>
      <c r="NJ32" s="119">
        <v>0</v>
      </c>
      <c r="NK32" s="120">
        <v>1896401</v>
      </c>
      <c r="NL32" s="320">
        <v>1896401</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336533</v>
      </c>
      <c r="OF32" s="119">
        <v>0</v>
      </c>
      <c r="OG32" s="120">
        <v>336533</v>
      </c>
      <c r="OH32" s="121">
        <v>336533</v>
      </c>
      <c r="OI32" s="142">
        <v>85358</v>
      </c>
      <c r="OJ32" s="119">
        <v>216373</v>
      </c>
      <c r="OK32" s="141">
        <v>301731</v>
      </c>
      <c r="OL32" s="118">
        <v>0</v>
      </c>
      <c r="OM32" s="119">
        <v>1136693</v>
      </c>
      <c r="ON32" s="119">
        <v>2242364</v>
      </c>
      <c r="OO32" s="119">
        <v>3238940</v>
      </c>
      <c r="OP32" s="119">
        <v>2812358</v>
      </c>
      <c r="OQ32" s="119">
        <v>1094070</v>
      </c>
      <c r="OR32" s="120">
        <v>10524425</v>
      </c>
      <c r="OS32" s="143">
        <v>10826156</v>
      </c>
    </row>
    <row r="33" spans="2:409" ht="21" customHeight="1" x14ac:dyDescent="0.2">
      <c r="B33" s="126" t="s">
        <v>28</v>
      </c>
      <c r="C33" s="110">
        <v>0</v>
      </c>
      <c r="D33" s="114">
        <v>45207</v>
      </c>
      <c r="E33" s="113">
        <v>45207</v>
      </c>
      <c r="F33" s="109">
        <v>0</v>
      </c>
      <c r="G33" s="114">
        <v>279671</v>
      </c>
      <c r="H33" s="114">
        <v>76138</v>
      </c>
      <c r="I33" s="114">
        <v>118292</v>
      </c>
      <c r="J33" s="114">
        <v>428446</v>
      </c>
      <c r="K33" s="114">
        <v>140232</v>
      </c>
      <c r="L33" s="173">
        <v>1042779</v>
      </c>
      <c r="M33" s="116">
        <v>1087986</v>
      </c>
      <c r="N33" s="110">
        <v>0</v>
      </c>
      <c r="O33" s="114">
        <v>0</v>
      </c>
      <c r="P33" s="113">
        <v>0</v>
      </c>
      <c r="Q33" s="110">
        <v>0</v>
      </c>
      <c r="R33" s="114">
        <v>8912</v>
      </c>
      <c r="S33" s="114">
        <v>12646</v>
      </c>
      <c r="T33" s="114">
        <v>0</v>
      </c>
      <c r="U33" s="114">
        <v>232574</v>
      </c>
      <c r="V33" s="114">
        <v>7744</v>
      </c>
      <c r="W33" s="113">
        <v>261876</v>
      </c>
      <c r="X33" s="116">
        <v>261876</v>
      </c>
      <c r="Y33" s="110">
        <v>0</v>
      </c>
      <c r="Z33" s="114">
        <v>0</v>
      </c>
      <c r="AA33" s="113">
        <v>0</v>
      </c>
      <c r="AB33" s="110">
        <v>0</v>
      </c>
      <c r="AC33" s="114">
        <v>0</v>
      </c>
      <c r="AD33" s="114">
        <v>0</v>
      </c>
      <c r="AE33" s="114">
        <v>0</v>
      </c>
      <c r="AF33" s="114">
        <v>139704</v>
      </c>
      <c r="AG33" s="114">
        <v>0</v>
      </c>
      <c r="AH33" s="113">
        <v>139704</v>
      </c>
      <c r="AI33" s="116">
        <v>139704</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8510</v>
      </c>
      <c r="BA33" s="114">
        <v>0</v>
      </c>
      <c r="BB33" s="114">
        <v>83958</v>
      </c>
      <c r="BC33" s="114">
        <v>0</v>
      </c>
      <c r="BD33" s="113">
        <v>92468</v>
      </c>
      <c r="BE33" s="116">
        <v>92468</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8912</v>
      </c>
      <c r="BV33" s="114">
        <v>4136</v>
      </c>
      <c r="BW33" s="114">
        <v>0</v>
      </c>
      <c r="BX33" s="114">
        <v>8912</v>
      </c>
      <c r="BY33" s="114">
        <v>7744</v>
      </c>
      <c r="BZ33" s="113">
        <v>29704</v>
      </c>
      <c r="CA33" s="116">
        <v>29704</v>
      </c>
      <c r="CB33" s="110">
        <v>0</v>
      </c>
      <c r="CC33" s="114">
        <v>38807</v>
      </c>
      <c r="CD33" s="113">
        <v>38807</v>
      </c>
      <c r="CE33" s="110">
        <v>0</v>
      </c>
      <c r="CF33" s="114">
        <v>179559</v>
      </c>
      <c r="CG33" s="114">
        <v>23316</v>
      </c>
      <c r="CH33" s="114">
        <v>44674</v>
      </c>
      <c r="CI33" s="114">
        <v>0</v>
      </c>
      <c r="CJ33" s="114">
        <v>0</v>
      </c>
      <c r="CK33" s="113">
        <v>247549</v>
      </c>
      <c r="CL33" s="116">
        <v>286356</v>
      </c>
      <c r="CM33" s="110">
        <v>0</v>
      </c>
      <c r="CN33" s="114">
        <v>0</v>
      </c>
      <c r="CO33" s="113">
        <v>0</v>
      </c>
      <c r="CP33" s="111">
        <v>0</v>
      </c>
      <c r="CQ33" s="114">
        <v>179559</v>
      </c>
      <c r="CR33" s="114">
        <v>23316</v>
      </c>
      <c r="CS33" s="114">
        <v>0</v>
      </c>
      <c r="CT33" s="114">
        <v>0</v>
      </c>
      <c r="CU33" s="114">
        <v>0</v>
      </c>
      <c r="CV33" s="113">
        <v>202875</v>
      </c>
      <c r="CW33" s="116">
        <v>202875</v>
      </c>
      <c r="CX33" s="110">
        <v>0</v>
      </c>
      <c r="CY33" s="114">
        <v>38807</v>
      </c>
      <c r="CZ33" s="113">
        <v>38807</v>
      </c>
      <c r="DA33" s="110">
        <v>0</v>
      </c>
      <c r="DB33" s="114">
        <v>0</v>
      </c>
      <c r="DC33" s="114">
        <v>0</v>
      </c>
      <c r="DD33" s="114">
        <v>44674</v>
      </c>
      <c r="DE33" s="114">
        <v>0</v>
      </c>
      <c r="DF33" s="114">
        <v>0</v>
      </c>
      <c r="DG33" s="113">
        <v>44674</v>
      </c>
      <c r="DH33" s="116">
        <v>83481</v>
      </c>
      <c r="DI33" s="110">
        <v>0</v>
      </c>
      <c r="DJ33" s="114">
        <v>0</v>
      </c>
      <c r="DK33" s="112">
        <v>0</v>
      </c>
      <c r="DL33" s="111">
        <v>0</v>
      </c>
      <c r="DM33" s="114">
        <v>0</v>
      </c>
      <c r="DN33" s="114">
        <v>0</v>
      </c>
      <c r="DO33" s="114">
        <v>56178</v>
      </c>
      <c r="DP33" s="114">
        <v>0</v>
      </c>
      <c r="DQ33" s="114">
        <v>132488</v>
      </c>
      <c r="DR33" s="113">
        <v>188666</v>
      </c>
      <c r="DS33" s="116">
        <v>188666</v>
      </c>
      <c r="DT33" s="110">
        <v>0</v>
      </c>
      <c r="DU33" s="114">
        <v>0</v>
      </c>
      <c r="DV33" s="113">
        <v>0</v>
      </c>
      <c r="DW33" s="110">
        <v>0</v>
      </c>
      <c r="DX33" s="114">
        <v>0</v>
      </c>
      <c r="DY33" s="114">
        <v>0</v>
      </c>
      <c r="DZ33" s="114">
        <v>56178</v>
      </c>
      <c r="EA33" s="114">
        <v>0</v>
      </c>
      <c r="EB33" s="114">
        <v>132488</v>
      </c>
      <c r="EC33" s="113">
        <v>188666</v>
      </c>
      <c r="ED33" s="116">
        <v>188666</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0</v>
      </c>
      <c r="FM33" s="114">
        <v>6400</v>
      </c>
      <c r="FN33" s="113">
        <v>6400</v>
      </c>
      <c r="FO33" s="110">
        <v>0</v>
      </c>
      <c r="FP33" s="114">
        <v>91200</v>
      </c>
      <c r="FQ33" s="114">
        <v>40176</v>
      </c>
      <c r="FR33" s="114">
        <v>17440</v>
      </c>
      <c r="FS33" s="114">
        <v>2800</v>
      </c>
      <c r="FT33" s="114">
        <v>0</v>
      </c>
      <c r="FU33" s="113">
        <v>151616</v>
      </c>
      <c r="FV33" s="116">
        <v>158016</v>
      </c>
      <c r="FW33" s="115">
        <v>0</v>
      </c>
      <c r="FX33" s="114">
        <v>6400</v>
      </c>
      <c r="FY33" s="112">
        <v>6400</v>
      </c>
      <c r="FZ33" s="111">
        <v>0</v>
      </c>
      <c r="GA33" s="114">
        <v>0</v>
      </c>
      <c r="GB33" s="114">
        <v>40176</v>
      </c>
      <c r="GC33" s="114">
        <v>17440</v>
      </c>
      <c r="GD33" s="114">
        <v>2800</v>
      </c>
      <c r="GE33" s="114">
        <v>0</v>
      </c>
      <c r="GF33" s="113">
        <v>60416</v>
      </c>
      <c r="GG33" s="318">
        <v>6681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91200</v>
      </c>
      <c r="GX33" s="114">
        <v>0</v>
      </c>
      <c r="GY33" s="114">
        <v>0</v>
      </c>
      <c r="GZ33" s="114">
        <v>0</v>
      </c>
      <c r="HA33" s="114">
        <v>0</v>
      </c>
      <c r="HB33" s="112">
        <v>91200</v>
      </c>
      <c r="HC33" s="116">
        <v>91200</v>
      </c>
      <c r="HD33" s="110">
        <v>0</v>
      </c>
      <c r="HE33" s="114">
        <v>0</v>
      </c>
      <c r="HF33" s="112">
        <v>0</v>
      </c>
      <c r="HG33" s="111">
        <v>0</v>
      </c>
      <c r="HH33" s="114">
        <v>0</v>
      </c>
      <c r="HI33" s="114">
        <v>0</v>
      </c>
      <c r="HJ33" s="114">
        <v>0</v>
      </c>
      <c r="HK33" s="114">
        <v>193072</v>
      </c>
      <c r="HL33" s="114">
        <v>0</v>
      </c>
      <c r="HM33" s="113">
        <v>193072</v>
      </c>
      <c r="HN33" s="109">
        <v>193072</v>
      </c>
      <c r="HO33" s="328"/>
      <c r="HP33" s="329"/>
      <c r="HQ33" s="330"/>
      <c r="HR33" s="331"/>
      <c r="HS33" s="329"/>
      <c r="HT33" s="329"/>
      <c r="HU33" s="329"/>
      <c r="HV33" s="329"/>
      <c r="HW33" s="329"/>
      <c r="HX33" s="332"/>
      <c r="HY33" s="333"/>
      <c r="HZ33" s="131">
        <v>0</v>
      </c>
      <c r="IA33" s="132">
        <v>0</v>
      </c>
      <c r="IB33" s="133">
        <v>0</v>
      </c>
      <c r="IC33" s="146">
        <v>0</v>
      </c>
      <c r="ID33" s="132">
        <v>108536</v>
      </c>
      <c r="IE33" s="147">
        <v>41984</v>
      </c>
      <c r="IF33" s="133">
        <v>5464</v>
      </c>
      <c r="IG33" s="132">
        <v>0</v>
      </c>
      <c r="IH33" s="133">
        <v>392864</v>
      </c>
      <c r="II33" s="148">
        <v>548848</v>
      </c>
      <c r="IJ33" s="139">
        <v>548848</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08536</v>
      </c>
      <c r="JL33" s="119">
        <v>41984</v>
      </c>
      <c r="JM33" s="119">
        <v>5464</v>
      </c>
      <c r="JN33" s="119">
        <v>0</v>
      </c>
      <c r="JO33" s="119">
        <v>0</v>
      </c>
      <c r="JP33" s="120">
        <v>155984</v>
      </c>
      <c r="JQ33" s="320">
        <v>155984</v>
      </c>
      <c r="JR33" s="142">
        <v>0</v>
      </c>
      <c r="JS33" s="119">
        <v>0</v>
      </c>
      <c r="JT33" s="141">
        <v>0</v>
      </c>
      <c r="JU33" s="118">
        <v>0</v>
      </c>
      <c r="JV33" s="119">
        <v>0</v>
      </c>
      <c r="JW33" s="119">
        <v>0</v>
      </c>
      <c r="JX33" s="119">
        <v>0</v>
      </c>
      <c r="JY33" s="119">
        <v>0</v>
      </c>
      <c r="JZ33" s="119">
        <v>0</v>
      </c>
      <c r="KA33" s="120">
        <v>0</v>
      </c>
      <c r="KB33" s="320">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392864</v>
      </c>
      <c r="KW33" s="120">
        <v>392864</v>
      </c>
      <c r="KX33" s="320">
        <v>392864</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0">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196488</v>
      </c>
      <c r="ML33" s="119">
        <v>0</v>
      </c>
      <c r="MM33" s="119">
        <v>711712</v>
      </c>
      <c r="MN33" s="119">
        <v>0</v>
      </c>
      <c r="MO33" s="120">
        <v>908200</v>
      </c>
      <c r="MP33" s="143">
        <v>908200</v>
      </c>
      <c r="MQ33" s="142">
        <v>0</v>
      </c>
      <c r="MR33" s="119">
        <v>0</v>
      </c>
      <c r="MS33" s="120">
        <v>0</v>
      </c>
      <c r="MT33" s="145"/>
      <c r="MU33" s="119">
        <v>0</v>
      </c>
      <c r="MV33" s="119">
        <v>0</v>
      </c>
      <c r="MW33" s="119">
        <v>0</v>
      </c>
      <c r="MX33" s="119">
        <v>206952</v>
      </c>
      <c r="MY33" s="119">
        <v>0</v>
      </c>
      <c r="MZ33" s="120">
        <v>206952</v>
      </c>
      <c r="NA33" s="143">
        <v>206952</v>
      </c>
      <c r="NB33" s="142">
        <v>0</v>
      </c>
      <c r="NC33" s="119">
        <v>0</v>
      </c>
      <c r="ND33" s="120">
        <v>0</v>
      </c>
      <c r="NE33" s="145"/>
      <c r="NF33" s="119">
        <v>0</v>
      </c>
      <c r="NG33" s="119">
        <v>196488</v>
      </c>
      <c r="NH33" s="119">
        <v>0</v>
      </c>
      <c r="NI33" s="119">
        <v>504760</v>
      </c>
      <c r="NJ33" s="119">
        <v>0</v>
      </c>
      <c r="NK33" s="120">
        <v>701248</v>
      </c>
      <c r="NL33" s="320">
        <v>701248</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45207</v>
      </c>
      <c r="OK33" s="141">
        <v>45207</v>
      </c>
      <c r="OL33" s="118">
        <v>0</v>
      </c>
      <c r="OM33" s="119">
        <v>388207</v>
      </c>
      <c r="ON33" s="119">
        <v>314610</v>
      </c>
      <c r="OO33" s="119">
        <v>123756</v>
      </c>
      <c r="OP33" s="119">
        <v>1140158</v>
      </c>
      <c r="OQ33" s="119">
        <v>533096</v>
      </c>
      <c r="OR33" s="120">
        <v>2499827</v>
      </c>
      <c r="OS33" s="143">
        <v>2545034</v>
      </c>
    </row>
    <row r="34" spans="2:409" ht="21" customHeight="1" x14ac:dyDescent="0.2">
      <c r="B34" s="126" t="s">
        <v>29</v>
      </c>
      <c r="C34" s="110">
        <v>79288</v>
      </c>
      <c r="D34" s="114">
        <v>13888</v>
      </c>
      <c r="E34" s="113">
        <v>93176</v>
      </c>
      <c r="F34" s="109">
        <v>0</v>
      </c>
      <c r="G34" s="114">
        <v>500315</v>
      </c>
      <c r="H34" s="114">
        <v>943203</v>
      </c>
      <c r="I34" s="114">
        <v>0</v>
      </c>
      <c r="J34" s="114">
        <v>309649</v>
      </c>
      <c r="K34" s="114">
        <v>203072</v>
      </c>
      <c r="L34" s="173">
        <v>1956239</v>
      </c>
      <c r="M34" s="116">
        <v>2049415</v>
      </c>
      <c r="N34" s="110">
        <v>0</v>
      </c>
      <c r="O34" s="114">
        <v>13888</v>
      </c>
      <c r="P34" s="113">
        <v>13888</v>
      </c>
      <c r="Q34" s="110">
        <v>0</v>
      </c>
      <c r="R34" s="114">
        <v>14032</v>
      </c>
      <c r="S34" s="114">
        <v>209215</v>
      </c>
      <c r="T34" s="114">
        <v>0</v>
      </c>
      <c r="U34" s="114">
        <v>4144</v>
      </c>
      <c r="V34" s="114">
        <v>70320</v>
      </c>
      <c r="W34" s="113">
        <v>297711</v>
      </c>
      <c r="X34" s="116">
        <v>311599</v>
      </c>
      <c r="Y34" s="110">
        <v>0</v>
      </c>
      <c r="Z34" s="114">
        <v>0</v>
      </c>
      <c r="AA34" s="113">
        <v>0</v>
      </c>
      <c r="AB34" s="110">
        <v>0</v>
      </c>
      <c r="AC34" s="114">
        <v>0</v>
      </c>
      <c r="AD34" s="114">
        <v>92583</v>
      </c>
      <c r="AE34" s="114">
        <v>0</v>
      </c>
      <c r="AF34" s="114">
        <v>0</v>
      </c>
      <c r="AG34" s="114">
        <v>0</v>
      </c>
      <c r="AH34" s="113">
        <v>92583</v>
      </c>
      <c r="AI34" s="116">
        <v>92583</v>
      </c>
      <c r="AJ34" s="110">
        <v>0</v>
      </c>
      <c r="AK34" s="114">
        <v>0</v>
      </c>
      <c r="AL34" s="113">
        <v>0</v>
      </c>
      <c r="AM34" s="110">
        <v>0</v>
      </c>
      <c r="AN34" s="114">
        <v>0</v>
      </c>
      <c r="AO34" s="114">
        <v>0</v>
      </c>
      <c r="AP34" s="114">
        <v>0</v>
      </c>
      <c r="AQ34" s="114">
        <v>0</v>
      </c>
      <c r="AR34" s="114">
        <v>65552</v>
      </c>
      <c r="AS34" s="113">
        <v>65552</v>
      </c>
      <c r="AT34" s="116">
        <v>65552</v>
      </c>
      <c r="AU34" s="110">
        <v>0</v>
      </c>
      <c r="AV34" s="114">
        <v>13888</v>
      </c>
      <c r="AW34" s="113">
        <v>13888</v>
      </c>
      <c r="AX34" s="110">
        <v>0</v>
      </c>
      <c r="AY34" s="114">
        <v>0</v>
      </c>
      <c r="AZ34" s="114">
        <v>30272</v>
      </c>
      <c r="BA34" s="114">
        <v>0</v>
      </c>
      <c r="BB34" s="114">
        <v>0</v>
      </c>
      <c r="BC34" s="114">
        <v>0</v>
      </c>
      <c r="BD34" s="113">
        <v>30272</v>
      </c>
      <c r="BE34" s="116">
        <v>44160</v>
      </c>
      <c r="BF34" s="110">
        <v>0</v>
      </c>
      <c r="BG34" s="114">
        <v>0</v>
      </c>
      <c r="BH34" s="112">
        <v>0</v>
      </c>
      <c r="BI34" s="111">
        <v>0</v>
      </c>
      <c r="BJ34" s="114">
        <v>0</v>
      </c>
      <c r="BK34" s="114">
        <v>30592</v>
      </c>
      <c r="BL34" s="114">
        <v>0</v>
      </c>
      <c r="BM34" s="114">
        <v>0</v>
      </c>
      <c r="BN34" s="114">
        <v>0</v>
      </c>
      <c r="BO34" s="113">
        <v>30592</v>
      </c>
      <c r="BP34" s="116">
        <v>30592</v>
      </c>
      <c r="BQ34" s="110">
        <v>0</v>
      </c>
      <c r="BR34" s="114">
        <v>0</v>
      </c>
      <c r="BS34" s="113">
        <v>0</v>
      </c>
      <c r="BT34" s="110">
        <v>0</v>
      </c>
      <c r="BU34" s="114">
        <v>14032</v>
      </c>
      <c r="BV34" s="114">
        <v>55768</v>
      </c>
      <c r="BW34" s="114">
        <v>0</v>
      </c>
      <c r="BX34" s="114">
        <v>4144</v>
      </c>
      <c r="BY34" s="114">
        <v>4768</v>
      </c>
      <c r="BZ34" s="113">
        <v>78712</v>
      </c>
      <c r="CA34" s="116">
        <v>78712</v>
      </c>
      <c r="CB34" s="110">
        <v>18544</v>
      </c>
      <c r="CC34" s="114">
        <v>0</v>
      </c>
      <c r="CD34" s="113">
        <v>18544</v>
      </c>
      <c r="CE34" s="110">
        <v>0</v>
      </c>
      <c r="CF34" s="114">
        <v>303443</v>
      </c>
      <c r="CG34" s="114">
        <v>345360</v>
      </c>
      <c r="CH34" s="114">
        <v>0</v>
      </c>
      <c r="CI34" s="114">
        <v>74573</v>
      </c>
      <c r="CJ34" s="114">
        <v>0</v>
      </c>
      <c r="CK34" s="113">
        <v>723376</v>
      </c>
      <c r="CL34" s="116">
        <v>741920</v>
      </c>
      <c r="CM34" s="110">
        <v>0</v>
      </c>
      <c r="CN34" s="114">
        <v>0</v>
      </c>
      <c r="CO34" s="113">
        <v>0</v>
      </c>
      <c r="CP34" s="111">
        <v>0</v>
      </c>
      <c r="CQ34" s="114">
        <v>216952</v>
      </c>
      <c r="CR34" s="114">
        <v>345360</v>
      </c>
      <c r="CS34" s="114">
        <v>0</v>
      </c>
      <c r="CT34" s="114">
        <v>74573</v>
      </c>
      <c r="CU34" s="114">
        <v>0</v>
      </c>
      <c r="CV34" s="113">
        <v>636885</v>
      </c>
      <c r="CW34" s="116">
        <v>636885</v>
      </c>
      <c r="CX34" s="110">
        <v>18544</v>
      </c>
      <c r="CY34" s="114">
        <v>0</v>
      </c>
      <c r="CZ34" s="113">
        <v>18544</v>
      </c>
      <c r="DA34" s="110">
        <v>0</v>
      </c>
      <c r="DB34" s="114">
        <v>86491</v>
      </c>
      <c r="DC34" s="114">
        <v>0</v>
      </c>
      <c r="DD34" s="114">
        <v>0</v>
      </c>
      <c r="DE34" s="114">
        <v>0</v>
      </c>
      <c r="DF34" s="114">
        <v>0</v>
      </c>
      <c r="DG34" s="113">
        <v>86491</v>
      </c>
      <c r="DH34" s="116">
        <v>105035</v>
      </c>
      <c r="DI34" s="110">
        <v>0</v>
      </c>
      <c r="DJ34" s="114">
        <v>0</v>
      </c>
      <c r="DK34" s="112">
        <v>0</v>
      </c>
      <c r="DL34" s="111">
        <v>0</v>
      </c>
      <c r="DM34" s="114">
        <v>0</v>
      </c>
      <c r="DN34" s="114">
        <v>95269</v>
      </c>
      <c r="DO34" s="114">
        <v>0</v>
      </c>
      <c r="DP34" s="114">
        <v>0</v>
      </c>
      <c r="DQ34" s="114">
        <v>72456</v>
      </c>
      <c r="DR34" s="113">
        <v>167725</v>
      </c>
      <c r="DS34" s="116">
        <v>167725</v>
      </c>
      <c r="DT34" s="110">
        <v>0</v>
      </c>
      <c r="DU34" s="114">
        <v>0</v>
      </c>
      <c r="DV34" s="113">
        <v>0</v>
      </c>
      <c r="DW34" s="110">
        <v>0</v>
      </c>
      <c r="DX34" s="114">
        <v>0</v>
      </c>
      <c r="DY34" s="114">
        <v>95269</v>
      </c>
      <c r="DZ34" s="114">
        <v>0</v>
      </c>
      <c r="EA34" s="114">
        <v>0</v>
      </c>
      <c r="EB34" s="114">
        <v>72456</v>
      </c>
      <c r="EC34" s="113">
        <v>167725</v>
      </c>
      <c r="ED34" s="116">
        <v>167725</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13680</v>
      </c>
      <c r="FM34" s="114">
        <v>0</v>
      </c>
      <c r="FN34" s="113">
        <v>13680</v>
      </c>
      <c r="FO34" s="110">
        <v>0</v>
      </c>
      <c r="FP34" s="114">
        <v>182840</v>
      </c>
      <c r="FQ34" s="114">
        <v>55832</v>
      </c>
      <c r="FR34" s="114">
        <v>0</v>
      </c>
      <c r="FS34" s="114">
        <v>35200</v>
      </c>
      <c r="FT34" s="114">
        <v>52640</v>
      </c>
      <c r="FU34" s="113">
        <v>326512</v>
      </c>
      <c r="FV34" s="116">
        <v>340192</v>
      </c>
      <c r="FW34" s="115">
        <v>13680</v>
      </c>
      <c r="FX34" s="114">
        <v>0</v>
      </c>
      <c r="FY34" s="112">
        <v>13680</v>
      </c>
      <c r="FZ34" s="111">
        <v>0</v>
      </c>
      <c r="GA34" s="114">
        <v>10800</v>
      </c>
      <c r="GB34" s="114">
        <v>55832</v>
      </c>
      <c r="GC34" s="114">
        <v>0</v>
      </c>
      <c r="GD34" s="114">
        <v>35200</v>
      </c>
      <c r="GE34" s="114">
        <v>52640</v>
      </c>
      <c r="GF34" s="113">
        <v>154472</v>
      </c>
      <c r="GG34" s="318">
        <v>168152</v>
      </c>
      <c r="GH34" s="115">
        <v>0</v>
      </c>
      <c r="GI34" s="114">
        <v>0</v>
      </c>
      <c r="GJ34" s="112">
        <v>0</v>
      </c>
      <c r="GK34" s="111">
        <v>0</v>
      </c>
      <c r="GL34" s="114">
        <v>29040</v>
      </c>
      <c r="GM34" s="114">
        <v>0</v>
      </c>
      <c r="GN34" s="114">
        <v>0</v>
      </c>
      <c r="GO34" s="114">
        <v>0</v>
      </c>
      <c r="GP34" s="114">
        <v>0</v>
      </c>
      <c r="GQ34" s="113">
        <v>29040</v>
      </c>
      <c r="GR34" s="116">
        <v>29040</v>
      </c>
      <c r="GS34" s="110">
        <v>0</v>
      </c>
      <c r="GT34" s="114">
        <v>0</v>
      </c>
      <c r="GU34" s="113">
        <v>0</v>
      </c>
      <c r="GV34" s="110">
        <v>0</v>
      </c>
      <c r="GW34" s="114">
        <v>143000</v>
      </c>
      <c r="GX34" s="114">
        <v>0</v>
      </c>
      <c r="GY34" s="114">
        <v>0</v>
      </c>
      <c r="GZ34" s="114">
        <v>0</v>
      </c>
      <c r="HA34" s="114">
        <v>0</v>
      </c>
      <c r="HB34" s="112">
        <v>143000</v>
      </c>
      <c r="HC34" s="116">
        <v>143000</v>
      </c>
      <c r="HD34" s="110">
        <v>47064</v>
      </c>
      <c r="HE34" s="114">
        <v>0</v>
      </c>
      <c r="HF34" s="112">
        <v>47064</v>
      </c>
      <c r="HG34" s="111">
        <v>0</v>
      </c>
      <c r="HH34" s="114">
        <v>0</v>
      </c>
      <c r="HI34" s="114">
        <v>237527</v>
      </c>
      <c r="HJ34" s="114">
        <v>0</v>
      </c>
      <c r="HK34" s="114">
        <v>195732</v>
      </c>
      <c r="HL34" s="114">
        <v>7656</v>
      </c>
      <c r="HM34" s="113">
        <v>440915</v>
      </c>
      <c r="HN34" s="109">
        <v>487979</v>
      </c>
      <c r="HO34" s="328"/>
      <c r="HP34" s="329"/>
      <c r="HQ34" s="330"/>
      <c r="HR34" s="331"/>
      <c r="HS34" s="329"/>
      <c r="HT34" s="329"/>
      <c r="HU34" s="329"/>
      <c r="HV34" s="329"/>
      <c r="HW34" s="329"/>
      <c r="HX34" s="332"/>
      <c r="HY34" s="333"/>
      <c r="HZ34" s="150">
        <v>0</v>
      </c>
      <c r="IA34" s="135">
        <v>0</v>
      </c>
      <c r="IB34" s="150">
        <v>0</v>
      </c>
      <c r="IC34" s="134">
        <v>0</v>
      </c>
      <c r="ID34" s="135">
        <v>233800</v>
      </c>
      <c r="IE34" s="136">
        <v>67464</v>
      </c>
      <c r="IF34" s="137">
        <v>0</v>
      </c>
      <c r="IG34" s="135">
        <v>0</v>
      </c>
      <c r="IH34" s="137">
        <v>259312</v>
      </c>
      <c r="II34" s="138">
        <v>560576</v>
      </c>
      <c r="IJ34" s="150">
        <v>560576</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23296</v>
      </c>
      <c r="JL34" s="119">
        <v>67464</v>
      </c>
      <c r="JM34" s="119">
        <v>0</v>
      </c>
      <c r="JN34" s="119">
        <v>0</v>
      </c>
      <c r="JO34" s="119">
        <v>0</v>
      </c>
      <c r="JP34" s="120">
        <v>190760</v>
      </c>
      <c r="JQ34" s="320">
        <v>190760</v>
      </c>
      <c r="JR34" s="142">
        <v>0</v>
      </c>
      <c r="JS34" s="119">
        <v>0</v>
      </c>
      <c r="JT34" s="141">
        <v>0</v>
      </c>
      <c r="JU34" s="118">
        <v>0</v>
      </c>
      <c r="JV34" s="119">
        <v>0</v>
      </c>
      <c r="JW34" s="119">
        <v>0</v>
      </c>
      <c r="JX34" s="119">
        <v>0</v>
      </c>
      <c r="JY34" s="119">
        <v>0</v>
      </c>
      <c r="JZ34" s="119">
        <v>0</v>
      </c>
      <c r="KA34" s="120">
        <v>0</v>
      </c>
      <c r="KB34" s="320">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20">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110504</v>
      </c>
      <c r="LO34" s="119">
        <v>0</v>
      </c>
      <c r="LP34" s="119">
        <v>0</v>
      </c>
      <c r="LQ34" s="119">
        <v>0</v>
      </c>
      <c r="LR34" s="119">
        <v>259312</v>
      </c>
      <c r="LS34" s="120">
        <v>369816</v>
      </c>
      <c r="LT34" s="320">
        <v>369816</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0</v>
      </c>
      <c r="MN34" s="119">
        <v>-712</v>
      </c>
      <c r="MO34" s="120">
        <v>-712</v>
      </c>
      <c r="MP34" s="143">
        <v>-712</v>
      </c>
      <c r="MQ34" s="142">
        <v>0</v>
      </c>
      <c r="MR34" s="119">
        <v>0</v>
      </c>
      <c r="MS34" s="120">
        <v>0</v>
      </c>
      <c r="MT34" s="145"/>
      <c r="MU34" s="119">
        <v>0</v>
      </c>
      <c r="MV34" s="119">
        <v>0</v>
      </c>
      <c r="MW34" s="119">
        <v>0</v>
      </c>
      <c r="MX34" s="119">
        <v>0</v>
      </c>
      <c r="MY34" s="119">
        <v>-712</v>
      </c>
      <c r="MZ34" s="120">
        <v>-712</v>
      </c>
      <c r="NA34" s="143">
        <v>-712</v>
      </c>
      <c r="NB34" s="142">
        <v>0</v>
      </c>
      <c r="NC34" s="119">
        <v>0</v>
      </c>
      <c r="ND34" s="120">
        <v>0</v>
      </c>
      <c r="NE34" s="145"/>
      <c r="NF34" s="119">
        <v>0</v>
      </c>
      <c r="NG34" s="119">
        <v>0</v>
      </c>
      <c r="NH34" s="119">
        <v>0</v>
      </c>
      <c r="NI34" s="119">
        <v>0</v>
      </c>
      <c r="NJ34" s="119">
        <v>0</v>
      </c>
      <c r="NK34" s="120">
        <v>0</v>
      </c>
      <c r="NL34" s="320">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79288</v>
      </c>
      <c r="OJ34" s="119">
        <v>13888</v>
      </c>
      <c r="OK34" s="141">
        <v>93176</v>
      </c>
      <c r="OL34" s="118">
        <v>0</v>
      </c>
      <c r="OM34" s="119">
        <v>734115</v>
      </c>
      <c r="ON34" s="119">
        <v>1010667</v>
      </c>
      <c r="OO34" s="119">
        <v>0</v>
      </c>
      <c r="OP34" s="119">
        <v>309649</v>
      </c>
      <c r="OQ34" s="119">
        <v>461672</v>
      </c>
      <c r="OR34" s="120">
        <v>2516103</v>
      </c>
      <c r="OS34" s="143">
        <v>2609279</v>
      </c>
    </row>
    <row r="35" spans="2:409" ht="21" customHeight="1" x14ac:dyDescent="0.2">
      <c r="B35" s="126" t="s">
        <v>30</v>
      </c>
      <c r="C35" s="110">
        <v>39600</v>
      </c>
      <c r="D35" s="114">
        <v>55728</v>
      </c>
      <c r="E35" s="174">
        <v>95328</v>
      </c>
      <c r="F35" s="175">
        <v>0</v>
      </c>
      <c r="G35" s="176">
        <v>214771</v>
      </c>
      <c r="H35" s="176">
        <v>30808</v>
      </c>
      <c r="I35" s="176">
        <v>205832</v>
      </c>
      <c r="J35" s="176">
        <v>238672</v>
      </c>
      <c r="K35" s="176">
        <v>437720</v>
      </c>
      <c r="L35" s="177">
        <v>1127803</v>
      </c>
      <c r="M35" s="116">
        <v>1223131</v>
      </c>
      <c r="N35" s="110">
        <v>0</v>
      </c>
      <c r="O35" s="114">
        <v>54928</v>
      </c>
      <c r="P35" s="113">
        <v>54928</v>
      </c>
      <c r="Q35" s="110">
        <v>0</v>
      </c>
      <c r="R35" s="114">
        <v>35027</v>
      </c>
      <c r="S35" s="114">
        <v>24408</v>
      </c>
      <c r="T35" s="114">
        <v>54240</v>
      </c>
      <c r="U35" s="114">
        <v>108992</v>
      </c>
      <c r="V35" s="114">
        <v>422840</v>
      </c>
      <c r="W35" s="113">
        <v>645507</v>
      </c>
      <c r="X35" s="116">
        <v>700435</v>
      </c>
      <c r="Y35" s="110">
        <v>0</v>
      </c>
      <c r="Z35" s="114">
        <v>0</v>
      </c>
      <c r="AA35" s="113">
        <v>0</v>
      </c>
      <c r="AB35" s="110">
        <v>0</v>
      </c>
      <c r="AC35" s="114">
        <v>24995</v>
      </c>
      <c r="AD35" s="114">
        <v>24408</v>
      </c>
      <c r="AE35" s="114">
        <v>25400</v>
      </c>
      <c r="AF35" s="114">
        <v>26472</v>
      </c>
      <c r="AG35" s="114">
        <v>405616</v>
      </c>
      <c r="AH35" s="113">
        <v>506891</v>
      </c>
      <c r="AI35" s="116">
        <v>506891</v>
      </c>
      <c r="AJ35" s="110">
        <v>0</v>
      </c>
      <c r="AK35" s="114">
        <v>0</v>
      </c>
      <c r="AL35" s="113">
        <v>0</v>
      </c>
      <c r="AM35" s="110">
        <v>0</v>
      </c>
      <c r="AN35" s="114">
        <v>0</v>
      </c>
      <c r="AO35" s="114">
        <v>0</v>
      </c>
      <c r="AP35" s="114">
        <v>0</v>
      </c>
      <c r="AQ35" s="114">
        <v>0</v>
      </c>
      <c r="AR35" s="114">
        <v>0</v>
      </c>
      <c r="AS35" s="113">
        <v>0</v>
      </c>
      <c r="AT35" s="116">
        <v>0</v>
      </c>
      <c r="AU35" s="110">
        <v>0</v>
      </c>
      <c r="AV35" s="114">
        <v>54928</v>
      </c>
      <c r="AW35" s="113">
        <v>54928</v>
      </c>
      <c r="AX35" s="110">
        <v>0</v>
      </c>
      <c r="AY35" s="114">
        <v>0</v>
      </c>
      <c r="AZ35" s="114">
        <v>0</v>
      </c>
      <c r="BA35" s="114">
        <v>28840</v>
      </c>
      <c r="BB35" s="114">
        <v>55440</v>
      </c>
      <c r="BC35" s="114">
        <v>17224</v>
      </c>
      <c r="BD35" s="113">
        <v>101504</v>
      </c>
      <c r="BE35" s="116">
        <v>156432</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10032</v>
      </c>
      <c r="BV35" s="114">
        <v>0</v>
      </c>
      <c r="BW35" s="114">
        <v>0</v>
      </c>
      <c r="BX35" s="114">
        <v>27080</v>
      </c>
      <c r="BY35" s="114">
        <v>0</v>
      </c>
      <c r="BZ35" s="113">
        <v>37112</v>
      </c>
      <c r="CA35" s="116">
        <v>37112</v>
      </c>
      <c r="CB35" s="110">
        <v>39600</v>
      </c>
      <c r="CC35" s="114">
        <v>0</v>
      </c>
      <c r="CD35" s="113">
        <v>39600</v>
      </c>
      <c r="CE35" s="110">
        <v>0</v>
      </c>
      <c r="CF35" s="114">
        <v>33100</v>
      </c>
      <c r="CG35" s="114">
        <v>0</v>
      </c>
      <c r="CH35" s="114">
        <v>83530</v>
      </c>
      <c r="CI35" s="114">
        <v>64824</v>
      </c>
      <c r="CJ35" s="114">
        <v>0</v>
      </c>
      <c r="CK35" s="113">
        <v>181454</v>
      </c>
      <c r="CL35" s="116">
        <v>221054</v>
      </c>
      <c r="CM35" s="110">
        <v>0</v>
      </c>
      <c r="CN35" s="114">
        <v>0</v>
      </c>
      <c r="CO35" s="113">
        <v>0</v>
      </c>
      <c r="CP35" s="111">
        <v>0</v>
      </c>
      <c r="CQ35" s="114">
        <v>33100</v>
      </c>
      <c r="CR35" s="114">
        <v>0</v>
      </c>
      <c r="CS35" s="114">
        <v>0</v>
      </c>
      <c r="CT35" s="114">
        <v>64824</v>
      </c>
      <c r="CU35" s="114">
        <v>0</v>
      </c>
      <c r="CV35" s="113">
        <v>97924</v>
      </c>
      <c r="CW35" s="116">
        <v>97924</v>
      </c>
      <c r="CX35" s="110">
        <v>39600</v>
      </c>
      <c r="CY35" s="114">
        <v>0</v>
      </c>
      <c r="CZ35" s="113">
        <v>39600</v>
      </c>
      <c r="DA35" s="110">
        <v>0</v>
      </c>
      <c r="DB35" s="114">
        <v>0</v>
      </c>
      <c r="DC35" s="114">
        <v>0</v>
      </c>
      <c r="DD35" s="114">
        <v>83530</v>
      </c>
      <c r="DE35" s="114">
        <v>0</v>
      </c>
      <c r="DF35" s="114">
        <v>0</v>
      </c>
      <c r="DG35" s="113">
        <v>83530</v>
      </c>
      <c r="DH35" s="116">
        <v>123130</v>
      </c>
      <c r="DI35" s="110">
        <v>0</v>
      </c>
      <c r="DJ35" s="114">
        <v>0</v>
      </c>
      <c r="DK35" s="112">
        <v>0</v>
      </c>
      <c r="DL35" s="111">
        <v>0</v>
      </c>
      <c r="DM35" s="114">
        <v>0</v>
      </c>
      <c r="DN35" s="114">
        <v>0</v>
      </c>
      <c r="DO35" s="114">
        <v>35342</v>
      </c>
      <c r="DP35" s="114">
        <v>33464</v>
      </c>
      <c r="DQ35" s="114">
        <v>0</v>
      </c>
      <c r="DR35" s="113">
        <v>68806</v>
      </c>
      <c r="DS35" s="116">
        <v>68806</v>
      </c>
      <c r="DT35" s="110">
        <v>0</v>
      </c>
      <c r="DU35" s="114">
        <v>0</v>
      </c>
      <c r="DV35" s="113">
        <v>0</v>
      </c>
      <c r="DW35" s="110">
        <v>0</v>
      </c>
      <c r="DX35" s="114">
        <v>0</v>
      </c>
      <c r="DY35" s="114">
        <v>0</v>
      </c>
      <c r="DZ35" s="114">
        <v>35342</v>
      </c>
      <c r="EA35" s="114">
        <v>33464</v>
      </c>
      <c r="EB35" s="114">
        <v>0</v>
      </c>
      <c r="EC35" s="113">
        <v>68806</v>
      </c>
      <c r="ED35" s="116">
        <v>68806</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0</v>
      </c>
      <c r="FM35" s="114">
        <v>800</v>
      </c>
      <c r="FN35" s="113">
        <v>800</v>
      </c>
      <c r="FO35" s="110">
        <v>0</v>
      </c>
      <c r="FP35" s="114">
        <v>1440</v>
      </c>
      <c r="FQ35" s="114">
        <v>6400</v>
      </c>
      <c r="FR35" s="114">
        <v>32720</v>
      </c>
      <c r="FS35" s="114">
        <v>31392</v>
      </c>
      <c r="FT35" s="114">
        <v>14880</v>
      </c>
      <c r="FU35" s="113">
        <v>86832</v>
      </c>
      <c r="FV35" s="116">
        <v>87632</v>
      </c>
      <c r="FW35" s="115">
        <v>0</v>
      </c>
      <c r="FX35" s="114">
        <v>800</v>
      </c>
      <c r="FY35" s="112">
        <v>800</v>
      </c>
      <c r="FZ35" s="111">
        <v>0</v>
      </c>
      <c r="GA35" s="114">
        <v>1440</v>
      </c>
      <c r="GB35" s="114">
        <v>6400</v>
      </c>
      <c r="GC35" s="114">
        <v>32720</v>
      </c>
      <c r="GD35" s="114">
        <v>31392</v>
      </c>
      <c r="GE35" s="114">
        <v>14880</v>
      </c>
      <c r="GF35" s="113">
        <v>86832</v>
      </c>
      <c r="GG35" s="318">
        <v>87632</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145204</v>
      </c>
      <c r="HI35" s="114">
        <v>0</v>
      </c>
      <c r="HJ35" s="114">
        <v>0</v>
      </c>
      <c r="HK35" s="114">
        <v>0</v>
      </c>
      <c r="HL35" s="114">
        <v>0</v>
      </c>
      <c r="HM35" s="113">
        <v>145204</v>
      </c>
      <c r="HN35" s="109">
        <v>145204</v>
      </c>
      <c r="HO35" s="328"/>
      <c r="HP35" s="329"/>
      <c r="HQ35" s="330"/>
      <c r="HR35" s="331"/>
      <c r="HS35" s="329"/>
      <c r="HT35" s="329"/>
      <c r="HU35" s="329"/>
      <c r="HV35" s="329"/>
      <c r="HW35" s="329"/>
      <c r="HX35" s="332"/>
      <c r="HY35" s="333"/>
      <c r="HZ35" s="131">
        <v>26763</v>
      </c>
      <c r="IA35" s="132">
        <v>0</v>
      </c>
      <c r="IB35" s="133">
        <v>26763</v>
      </c>
      <c r="IC35" s="146">
        <v>0</v>
      </c>
      <c r="ID35" s="132">
        <v>29645</v>
      </c>
      <c r="IE35" s="147">
        <v>0</v>
      </c>
      <c r="IF35" s="133">
        <v>124328</v>
      </c>
      <c r="IG35" s="132">
        <v>219776</v>
      </c>
      <c r="IH35" s="133">
        <v>0</v>
      </c>
      <c r="II35" s="148">
        <v>373749</v>
      </c>
      <c r="IJ35" s="139">
        <v>400512</v>
      </c>
      <c r="IK35" s="232">
        <v>0</v>
      </c>
      <c r="IL35" s="236">
        <v>0</v>
      </c>
      <c r="IM35" s="237">
        <v>0</v>
      </c>
      <c r="IN35" s="140"/>
      <c r="IO35" s="119">
        <v>0</v>
      </c>
      <c r="IP35" s="119">
        <v>0</v>
      </c>
      <c r="IQ35" s="119">
        <v>0</v>
      </c>
      <c r="IR35" s="119">
        <v>0</v>
      </c>
      <c r="IS35" s="119">
        <v>0</v>
      </c>
      <c r="IT35" s="141">
        <v>0</v>
      </c>
      <c r="IU35" s="320">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29645</v>
      </c>
      <c r="JL35" s="119">
        <v>0</v>
      </c>
      <c r="JM35" s="119">
        <v>124328</v>
      </c>
      <c r="JN35" s="119">
        <v>0</v>
      </c>
      <c r="JO35" s="119">
        <v>0</v>
      </c>
      <c r="JP35" s="120">
        <v>153973</v>
      </c>
      <c r="JQ35" s="320">
        <v>153973</v>
      </c>
      <c r="JR35" s="142">
        <v>26763</v>
      </c>
      <c r="JS35" s="119">
        <v>0</v>
      </c>
      <c r="JT35" s="141">
        <v>26763</v>
      </c>
      <c r="JU35" s="118">
        <v>0</v>
      </c>
      <c r="JV35" s="119">
        <v>0</v>
      </c>
      <c r="JW35" s="119">
        <v>0</v>
      </c>
      <c r="JX35" s="119">
        <v>0</v>
      </c>
      <c r="JY35" s="119">
        <v>0</v>
      </c>
      <c r="JZ35" s="119">
        <v>0</v>
      </c>
      <c r="KA35" s="120">
        <v>0</v>
      </c>
      <c r="KB35" s="320">
        <v>26763</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219776</v>
      </c>
      <c r="KV35" s="119">
        <v>0</v>
      </c>
      <c r="KW35" s="120">
        <v>219776</v>
      </c>
      <c r="KX35" s="320">
        <v>219776</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408576</v>
      </c>
      <c r="MK35" s="119">
        <v>0</v>
      </c>
      <c r="ML35" s="119">
        <v>238568</v>
      </c>
      <c r="MM35" s="119">
        <v>1153564</v>
      </c>
      <c r="MN35" s="119">
        <v>607048</v>
      </c>
      <c r="MO35" s="120">
        <v>2407756</v>
      </c>
      <c r="MP35" s="143">
        <v>2407756</v>
      </c>
      <c r="MQ35" s="142">
        <v>0</v>
      </c>
      <c r="MR35" s="119">
        <v>0</v>
      </c>
      <c r="MS35" s="120">
        <v>0</v>
      </c>
      <c r="MT35" s="145"/>
      <c r="MU35" s="119">
        <v>0</v>
      </c>
      <c r="MV35" s="119">
        <v>0</v>
      </c>
      <c r="MW35" s="119">
        <v>0</v>
      </c>
      <c r="MX35" s="119">
        <v>638264</v>
      </c>
      <c r="MY35" s="119">
        <v>0</v>
      </c>
      <c r="MZ35" s="120">
        <v>638264</v>
      </c>
      <c r="NA35" s="143">
        <v>638264</v>
      </c>
      <c r="NB35" s="142">
        <v>0</v>
      </c>
      <c r="NC35" s="119">
        <v>0</v>
      </c>
      <c r="ND35" s="120">
        <v>0</v>
      </c>
      <c r="NE35" s="145"/>
      <c r="NF35" s="119">
        <v>408576</v>
      </c>
      <c r="NG35" s="119">
        <v>0</v>
      </c>
      <c r="NH35" s="119">
        <v>238568</v>
      </c>
      <c r="NI35" s="119">
        <v>515300</v>
      </c>
      <c r="NJ35" s="119">
        <v>236056</v>
      </c>
      <c r="NK35" s="120">
        <v>1398500</v>
      </c>
      <c r="NL35" s="320">
        <v>1398500</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370992</v>
      </c>
      <c r="OG35" s="120">
        <v>370992</v>
      </c>
      <c r="OH35" s="121">
        <v>370992</v>
      </c>
      <c r="OI35" s="142">
        <v>66363</v>
      </c>
      <c r="OJ35" s="119">
        <v>55728</v>
      </c>
      <c r="OK35" s="141">
        <v>122091</v>
      </c>
      <c r="OL35" s="118">
        <v>0</v>
      </c>
      <c r="OM35" s="119">
        <v>652992</v>
      </c>
      <c r="ON35" s="119">
        <v>30808</v>
      </c>
      <c r="OO35" s="119">
        <v>568728</v>
      </c>
      <c r="OP35" s="119">
        <v>1612012</v>
      </c>
      <c r="OQ35" s="119">
        <v>1044768</v>
      </c>
      <c r="OR35" s="120">
        <v>3909308</v>
      </c>
      <c r="OS35" s="143">
        <v>4031399</v>
      </c>
    </row>
    <row r="36" spans="2:409" ht="21" customHeight="1" x14ac:dyDescent="0.2">
      <c r="B36" s="126" t="s">
        <v>31</v>
      </c>
      <c r="C36" s="110">
        <v>8848</v>
      </c>
      <c r="D36" s="114">
        <v>94360</v>
      </c>
      <c r="E36" s="113">
        <v>103208</v>
      </c>
      <c r="F36" s="109">
        <v>0</v>
      </c>
      <c r="G36" s="114">
        <v>200972</v>
      </c>
      <c r="H36" s="114">
        <v>468634</v>
      </c>
      <c r="I36" s="114">
        <v>614293</v>
      </c>
      <c r="J36" s="114">
        <v>146614</v>
      </c>
      <c r="K36" s="114">
        <v>262499</v>
      </c>
      <c r="L36" s="173">
        <v>1693012</v>
      </c>
      <c r="M36" s="116">
        <v>1796220</v>
      </c>
      <c r="N36" s="110">
        <v>3648</v>
      </c>
      <c r="O36" s="114">
        <v>0</v>
      </c>
      <c r="P36" s="113">
        <v>3648</v>
      </c>
      <c r="Q36" s="110">
        <v>0</v>
      </c>
      <c r="R36" s="114">
        <v>12696</v>
      </c>
      <c r="S36" s="114">
        <v>43704</v>
      </c>
      <c r="T36" s="114">
        <v>236296</v>
      </c>
      <c r="U36" s="114">
        <v>62976</v>
      </c>
      <c r="V36" s="114">
        <v>0</v>
      </c>
      <c r="W36" s="113">
        <v>355672</v>
      </c>
      <c r="X36" s="116">
        <v>359320</v>
      </c>
      <c r="Y36" s="110">
        <v>0</v>
      </c>
      <c r="Z36" s="114">
        <v>0</v>
      </c>
      <c r="AA36" s="113">
        <v>0</v>
      </c>
      <c r="AB36" s="110">
        <v>0</v>
      </c>
      <c r="AC36" s="114">
        <v>12696</v>
      </c>
      <c r="AD36" s="114">
        <v>0</v>
      </c>
      <c r="AE36" s="114">
        <v>35016</v>
      </c>
      <c r="AF36" s="114">
        <v>0</v>
      </c>
      <c r="AG36" s="114">
        <v>0</v>
      </c>
      <c r="AH36" s="113">
        <v>47712</v>
      </c>
      <c r="AI36" s="116">
        <v>47712</v>
      </c>
      <c r="AJ36" s="110">
        <v>0</v>
      </c>
      <c r="AK36" s="114">
        <v>0</v>
      </c>
      <c r="AL36" s="113">
        <v>0</v>
      </c>
      <c r="AM36" s="110">
        <v>0</v>
      </c>
      <c r="AN36" s="114">
        <v>0</v>
      </c>
      <c r="AO36" s="114">
        <v>43704</v>
      </c>
      <c r="AP36" s="114">
        <v>87416</v>
      </c>
      <c r="AQ36" s="114">
        <v>0</v>
      </c>
      <c r="AR36" s="114">
        <v>0</v>
      </c>
      <c r="AS36" s="113">
        <v>131120</v>
      </c>
      <c r="AT36" s="116">
        <v>131120</v>
      </c>
      <c r="AU36" s="110">
        <v>3648</v>
      </c>
      <c r="AV36" s="114">
        <v>0</v>
      </c>
      <c r="AW36" s="113">
        <v>3648</v>
      </c>
      <c r="AX36" s="110">
        <v>0</v>
      </c>
      <c r="AY36" s="114">
        <v>0</v>
      </c>
      <c r="AZ36" s="114">
        <v>0</v>
      </c>
      <c r="BA36" s="114">
        <v>84712</v>
      </c>
      <c r="BB36" s="114">
        <v>57520</v>
      </c>
      <c r="BC36" s="114">
        <v>0</v>
      </c>
      <c r="BD36" s="113">
        <v>142232</v>
      </c>
      <c r="BE36" s="116">
        <v>145880</v>
      </c>
      <c r="BF36" s="110">
        <v>0</v>
      </c>
      <c r="BG36" s="114">
        <v>0</v>
      </c>
      <c r="BH36" s="112">
        <v>0</v>
      </c>
      <c r="BI36" s="111">
        <v>0</v>
      </c>
      <c r="BJ36" s="114">
        <v>0</v>
      </c>
      <c r="BK36" s="114">
        <v>0</v>
      </c>
      <c r="BL36" s="114">
        <v>0</v>
      </c>
      <c r="BM36" s="114">
        <v>0</v>
      </c>
      <c r="BN36" s="114">
        <v>0</v>
      </c>
      <c r="BO36" s="113">
        <v>0</v>
      </c>
      <c r="BP36" s="116">
        <v>0</v>
      </c>
      <c r="BQ36" s="110">
        <v>0</v>
      </c>
      <c r="BR36" s="114">
        <v>0</v>
      </c>
      <c r="BS36" s="113">
        <v>0</v>
      </c>
      <c r="BT36" s="110">
        <v>0</v>
      </c>
      <c r="BU36" s="114">
        <v>0</v>
      </c>
      <c r="BV36" s="114">
        <v>0</v>
      </c>
      <c r="BW36" s="114">
        <v>29152</v>
      </c>
      <c r="BX36" s="114">
        <v>5456</v>
      </c>
      <c r="BY36" s="114">
        <v>0</v>
      </c>
      <c r="BZ36" s="113">
        <v>34608</v>
      </c>
      <c r="CA36" s="116">
        <v>34608</v>
      </c>
      <c r="CB36" s="110">
        <v>0</v>
      </c>
      <c r="CC36" s="114">
        <v>0</v>
      </c>
      <c r="CD36" s="113">
        <v>0</v>
      </c>
      <c r="CE36" s="110">
        <v>0</v>
      </c>
      <c r="CF36" s="114">
        <v>174196</v>
      </c>
      <c r="CG36" s="114">
        <v>226041</v>
      </c>
      <c r="CH36" s="114">
        <v>101959</v>
      </c>
      <c r="CI36" s="114">
        <v>20696</v>
      </c>
      <c r="CJ36" s="114">
        <v>0</v>
      </c>
      <c r="CK36" s="113">
        <v>522892</v>
      </c>
      <c r="CL36" s="116">
        <v>522892</v>
      </c>
      <c r="CM36" s="110">
        <v>0</v>
      </c>
      <c r="CN36" s="114">
        <v>0</v>
      </c>
      <c r="CO36" s="113">
        <v>0</v>
      </c>
      <c r="CP36" s="111">
        <v>0</v>
      </c>
      <c r="CQ36" s="114">
        <v>140034</v>
      </c>
      <c r="CR36" s="114">
        <v>170148</v>
      </c>
      <c r="CS36" s="114">
        <v>33007</v>
      </c>
      <c r="CT36" s="114">
        <v>20696</v>
      </c>
      <c r="CU36" s="114">
        <v>0</v>
      </c>
      <c r="CV36" s="113">
        <v>363885</v>
      </c>
      <c r="CW36" s="116">
        <v>363885</v>
      </c>
      <c r="CX36" s="110">
        <v>0</v>
      </c>
      <c r="CY36" s="114">
        <v>0</v>
      </c>
      <c r="CZ36" s="113">
        <v>0</v>
      </c>
      <c r="DA36" s="110">
        <v>0</v>
      </c>
      <c r="DB36" s="114">
        <v>34162</v>
      </c>
      <c r="DC36" s="114">
        <v>55893</v>
      </c>
      <c r="DD36" s="114">
        <v>68952</v>
      </c>
      <c r="DE36" s="114">
        <v>0</v>
      </c>
      <c r="DF36" s="114">
        <v>0</v>
      </c>
      <c r="DG36" s="113">
        <v>159007</v>
      </c>
      <c r="DH36" s="116">
        <v>159007</v>
      </c>
      <c r="DI36" s="110">
        <v>0</v>
      </c>
      <c r="DJ36" s="114">
        <v>0</v>
      </c>
      <c r="DK36" s="112">
        <v>0</v>
      </c>
      <c r="DL36" s="111">
        <v>0</v>
      </c>
      <c r="DM36" s="114">
        <v>0</v>
      </c>
      <c r="DN36" s="114">
        <v>122849</v>
      </c>
      <c r="DO36" s="114">
        <v>40826</v>
      </c>
      <c r="DP36" s="114">
        <v>27142</v>
      </c>
      <c r="DQ36" s="114">
        <v>247211</v>
      </c>
      <c r="DR36" s="113">
        <v>438028</v>
      </c>
      <c r="DS36" s="116">
        <v>438028</v>
      </c>
      <c r="DT36" s="110">
        <v>0</v>
      </c>
      <c r="DU36" s="114">
        <v>0</v>
      </c>
      <c r="DV36" s="113">
        <v>0</v>
      </c>
      <c r="DW36" s="110">
        <v>0</v>
      </c>
      <c r="DX36" s="114">
        <v>0</v>
      </c>
      <c r="DY36" s="114">
        <v>122849</v>
      </c>
      <c r="DZ36" s="114">
        <v>40826</v>
      </c>
      <c r="EA36" s="114">
        <v>27142</v>
      </c>
      <c r="EB36" s="114">
        <v>247211</v>
      </c>
      <c r="EC36" s="113">
        <v>438028</v>
      </c>
      <c r="ED36" s="116">
        <v>438028</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5200</v>
      </c>
      <c r="FM36" s="114">
        <v>94360</v>
      </c>
      <c r="FN36" s="113">
        <v>99560</v>
      </c>
      <c r="FO36" s="110">
        <v>0</v>
      </c>
      <c r="FP36" s="114">
        <v>14080</v>
      </c>
      <c r="FQ36" s="114">
        <v>76040</v>
      </c>
      <c r="FR36" s="114">
        <v>55440</v>
      </c>
      <c r="FS36" s="114">
        <v>35800</v>
      </c>
      <c r="FT36" s="114">
        <v>15288</v>
      </c>
      <c r="FU36" s="113">
        <v>196648</v>
      </c>
      <c r="FV36" s="116">
        <v>296208</v>
      </c>
      <c r="FW36" s="115">
        <v>5200</v>
      </c>
      <c r="FX36" s="114">
        <v>15600</v>
      </c>
      <c r="FY36" s="112">
        <v>20800</v>
      </c>
      <c r="FZ36" s="111">
        <v>0</v>
      </c>
      <c r="GA36" s="114">
        <v>14080</v>
      </c>
      <c r="GB36" s="114">
        <v>76040</v>
      </c>
      <c r="GC36" s="114">
        <v>55440</v>
      </c>
      <c r="GD36" s="114">
        <v>35800</v>
      </c>
      <c r="GE36" s="114">
        <v>15288</v>
      </c>
      <c r="GF36" s="113">
        <v>196648</v>
      </c>
      <c r="GG36" s="318">
        <v>217448</v>
      </c>
      <c r="GH36" s="115">
        <v>0</v>
      </c>
      <c r="GI36" s="114">
        <v>0</v>
      </c>
      <c r="GJ36" s="112">
        <v>0</v>
      </c>
      <c r="GK36" s="111">
        <v>0</v>
      </c>
      <c r="GL36" s="114">
        <v>0</v>
      </c>
      <c r="GM36" s="114">
        <v>0</v>
      </c>
      <c r="GN36" s="114">
        <v>0</v>
      </c>
      <c r="GO36" s="114">
        <v>0</v>
      </c>
      <c r="GP36" s="114">
        <v>0</v>
      </c>
      <c r="GQ36" s="113">
        <v>0</v>
      </c>
      <c r="GR36" s="116">
        <v>0</v>
      </c>
      <c r="GS36" s="110">
        <v>0</v>
      </c>
      <c r="GT36" s="114">
        <v>78760</v>
      </c>
      <c r="GU36" s="113">
        <v>78760</v>
      </c>
      <c r="GV36" s="110">
        <v>0</v>
      </c>
      <c r="GW36" s="114">
        <v>0</v>
      </c>
      <c r="GX36" s="114">
        <v>0</v>
      </c>
      <c r="GY36" s="114">
        <v>0</v>
      </c>
      <c r="GZ36" s="114">
        <v>0</v>
      </c>
      <c r="HA36" s="114">
        <v>0</v>
      </c>
      <c r="HB36" s="112">
        <v>0</v>
      </c>
      <c r="HC36" s="116">
        <v>78760</v>
      </c>
      <c r="HD36" s="110">
        <v>0</v>
      </c>
      <c r="HE36" s="114">
        <v>0</v>
      </c>
      <c r="HF36" s="112">
        <v>0</v>
      </c>
      <c r="HG36" s="111">
        <v>0</v>
      </c>
      <c r="HH36" s="114">
        <v>0</v>
      </c>
      <c r="HI36" s="114">
        <v>0</v>
      </c>
      <c r="HJ36" s="114">
        <v>179772</v>
      </c>
      <c r="HK36" s="114">
        <v>0</v>
      </c>
      <c r="HL36" s="114">
        <v>0</v>
      </c>
      <c r="HM36" s="113">
        <v>179772</v>
      </c>
      <c r="HN36" s="109">
        <v>179772</v>
      </c>
      <c r="HO36" s="328"/>
      <c r="HP36" s="329"/>
      <c r="HQ36" s="330"/>
      <c r="HR36" s="331"/>
      <c r="HS36" s="329"/>
      <c r="HT36" s="329"/>
      <c r="HU36" s="329"/>
      <c r="HV36" s="329"/>
      <c r="HW36" s="329"/>
      <c r="HX36" s="332"/>
      <c r="HY36" s="333"/>
      <c r="HZ36" s="150">
        <v>0</v>
      </c>
      <c r="IA36" s="135">
        <v>0</v>
      </c>
      <c r="IB36" s="150">
        <v>0</v>
      </c>
      <c r="IC36" s="134">
        <v>0</v>
      </c>
      <c r="ID36" s="135">
        <v>148713</v>
      </c>
      <c r="IE36" s="136">
        <v>495336</v>
      </c>
      <c r="IF36" s="137">
        <v>0</v>
      </c>
      <c r="IG36" s="135">
        <v>312786</v>
      </c>
      <c r="IH36" s="137">
        <v>220088</v>
      </c>
      <c r="II36" s="138">
        <v>1176923</v>
      </c>
      <c r="IJ36" s="150">
        <v>1176923</v>
      </c>
      <c r="IK36" s="232">
        <v>0</v>
      </c>
      <c r="IL36" s="236">
        <v>0</v>
      </c>
      <c r="IM36" s="237">
        <v>0</v>
      </c>
      <c r="IN36" s="140"/>
      <c r="IO36" s="119">
        <v>0</v>
      </c>
      <c r="IP36" s="119">
        <v>0</v>
      </c>
      <c r="IQ36" s="119">
        <v>0</v>
      </c>
      <c r="IR36" s="119">
        <v>0</v>
      </c>
      <c r="IS36" s="119">
        <v>0</v>
      </c>
      <c r="IT36" s="141">
        <v>0</v>
      </c>
      <c r="IU36" s="320">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2135</v>
      </c>
      <c r="JL36" s="119">
        <v>38332</v>
      </c>
      <c r="JM36" s="119">
        <v>0</v>
      </c>
      <c r="JN36" s="119">
        <v>0</v>
      </c>
      <c r="JO36" s="119">
        <v>0</v>
      </c>
      <c r="JP36" s="120">
        <v>50467</v>
      </c>
      <c r="JQ36" s="320">
        <v>50467</v>
      </c>
      <c r="JR36" s="142">
        <v>0</v>
      </c>
      <c r="JS36" s="119">
        <v>0</v>
      </c>
      <c r="JT36" s="141">
        <v>0</v>
      </c>
      <c r="JU36" s="118">
        <v>0</v>
      </c>
      <c r="JV36" s="119">
        <v>0</v>
      </c>
      <c r="JW36" s="119">
        <v>0</v>
      </c>
      <c r="JX36" s="119">
        <v>0</v>
      </c>
      <c r="JY36" s="119">
        <v>174226</v>
      </c>
      <c r="JZ36" s="119">
        <v>0</v>
      </c>
      <c r="KA36" s="120">
        <v>174226</v>
      </c>
      <c r="KB36" s="320">
        <v>174226</v>
      </c>
      <c r="KC36" s="234">
        <v>0</v>
      </c>
      <c r="KD36" s="230">
        <v>0</v>
      </c>
      <c r="KE36" s="120">
        <v>0</v>
      </c>
      <c r="KF36" s="118">
        <v>0</v>
      </c>
      <c r="KG36" s="119">
        <v>136578</v>
      </c>
      <c r="KH36" s="119">
        <v>0</v>
      </c>
      <c r="KI36" s="119">
        <v>0</v>
      </c>
      <c r="KJ36" s="119">
        <v>0</v>
      </c>
      <c r="KK36" s="119">
        <v>0</v>
      </c>
      <c r="KL36" s="120">
        <v>136578</v>
      </c>
      <c r="KM36" s="143">
        <v>136578</v>
      </c>
      <c r="KN36" s="232">
        <v>0</v>
      </c>
      <c r="KO36" s="236">
        <v>0</v>
      </c>
      <c r="KP36" s="237">
        <v>0</v>
      </c>
      <c r="KQ36" s="140"/>
      <c r="KR36" s="119">
        <v>0</v>
      </c>
      <c r="KS36" s="119">
        <v>457004</v>
      </c>
      <c r="KT36" s="119">
        <v>0</v>
      </c>
      <c r="KU36" s="119">
        <v>138560</v>
      </c>
      <c r="KV36" s="119">
        <v>220088</v>
      </c>
      <c r="KW36" s="120">
        <v>815652</v>
      </c>
      <c r="KX36" s="320">
        <v>815652</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10496</v>
      </c>
      <c r="ML36" s="119">
        <v>198752</v>
      </c>
      <c r="MM36" s="119">
        <v>248525</v>
      </c>
      <c r="MN36" s="119">
        <v>0</v>
      </c>
      <c r="MO36" s="120">
        <v>657773</v>
      </c>
      <c r="MP36" s="143">
        <v>657773</v>
      </c>
      <c r="MQ36" s="142">
        <v>0</v>
      </c>
      <c r="MR36" s="119">
        <v>0</v>
      </c>
      <c r="MS36" s="120">
        <v>0</v>
      </c>
      <c r="MT36" s="145"/>
      <c r="MU36" s="119">
        <v>0</v>
      </c>
      <c r="MV36" s="119">
        <v>0</v>
      </c>
      <c r="MW36" s="119">
        <v>198752</v>
      </c>
      <c r="MX36" s="119">
        <v>248525</v>
      </c>
      <c r="MY36" s="119">
        <v>0</v>
      </c>
      <c r="MZ36" s="120">
        <v>447277</v>
      </c>
      <c r="NA36" s="143">
        <v>447277</v>
      </c>
      <c r="NB36" s="142">
        <v>0</v>
      </c>
      <c r="NC36" s="119">
        <v>0</v>
      </c>
      <c r="ND36" s="120">
        <v>0</v>
      </c>
      <c r="NE36" s="145"/>
      <c r="NF36" s="119">
        <v>0</v>
      </c>
      <c r="NG36" s="119">
        <v>210496</v>
      </c>
      <c r="NH36" s="119">
        <v>0</v>
      </c>
      <c r="NI36" s="119">
        <v>0</v>
      </c>
      <c r="NJ36" s="119">
        <v>0</v>
      </c>
      <c r="NK36" s="120">
        <v>210496</v>
      </c>
      <c r="NL36" s="320">
        <v>210496</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8848</v>
      </c>
      <c r="OJ36" s="119">
        <v>94360</v>
      </c>
      <c r="OK36" s="141">
        <v>103208</v>
      </c>
      <c r="OL36" s="118">
        <v>0</v>
      </c>
      <c r="OM36" s="119">
        <v>349685</v>
      </c>
      <c r="ON36" s="119">
        <v>1174466</v>
      </c>
      <c r="OO36" s="119">
        <v>813045</v>
      </c>
      <c r="OP36" s="119">
        <v>707925</v>
      </c>
      <c r="OQ36" s="119">
        <v>482587</v>
      </c>
      <c r="OR36" s="120">
        <v>3527708</v>
      </c>
      <c r="OS36" s="143">
        <v>3630916</v>
      </c>
    </row>
    <row r="37" spans="2:409" ht="21" customHeight="1" x14ac:dyDescent="0.2">
      <c r="B37" s="126" t="s">
        <v>32</v>
      </c>
      <c r="C37" s="110">
        <v>0</v>
      </c>
      <c r="D37" s="114">
        <v>72288</v>
      </c>
      <c r="E37" s="174">
        <v>72288</v>
      </c>
      <c r="F37" s="175">
        <v>0</v>
      </c>
      <c r="G37" s="176">
        <v>306461</v>
      </c>
      <c r="H37" s="176">
        <v>623565</v>
      </c>
      <c r="I37" s="176">
        <v>772882</v>
      </c>
      <c r="J37" s="176">
        <v>841260</v>
      </c>
      <c r="K37" s="176">
        <v>747779</v>
      </c>
      <c r="L37" s="177">
        <v>3291947</v>
      </c>
      <c r="M37" s="116">
        <v>3364235</v>
      </c>
      <c r="N37" s="110">
        <v>0</v>
      </c>
      <c r="O37" s="114">
        <v>11888</v>
      </c>
      <c r="P37" s="113">
        <v>11888</v>
      </c>
      <c r="Q37" s="110">
        <v>0</v>
      </c>
      <c r="R37" s="114">
        <v>34784</v>
      </c>
      <c r="S37" s="114">
        <v>200093</v>
      </c>
      <c r="T37" s="114">
        <v>250306</v>
      </c>
      <c r="U37" s="114">
        <v>270144</v>
      </c>
      <c r="V37" s="114">
        <v>244536</v>
      </c>
      <c r="W37" s="113">
        <v>999863</v>
      </c>
      <c r="X37" s="116">
        <v>1011751</v>
      </c>
      <c r="Y37" s="110">
        <v>0</v>
      </c>
      <c r="Z37" s="114">
        <v>0</v>
      </c>
      <c r="AA37" s="113">
        <v>0</v>
      </c>
      <c r="AB37" s="110">
        <v>0</v>
      </c>
      <c r="AC37" s="114">
        <v>23504</v>
      </c>
      <c r="AD37" s="114">
        <v>103701</v>
      </c>
      <c r="AE37" s="114">
        <v>161508</v>
      </c>
      <c r="AF37" s="114">
        <v>219696</v>
      </c>
      <c r="AG37" s="114">
        <v>172376</v>
      </c>
      <c r="AH37" s="113">
        <v>680785</v>
      </c>
      <c r="AI37" s="116">
        <v>680785</v>
      </c>
      <c r="AJ37" s="110">
        <v>0</v>
      </c>
      <c r="AK37" s="114">
        <v>0</v>
      </c>
      <c r="AL37" s="113">
        <v>0</v>
      </c>
      <c r="AM37" s="110">
        <v>0</v>
      </c>
      <c r="AN37" s="114">
        <v>0</v>
      </c>
      <c r="AO37" s="114">
        <v>0</v>
      </c>
      <c r="AP37" s="114">
        <v>0</v>
      </c>
      <c r="AQ37" s="114">
        <v>0</v>
      </c>
      <c r="AR37" s="114">
        <v>46112</v>
      </c>
      <c r="AS37" s="113">
        <v>46112</v>
      </c>
      <c r="AT37" s="116">
        <v>46112</v>
      </c>
      <c r="AU37" s="110">
        <v>0</v>
      </c>
      <c r="AV37" s="114">
        <v>11888</v>
      </c>
      <c r="AW37" s="113">
        <v>11888</v>
      </c>
      <c r="AX37" s="110">
        <v>0</v>
      </c>
      <c r="AY37" s="114">
        <v>11280</v>
      </c>
      <c r="AZ37" s="114">
        <v>48552</v>
      </c>
      <c r="BA37" s="114">
        <v>41070</v>
      </c>
      <c r="BB37" s="114">
        <v>0</v>
      </c>
      <c r="BC37" s="114">
        <v>0</v>
      </c>
      <c r="BD37" s="113">
        <v>100902</v>
      </c>
      <c r="BE37" s="116">
        <v>112790</v>
      </c>
      <c r="BF37" s="110">
        <v>0</v>
      </c>
      <c r="BG37" s="114">
        <v>0</v>
      </c>
      <c r="BH37" s="112">
        <v>0</v>
      </c>
      <c r="BI37" s="111">
        <v>0</v>
      </c>
      <c r="BJ37" s="114">
        <v>0</v>
      </c>
      <c r="BK37" s="114">
        <v>38240</v>
      </c>
      <c r="BL37" s="114">
        <v>0</v>
      </c>
      <c r="BM37" s="114">
        <v>0</v>
      </c>
      <c r="BN37" s="114">
        <v>0</v>
      </c>
      <c r="BO37" s="113">
        <v>38240</v>
      </c>
      <c r="BP37" s="116">
        <v>38240</v>
      </c>
      <c r="BQ37" s="110">
        <v>0</v>
      </c>
      <c r="BR37" s="114">
        <v>0</v>
      </c>
      <c r="BS37" s="113">
        <v>0</v>
      </c>
      <c r="BT37" s="110">
        <v>0</v>
      </c>
      <c r="BU37" s="114">
        <v>0</v>
      </c>
      <c r="BV37" s="114">
        <v>9600</v>
      </c>
      <c r="BW37" s="114">
        <v>47728</v>
      </c>
      <c r="BX37" s="114">
        <v>50448</v>
      </c>
      <c r="BY37" s="114">
        <v>26048</v>
      </c>
      <c r="BZ37" s="113">
        <v>133824</v>
      </c>
      <c r="CA37" s="116">
        <v>133824</v>
      </c>
      <c r="CB37" s="110">
        <v>0</v>
      </c>
      <c r="CC37" s="114">
        <v>0</v>
      </c>
      <c r="CD37" s="113">
        <v>0</v>
      </c>
      <c r="CE37" s="110">
        <v>0</v>
      </c>
      <c r="CF37" s="114">
        <v>251677</v>
      </c>
      <c r="CG37" s="114">
        <v>172792</v>
      </c>
      <c r="CH37" s="114">
        <v>258632</v>
      </c>
      <c r="CI37" s="114">
        <v>0</v>
      </c>
      <c r="CJ37" s="114">
        <v>178552</v>
      </c>
      <c r="CK37" s="113">
        <v>861653</v>
      </c>
      <c r="CL37" s="116">
        <v>861653</v>
      </c>
      <c r="CM37" s="110">
        <v>0</v>
      </c>
      <c r="CN37" s="114">
        <v>0</v>
      </c>
      <c r="CO37" s="113">
        <v>0</v>
      </c>
      <c r="CP37" s="111">
        <v>0</v>
      </c>
      <c r="CQ37" s="114">
        <v>114440</v>
      </c>
      <c r="CR37" s="114">
        <v>109864</v>
      </c>
      <c r="CS37" s="114">
        <v>258632</v>
      </c>
      <c r="CT37" s="114">
        <v>0</v>
      </c>
      <c r="CU37" s="114">
        <v>130808</v>
      </c>
      <c r="CV37" s="113">
        <v>613744</v>
      </c>
      <c r="CW37" s="116">
        <v>613744</v>
      </c>
      <c r="CX37" s="110">
        <v>0</v>
      </c>
      <c r="CY37" s="114">
        <v>0</v>
      </c>
      <c r="CZ37" s="113">
        <v>0</v>
      </c>
      <c r="DA37" s="110">
        <v>0</v>
      </c>
      <c r="DB37" s="114">
        <v>137237</v>
      </c>
      <c r="DC37" s="114">
        <v>62928</v>
      </c>
      <c r="DD37" s="114">
        <v>0</v>
      </c>
      <c r="DE37" s="114">
        <v>0</v>
      </c>
      <c r="DF37" s="114">
        <v>47744</v>
      </c>
      <c r="DG37" s="113">
        <v>247909</v>
      </c>
      <c r="DH37" s="116">
        <v>247909</v>
      </c>
      <c r="DI37" s="110">
        <v>0</v>
      </c>
      <c r="DJ37" s="114">
        <v>0</v>
      </c>
      <c r="DK37" s="112">
        <v>0</v>
      </c>
      <c r="DL37" s="111">
        <v>0</v>
      </c>
      <c r="DM37" s="114">
        <v>0</v>
      </c>
      <c r="DN37" s="114">
        <v>0</v>
      </c>
      <c r="DO37" s="114">
        <v>0</v>
      </c>
      <c r="DP37" s="114">
        <v>166204</v>
      </c>
      <c r="DQ37" s="114">
        <v>67131</v>
      </c>
      <c r="DR37" s="113">
        <v>233335</v>
      </c>
      <c r="DS37" s="116">
        <v>233335</v>
      </c>
      <c r="DT37" s="110">
        <v>0</v>
      </c>
      <c r="DU37" s="114">
        <v>0</v>
      </c>
      <c r="DV37" s="113">
        <v>0</v>
      </c>
      <c r="DW37" s="110">
        <v>0</v>
      </c>
      <c r="DX37" s="114">
        <v>0</v>
      </c>
      <c r="DY37" s="114">
        <v>0</v>
      </c>
      <c r="DZ37" s="114">
        <v>0</v>
      </c>
      <c r="EA37" s="114">
        <v>0</v>
      </c>
      <c r="EB37" s="114">
        <v>67131</v>
      </c>
      <c r="EC37" s="113">
        <v>67131</v>
      </c>
      <c r="ED37" s="116">
        <v>67131</v>
      </c>
      <c r="EE37" s="110">
        <v>0</v>
      </c>
      <c r="EF37" s="112">
        <v>0</v>
      </c>
      <c r="EG37" s="113">
        <v>0</v>
      </c>
      <c r="EH37" s="110">
        <v>0</v>
      </c>
      <c r="EI37" s="114">
        <v>0</v>
      </c>
      <c r="EJ37" s="114">
        <v>0</v>
      </c>
      <c r="EK37" s="114">
        <v>0</v>
      </c>
      <c r="EL37" s="114">
        <v>166204</v>
      </c>
      <c r="EM37" s="114">
        <v>0</v>
      </c>
      <c r="EN37" s="112">
        <v>166204</v>
      </c>
      <c r="EO37" s="116">
        <v>166204</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0</v>
      </c>
      <c r="FM37" s="114">
        <v>60400</v>
      </c>
      <c r="FN37" s="113">
        <v>60400</v>
      </c>
      <c r="FO37" s="110">
        <v>0</v>
      </c>
      <c r="FP37" s="114">
        <v>20000</v>
      </c>
      <c r="FQ37" s="114">
        <v>95952</v>
      </c>
      <c r="FR37" s="114">
        <v>91824</v>
      </c>
      <c r="FS37" s="114">
        <v>20144</v>
      </c>
      <c r="FT37" s="114">
        <v>53280</v>
      </c>
      <c r="FU37" s="113">
        <v>281200</v>
      </c>
      <c r="FV37" s="116">
        <v>341600</v>
      </c>
      <c r="FW37" s="115">
        <v>0</v>
      </c>
      <c r="FX37" s="114">
        <v>16400</v>
      </c>
      <c r="FY37" s="112">
        <v>16400</v>
      </c>
      <c r="FZ37" s="111">
        <v>0</v>
      </c>
      <c r="GA37" s="114">
        <v>20000</v>
      </c>
      <c r="GB37" s="114">
        <v>74832</v>
      </c>
      <c r="GC37" s="114">
        <v>91824</v>
      </c>
      <c r="GD37" s="114">
        <v>20144</v>
      </c>
      <c r="GE37" s="114">
        <v>53280</v>
      </c>
      <c r="GF37" s="113">
        <v>260080</v>
      </c>
      <c r="GG37" s="318">
        <v>276480</v>
      </c>
      <c r="GH37" s="115">
        <v>0</v>
      </c>
      <c r="GI37" s="114">
        <v>0</v>
      </c>
      <c r="GJ37" s="112">
        <v>0</v>
      </c>
      <c r="GK37" s="111">
        <v>0</v>
      </c>
      <c r="GL37" s="114">
        <v>0</v>
      </c>
      <c r="GM37" s="114">
        <v>21120</v>
      </c>
      <c r="GN37" s="114">
        <v>0</v>
      </c>
      <c r="GO37" s="114">
        <v>0</v>
      </c>
      <c r="GP37" s="114">
        <v>0</v>
      </c>
      <c r="GQ37" s="113">
        <v>21120</v>
      </c>
      <c r="GR37" s="116">
        <v>21120</v>
      </c>
      <c r="GS37" s="110">
        <v>0</v>
      </c>
      <c r="GT37" s="114">
        <v>44000</v>
      </c>
      <c r="GU37" s="113">
        <v>44000</v>
      </c>
      <c r="GV37" s="110">
        <v>0</v>
      </c>
      <c r="GW37" s="114">
        <v>0</v>
      </c>
      <c r="GX37" s="114">
        <v>0</v>
      </c>
      <c r="GY37" s="114">
        <v>0</v>
      </c>
      <c r="GZ37" s="114">
        <v>0</v>
      </c>
      <c r="HA37" s="114">
        <v>0</v>
      </c>
      <c r="HB37" s="112">
        <v>0</v>
      </c>
      <c r="HC37" s="116">
        <v>44000</v>
      </c>
      <c r="HD37" s="110">
        <v>0</v>
      </c>
      <c r="HE37" s="114">
        <v>0</v>
      </c>
      <c r="HF37" s="112">
        <v>0</v>
      </c>
      <c r="HG37" s="111">
        <v>0</v>
      </c>
      <c r="HH37" s="114">
        <v>0</v>
      </c>
      <c r="HI37" s="114">
        <v>154728</v>
      </c>
      <c r="HJ37" s="114">
        <v>172120</v>
      </c>
      <c r="HK37" s="114">
        <v>384768</v>
      </c>
      <c r="HL37" s="114">
        <v>204280</v>
      </c>
      <c r="HM37" s="113">
        <v>915896</v>
      </c>
      <c r="HN37" s="109">
        <v>915896</v>
      </c>
      <c r="HO37" s="328"/>
      <c r="HP37" s="329"/>
      <c r="HQ37" s="330"/>
      <c r="HR37" s="331"/>
      <c r="HS37" s="329"/>
      <c r="HT37" s="329"/>
      <c r="HU37" s="329"/>
      <c r="HV37" s="329"/>
      <c r="HW37" s="329"/>
      <c r="HX37" s="332"/>
      <c r="HY37" s="333"/>
      <c r="HZ37" s="131">
        <v>0</v>
      </c>
      <c r="IA37" s="132">
        <v>0</v>
      </c>
      <c r="IB37" s="133">
        <v>0</v>
      </c>
      <c r="IC37" s="146">
        <v>0</v>
      </c>
      <c r="ID37" s="132">
        <v>60732</v>
      </c>
      <c r="IE37" s="147">
        <v>219624</v>
      </c>
      <c r="IF37" s="133">
        <v>628704</v>
      </c>
      <c r="IG37" s="132">
        <v>0</v>
      </c>
      <c r="IH37" s="133">
        <v>42134</v>
      </c>
      <c r="II37" s="148">
        <v>951194</v>
      </c>
      <c r="IJ37" s="139">
        <v>951194</v>
      </c>
      <c r="IK37" s="232">
        <v>0</v>
      </c>
      <c r="IL37" s="236">
        <v>0</v>
      </c>
      <c r="IM37" s="237">
        <v>0</v>
      </c>
      <c r="IN37" s="140"/>
      <c r="IO37" s="119">
        <v>0</v>
      </c>
      <c r="IP37" s="119">
        <v>0</v>
      </c>
      <c r="IQ37" s="119">
        <v>0</v>
      </c>
      <c r="IR37" s="119">
        <v>0</v>
      </c>
      <c r="IS37" s="119">
        <v>0</v>
      </c>
      <c r="IT37" s="141">
        <v>0</v>
      </c>
      <c r="IU37" s="320">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60732</v>
      </c>
      <c r="JL37" s="119">
        <v>114792</v>
      </c>
      <c r="JM37" s="119">
        <v>0</v>
      </c>
      <c r="JN37" s="119">
        <v>0</v>
      </c>
      <c r="JO37" s="119">
        <v>42134</v>
      </c>
      <c r="JP37" s="120">
        <v>217658</v>
      </c>
      <c r="JQ37" s="320">
        <v>217658</v>
      </c>
      <c r="JR37" s="142">
        <v>0</v>
      </c>
      <c r="JS37" s="119">
        <v>0</v>
      </c>
      <c r="JT37" s="141">
        <v>0</v>
      </c>
      <c r="JU37" s="118">
        <v>0</v>
      </c>
      <c r="JV37" s="119">
        <v>0</v>
      </c>
      <c r="JW37" s="119">
        <v>0</v>
      </c>
      <c r="JX37" s="119">
        <v>0</v>
      </c>
      <c r="JY37" s="119">
        <v>0</v>
      </c>
      <c r="JZ37" s="119">
        <v>0</v>
      </c>
      <c r="KA37" s="120">
        <v>0</v>
      </c>
      <c r="KB37" s="320">
        <v>0</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445736</v>
      </c>
      <c r="KU37" s="119">
        <v>0</v>
      </c>
      <c r="KV37" s="119">
        <v>0</v>
      </c>
      <c r="KW37" s="120">
        <v>445736</v>
      </c>
      <c r="KX37" s="320">
        <v>445736</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104832</v>
      </c>
      <c r="LP37" s="119">
        <v>182968</v>
      </c>
      <c r="LQ37" s="119">
        <v>0</v>
      </c>
      <c r="LR37" s="119">
        <v>0</v>
      </c>
      <c r="LS37" s="120">
        <v>287800</v>
      </c>
      <c r="LT37" s="320">
        <v>287800</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245248</v>
      </c>
      <c r="MM37" s="119">
        <v>1072117</v>
      </c>
      <c r="MN37" s="119">
        <v>0</v>
      </c>
      <c r="MO37" s="120">
        <v>1317365</v>
      </c>
      <c r="MP37" s="143">
        <v>1317365</v>
      </c>
      <c r="MQ37" s="142">
        <v>0</v>
      </c>
      <c r="MR37" s="119">
        <v>0</v>
      </c>
      <c r="MS37" s="120">
        <v>0</v>
      </c>
      <c r="MT37" s="145"/>
      <c r="MU37" s="119">
        <v>0</v>
      </c>
      <c r="MV37" s="119">
        <v>0</v>
      </c>
      <c r="MW37" s="119">
        <v>0</v>
      </c>
      <c r="MX37" s="119">
        <v>653942</v>
      </c>
      <c r="MY37" s="119">
        <v>0</v>
      </c>
      <c r="MZ37" s="120">
        <v>653942</v>
      </c>
      <c r="NA37" s="143">
        <v>653942</v>
      </c>
      <c r="NB37" s="142">
        <v>0</v>
      </c>
      <c r="NC37" s="119">
        <v>0</v>
      </c>
      <c r="ND37" s="120">
        <v>0</v>
      </c>
      <c r="NE37" s="145"/>
      <c r="NF37" s="119">
        <v>0</v>
      </c>
      <c r="NG37" s="119">
        <v>0</v>
      </c>
      <c r="NH37" s="119">
        <v>245248</v>
      </c>
      <c r="NI37" s="119">
        <v>418175</v>
      </c>
      <c r="NJ37" s="119">
        <v>0</v>
      </c>
      <c r="NK37" s="120">
        <v>663423</v>
      </c>
      <c r="NL37" s="320">
        <v>663423</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72288</v>
      </c>
      <c r="OK37" s="141">
        <v>72288</v>
      </c>
      <c r="OL37" s="118">
        <v>0</v>
      </c>
      <c r="OM37" s="119">
        <v>367193</v>
      </c>
      <c r="ON37" s="119">
        <v>843189</v>
      </c>
      <c r="OO37" s="119">
        <v>1646834</v>
      </c>
      <c r="OP37" s="119">
        <v>1913377</v>
      </c>
      <c r="OQ37" s="119">
        <v>789913</v>
      </c>
      <c r="OR37" s="120">
        <v>5560506</v>
      </c>
      <c r="OS37" s="143">
        <v>5632794</v>
      </c>
    </row>
    <row r="38" spans="2:409" ht="21" customHeight="1" x14ac:dyDescent="0.2">
      <c r="B38" s="126" t="s">
        <v>33</v>
      </c>
      <c r="C38" s="110">
        <v>101997</v>
      </c>
      <c r="D38" s="114">
        <v>109982</v>
      </c>
      <c r="E38" s="113">
        <v>211979</v>
      </c>
      <c r="F38" s="109">
        <v>0</v>
      </c>
      <c r="G38" s="114">
        <v>170435</v>
      </c>
      <c r="H38" s="114">
        <v>253475</v>
      </c>
      <c r="I38" s="114">
        <v>55998</v>
      </c>
      <c r="J38" s="114">
        <v>213436</v>
      </c>
      <c r="K38" s="114">
        <v>81476</v>
      </c>
      <c r="L38" s="173">
        <v>774820</v>
      </c>
      <c r="M38" s="116">
        <v>986799</v>
      </c>
      <c r="N38" s="110">
        <v>78835</v>
      </c>
      <c r="O38" s="114">
        <v>31046</v>
      </c>
      <c r="P38" s="113">
        <v>109881</v>
      </c>
      <c r="Q38" s="110">
        <v>0</v>
      </c>
      <c r="R38" s="114">
        <v>79154</v>
      </c>
      <c r="S38" s="114">
        <v>30940</v>
      </c>
      <c r="T38" s="114">
        <v>31630</v>
      </c>
      <c r="U38" s="114">
        <v>9328</v>
      </c>
      <c r="V38" s="114">
        <v>81476</v>
      </c>
      <c r="W38" s="113">
        <v>232528</v>
      </c>
      <c r="X38" s="116">
        <v>342409</v>
      </c>
      <c r="Y38" s="110">
        <v>0</v>
      </c>
      <c r="Z38" s="114">
        <v>0</v>
      </c>
      <c r="AA38" s="113">
        <v>0</v>
      </c>
      <c r="AB38" s="110">
        <v>0</v>
      </c>
      <c r="AC38" s="114">
        <v>15580</v>
      </c>
      <c r="AD38" s="114">
        <v>0</v>
      </c>
      <c r="AE38" s="114">
        <v>0</v>
      </c>
      <c r="AF38" s="114">
        <v>0</v>
      </c>
      <c r="AG38" s="114">
        <v>24528</v>
      </c>
      <c r="AH38" s="113">
        <v>40108</v>
      </c>
      <c r="AI38" s="116">
        <v>40108</v>
      </c>
      <c r="AJ38" s="110">
        <v>0</v>
      </c>
      <c r="AK38" s="114">
        <v>0</v>
      </c>
      <c r="AL38" s="113">
        <v>0</v>
      </c>
      <c r="AM38" s="110">
        <v>0</v>
      </c>
      <c r="AN38" s="114">
        <v>0</v>
      </c>
      <c r="AO38" s="114">
        <v>0</v>
      </c>
      <c r="AP38" s="114">
        <v>0</v>
      </c>
      <c r="AQ38" s="114">
        <v>0</v>
      </c>
      <c r="AR38" s="114">
        <v>0</v>
      </c>
      <c r="AS38" s="113">
        <v>0</v>
      </c>
      <c r="AT38" s="116">
        <v>0</v>
      </c>
      <c r="AU38" s="110">
        <v>0</v>
      </c>
      <c r="AV38" s="114">
        <v>0</v>
      </c>
      <c r="AW38" s="113">
        <v>0</v>
      </c>
      <c r="AX38" s="110">
        <v>0</v>
      </c>
      <c r="AY38" s="114">
        <v>24112</v>
      </c>
      <c r="AZ38" s="114">
        <v>21340</v>
      </c>
      <c r="BA38" s="114">
        <v>0</v>
      </c>
      <c r="BB38" s="114">
        <v>0</v>
      </c>
      <c r="BC38" s="114">
        <v>16204</v>
      </c>
      <c r="BD38" s="113">
        <v>61656</v>
      </c>
      <c r="BE38" s="116">
        <v>61656</v>
      </c>
      <c r="BF38" s="110">
        <v>78835</v>
      </c>
      <c r="BG38" s="114">
        <v>31046</v>
      </c>
      <c r="BH38" s="112">
        <v>109881</v>
      </c>
      <c r="BI38" s="111">
        <v>0</v>
      </c>
      <c r="BJ38" s="114">
        <v>30558</v>
      </c>
      <c r="BK38" s="114">
        <v>0</v>
      </c>
      <c r="BL38" s="114">
        <v>22918</v>
      </c>
      <c r="BM38" s="114">
        <v>0</v>
      </c>
      <c r="BN38" s="114">
        <v>40744</v>
      </c>
      <c r="BO38" s="113">
        <v>94220</v>
      </c>
      <c r="BP38" s="116">
        <v>204101</v>
      </c>
      <c r="BQ38" s="110">
        <v>0</v>
      </c>
      <c r="BR38" s="114">
        <v>0</v>
      </c>
      <c r="BS38" s="113">
        <v>0</v>
      </c>
      <c r="BT38" s="110">
        <v>0</v>
      </c>
      <c r="BU38" s="114">
        <v>8904</v>
      </c>
      <c r="BV38" s="114">
        <v>9600</v>
      </c>
      <c r="BW38" s="114">
        <v>8712</v>
      </c>
      <c r="BX38" s="114">
        <v>9328</v>
      </c>
      <c r="BY38" s="114">
        <v>0</v>
      </c>
      <c r="BZ38" s="113">
        <v>36544</v>
      </c>
      <c r="CA38" s="116">
        <v>36544</v>
      </c>
      <c r="CB38" s="110">
        <v>20762</v>
      </c>
      <c r="CC38" s="114">
        <v>0</v>
      </c>
      <c r="CD38" s="113">
        <v>20762</v>
      </c>
      <c r="CE38" s="110">
        <v>0</v>
      </c>
      <c r="CF38" s="114">
        <v>54881</v>
      </c>
      <c r="CG38" s="114">
        <v>51601</v>
      </c>
      <c r="CH38" s="114">
        <v>0</v>
      </c>
      <c r="CI38" s="114">
        <v>0</v>
      </c>
      <c r="CJ38" s="114">
        <v>0</v>
      </c>
      <c r="CK38" s="113">
        <v>106482</v>
      </c>
      <c r="CL38" s="116">
        <v>127244</v>
      </c>
      <c r="CM38" s="110">
        <v>0</v>
      </c>
      <c r="CN38" s="114">
        <v>0</v>
      </c>
      <c r="CO38" s="113">
        <v>0</v>
      </c>
      <c r="CP38" s="111">
        <v>0</v>
      </c>
      <c r="CQ38" s="114">
        <v>25414</v>
      </c>
      <c r="CR38" s="114">
        <v>0</v>
      </c>
      <c r="CS38" s="114">
        <v>0</v>
      </c>
      <c r="CT38" s="114">
        <v>0</v>
      </c>
      <c r="CU38" s="114">
        <v>0</v>
      </c>
      <c r="CV38" s="113">
        <v>25414</v>
      </c>
      <c r="CW38" s="116">
        <v>25414</v>
      </c>
      <c r="CX38" s="110">
        <v>20762</v>
      </c>
      <c r="CY38" s="114">
        <v>0</v>
      </c>
      <c r="CZ38" s="113">
        <v>20762</v>
      </c>
      <c r="DA38" s="110">
        <v>0</v>
      </c>
      <c r="DB38" s="114">
        <v>29467</v>
      </c>
      <c r="DC38" s="114">
        <v>51601</v>
      </c>
      <c r="DD38" s="114">
        <v>0</v>
      </c>
      <c r="DE38" s="114">
        <v>0</v>
      </c>
      <c r="DF38" s="114">
        <v>0</v>
      </c>
      <c r="DG38" s="113">
        <v>81068</v>
      </c>
      <c r="DH38" s="116">
        <v>101830</v>
      </c>
      <c r="DI38" s="110">
        <v>0</v>
      </c>
      <c r="DJ38" s="114">
        <v>0</v>
      </c>
      <c r="DK38" s="112">
        <v>0</v>
      </c>
      <c r="DL38" s="111">
        <v>0</v>
      </c>
      <c r="DM38" s="114">
        <v>0</v>
      </c>
      <c r="DN38" s="114">
        <v>0</v>
      </c>
      <c r="DO38" s="114">
        <v>0</v>
      </c>
      <c r="DP38" s="114">
        <v>0</v>
      </c>
      <c r="DQ38" s="114">
        <v>0</v>
      </c>
      <c r="DR38" s="113">
        <v>0</v>
      </c>
      <c r="DS38" s="116">
        <v>0</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2400</v>
      </c>
      <c r="FM38" s="114">
        <v>78936</v>
      </c>
      <c r="FN38" s="113">
        <v>81336</v>
      </c>
      <c r="FO38" s="110">
        <v>0</v>
      </c>
      <c r="FP38" s="114">
        <v>36400</v>
      </c>
      <c r="FQ38" s="114">
        <v>8592</v>
      </c>
      <c r="FR38" s="114">
        <v>24368</v>
      </c>
      <c r="FS38" s="114">
        <v>0</v>
      </c>
      <c r="FT38" s="114">
        <v>0</v>
      </c>
      <c r="FU38" s="113">
        <v>69360</v>
      </c>
      <c r="FV38" s="116">
        <v>150696</v>
      </c>
      <c r="FW38" s="115">
        <v>2400</v>
      </c>
      <c r="FX38" s="114">
        <v>0</v>
      </c>
      <c r="FY38" s="112">
        <v>2400</v>
      </c>
      <c r="FZ38" s="111">
        <v>0</v>
      </c>
      <c r="GA38" s="114">
        <v>36400</v>
      </c>
      <c r="GB38" s="114">
        <v>8592</v>
      </c>
      <c r="GC38" s="114">
        <v>24368</v>
      </c>
      <c r="GD38" s="114">
        <v>0</v>
      </c>
      <c r="GE38" s="114">
        <v>0</v>
      </c>
      <c r="GF38" s="113">
        <v>69360</v>
      </c>
      <c r="GG38" s="318">
        <v>71760</v>
      </c>
      <c r="GH38" s="115">
        <v>0</v>
      </c>
      <c r="GI38" s="114">
        <v>0</v>
      </c>
      <c r="GJ38" s="112">
        <v>0</v>
      </c>
      <c r="GK38" s="111">
        <v>0</v>
      </c>
      <c r="GL38" s="114">
        <v>0</v>
      </c>
      <c r="GM38" s="114">
        <v>0</v>
      </c>
      <c r="GN38" s="114">
        <v>0</v>
      </c>
      <c r="GO38" s="114">
        <v>0</v>
      </c>
      <c r="GP38" s="114">
        <v>0</v>
      </c>
      <c r="GQ38" s="113">
        <v>0</v>
      </c>
      <c r="GR38" s="116">
        <v>0</v>
      </c>
      <c r="GS38" s="110">
        <v>0</v>
      </c>
      <c r="GT38" s="114">
        <v>78936</v>
      </c>
      <c r="GU38" s="113">
        <v>78936</v>
      </c>
      <c r="GV38" s="110">
        <v>0</v>
      </c>
      <c r="GW38" s="114">
        <v>0</v>
      </c>
      <c r="GX38" s="114">
        <v>0</v>
      </c>
      <c r="GY38" s="114">
        <v>0</v>
      </c>
      <c r="GZ38" s="114">
        <v>0</v>
      </c>
      <c r="HA38" s="114">
        <v>0</v>
      </c>
      <c r="HB38" s="112">
        <v>0</v>
      </c>
      <c r="HC38" s="116">
        <v>78936</v>
      </c>
      <c r="HD38" s="110">
        <v>0</v>
      </c>
      <c r="HE38" s="114">
        <v>0</v>
      </c>
      <c r="HF38" s="112">
        <v>0</v>
      </c>
      <c r="HG38" s="111">
        <v>0</v>
      </c>
      <c r="HH38" s="114">
        <v>0</v>
      </c>
      <c r="HI38" s="114">
        <v>162342</v>
      </c>
      <c r="HJ38" s="114">
        <v>0</v>
      </c>
      <c r="HK38" s="114">
        <v>204108</v>
      </c>
      <c r="HL38" s="114">
        <v>0</v>
      </c>
      <c r="HM38" s="113">
        <v>366450</v>
      </c>
      <c r="HN38" s="109">
        <v>366450</v>
      </c>
      <c r="HO38" s="328"/>
      <c r="HP38" s="329"/>
      <c r="HQ38" s="330"/>
      <c r="HR38" s="331"/>
      <c r="HS38" s="329"/>
      <c r="HT38" s="329"/>
      <c r="HU38" s="329"/>
      <c r="HV38" s="329"/>
      <c r="HW38" s="329"/>
      <c r="HX38" s="332"/>
      <c r="HY38" s="333"/>
      <c r="HZ38" s="150">
        <v>0</v>
      </c>
      <c r="IA38" s="135">
        <v>0</v>
      </c>
      <c r="IB38" s="150">
        <v>0</v>
      </c>
      <c r="IC38" s="146">
        <v>0</v>
      </c>
      <c r="ID38" s="132">
        <v>184327</v>
      </c>
      <c r="IE38" s="147">
        <v>0</v>
      </c>
      <c r="IF38" s="133">
        <v>231973</v>
      </c>
      <c r="IG38" s="132">
        <v>0</v>
      </c>
      <c r="IH38" s="133">
        <v>0</v>
      </c>
      <c r="II38" s="148">
        <v>416300</v>
      </c>
      <c r="IJ38" s="150">
        <v>416300</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41516</v>
      </c>
      <c r="JL38" s="119">
        <v>0</v>
      </c>
      <c r="JM38" s="119">
        <v>0</v>
      </c>
      <c r="JN38" s="119">
        <v>0</v>
      </c>
      <c r="JO38" s="119">
        <v>0</v>
      </c>
      <c r="JP38" s="120">
        <v>41516</v>
      </c>
      <c r="JQ38" s="320">
        <v>41516</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0">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142811</v>
      </c>
      <c r="LZ38" s="119">
        <v>0</v>
      </c>
      <c r="MA38" s="119">
        <v>231973</v>
      </c>
      <c r="MB38" s="119">
        <v>0</v>
      </c>
      <c r="MC38" s="119">
        <v>0</v>
      </c>
      <c r="MD38" s="120">
        <v>374784</v>
      </c>
      <c r="ME38" s="121">
        <v>374784</v>
      </c>
      <c r="MF38" s="142">
        <v>0</v>
      </c>
      <c r="MG38" s="119">
        <v>0</v>
      </c>
      <c r="MH38" s="120">
        <v>0</v>
      </c>
      <c r="MI38" s="145"/>
      <c r="MJ38" s="119">
        <v>0</v>
      </c>
      <c r="MK38" s="119">
        <v>204419</v>
      </c>
      <c r="ML38" s="119">
        <v>320844</v>
      </c>
      <c r="MM38" s="119">
        <v>0</v>
      </c>
      <c r="MN38" s="119">
        <v>0</v>
      </c>
      <c r="MO38" s="120">
        <v>525263</v>
      </c>
      <c r="MP38" s="143">
        <v>525263</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20">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204419</v>
      </c>
      <c r="OD38" s="119">
        <v>320844</v>
      </c>
      <c r="OE38" s="119">
        <v>0</v>
      </c>
      <c r="OF38" s="119">
        <v>0</v>
      </c>
      <c r="OG38" s="120">
        <v>525263</v>
      </c>
      <c r="OH38" s="121">
        <v>525263</v>
      </c>
      <c r="OI38" s="142">
        <v>101997</v>
      </c>
      <c r="OJ38" s="119">
        <v>109982</v>
      </c>
      <c r="OK38" s="141">
        <v>211979</v>
      </c>
      <c r="OL38" s="118">
        <v>0</v>
      </c>
      <c r="OM38" s="119">
        <v>354762</v>
      </c>
      <c r="ON38" s="119">
        <v>457894</v>
      </c>
      <c r="OO38" s="119">
        <v>608815</v>
      </c>
      <c r="OP38" s="119">
        <v>213436</v>
      </c>
      <c r="OQ38" s="119">
        <v>81476</v>
      </c>
      <c r="OR38" s="120">
        <v>1716383</v>
      </c>
      <c r="OS38" s="143">
        <v>1928362</v>
      </c>
    </row>
    <row r="39" spans="2:409" ht="21" customHeight="1" x14ac:dyDescent="0.2">
      <c r="B39" s="126" t="s">
        <v>34</v>
      </c>
      <c r="C39" s="110">
        <v>0</v>
      </c>
      <c r="D39" s="114">
        <v>19520</v>
      </c>
      <c r="E39" s="174">
        <v>19520</v>
      </c>
      <c r="F39" s="175">
        <v>0</v>
      </c>
      <c r="G39" s="176">
        <v>5360</v>
      </c>
      <c r="H39" s="176">
        <v>69040</v>
      </c>
      <c r="I39" s="176">
        <v>71392</v>
      </c>
      <c r="J39" s="176">
        <v>34880</v>
      </c>
      <c r="K39" s="176">
        <v>443245</v>
      </c>
      <c r="L39" s="177">
        <v>623917</v>
      </c>
      <c r="M39" s="116">
        <v>643437</v>
      </c>
      <c r="N39" s="110">
        <v>0</v>
      </c>
      <c r="O39" s="114">
        <v>0</v>
      </c>
      <c r="P39" s="113">
        <v>0</v>
      </c>
      <c r="Q39" s="110">
        <v>0</v>
      </c>
      <c r="R39" s="114">
        <v>3760</v>
      </c>
      <c r="S39" s="114">
        <v>62240</v>
      </c>
      <c r="T39" s="114">
        <v>0</v>
      </c>
      <c r="U39" s="114">
        <v>0</v>
      </c>
      <c r="V39" s="114">
        <v>13744</v>
      </c>
      <c r="W39" s="113">
        <v>79744</v>
      </c>
      <c r="X39" s="116">
        <v>79744</v>
      </c>
      <c r="Y39" s="110">
        <v>0</v>
      </c>
      <c r="Z39" s="114">
        <v>0</v>
      </c>
      <c r="AA39" s="113">
        <v>0</v>
      </c>
      <c r="AB39" s="110">
        <v>0</v>
      </c>
      <c r="AC39" s="114">
        <v>0</v>
      </c>
      <c r="AD39" s="114">
        <v>0</v>
      </c>
      <c r="AE39" s="114">
        <v>0</v>
      </c>
      <c r="AF39" s="114">
        <v>0</v>
      </c>
      <c r="AG39" s="114">
        <v>0</v>
      </c>
      <c r="AH39" s="113">
        <v>0</v>
      </c>
      <c r="AI39" s="116">
        <v>0</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3760</v>
      </c>
      <c r="AZ39" s="114">
        <v>0</v>
      </c>
      <c r="BA39" s="114">
        <v>0</v>
      </c>
      <c r="BB39" s="114">
        <v>0</v>
      </c>
      <c r="BC39" s="114">
        <v>0</v>
      </c>
      <c r="BD39" s="113">
        <v>3760</v>
      </c>
      <c r="BE39" s="116">
        <v>3760</v>
      </c>
      <c r="BF39" s="110">
        <v>0</v>
      </c>
      <c r="BG39" s="114">
        <v>0</v>
      </c>
      <c r="BH39" s="112">
        <v>0</v>
      </c>
      <c r="BI39" s="111">
        <v>0</v>
      </c>
      <c r="BJ39" s="114">
        <v>0</v>
      </c>
      <c r="BK39" s="114">
        <v>55088</v>
      </c>
      <c r="BL39" s="114">
        <v>0</v>
      </c>
      <c r="BM39" s="114">
        <v>0</v>
      </c>
      <c r="BN39" s="114">
        <v>0</v>
      </c>
      <c r="BO39" s="113">
        <v>55088</v>
      </c>
      <c r="BP39" s="116">
        <v>55088</v>
      </c>
      <c r="BQ39" s="110">
        <v>0</v>
      </c>
      <c r="BR39" s="114">
        <v>0</v>
      </c>
      <c r="BS39" s="113">
        <v>0</v>
      </c>
      <c r="BT39" s="110">
        <v>0</v>
      </c>
      <c r="BU39" s="114">
        <v>0</v>
      </c>
      <c r="BV39" s="114">
        <v>7152</v>
      </c>
      <c r="BW39" s="114">
        <v>0</v>
      </c>
      <c r="BX39" s="114">
        <v>0</v>
      </c>
      <c r="BY39" s="114">
        <v>13744</v>
      </c>
      <c r="BZ39" s="113">
        <v>20896</v>
      </c>
      <c r="CA39" s="116">
        <v>20896</v>
      </c>
      <c r="CB39" s="110">
        <v>0</v>
      </c>
      <c r="CC39" s="114">
        <v>0</v>
      </c>
      <c r="CD39" s="113">
        <v>0</v>
      </c>
      <c r="CE39" s="110">
        <v>0</v>
      </c>
      <c r="CF39" s="114">
        <v>0</v>
      </c>
      <c r="CG39" s="114">
        <v>0</v>
      </c>
      <c r="CH39" s="114">
        <v>0</v>
      </c>
      <c r="CI39" s="114">
        <v>30480</v>
      </c>
      <c r="CJ39" s="114">
        <v>0</v>
      </c>
      <c r="CK39" s="113">
        <v>30480</v>
      </c>
      <c r="CL39" s="116">
        <v>30480</v>
      </c>
      <c r="CM39" s="110">
        <v>0</v>
      </c>
      <c r="CN39" s="114">
        <v>0</v>
      </c>
      <c r="CO39" s="113">
        <v>0</v>
      </c>
      <c r="CP39" s="111">
        <v>0</v>
      </c>
      <c r="CQ39" s="114">
        <v>0</v>
      </c>
      <c r="CR39" s="114">
        <v>0</v>
      </c>
      <c r="CS39" s="114">
        <v>0</v>
      </c>
      <c r="CT39" s="114">
        <v>30480</v>
      </c>
      <c r="CU39" s="114">
        <v>0</v>
      </c>
      <c r="CV39" s="113">
        <v>30480</v>
      </c>
      <c r="CW39" s="116">
        <v>30480</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0</v>
      </c>
      <c r="FM39" s="114">
        <v>19520</v>
      </c>
      <c r="FN39" s="113">
        <v>19520</v>
      </c>
      <c r="FO39" s="110">
        <v>0</v>
      </c>
      <c r="FP39" s="114">
        <v>1600</v>
      </c>
      <c r="FQ39" s="114">
        <v>6800</v>
      </c>
      <c r="FR39" s="114">
        <v>71392</v>
      </c>
      <c r="FS39" s="114">
        <v>4400</v>
      </c>
      <c r="FT39" s="114">
        <v>0</v>
      </c>
      <c r="FU39" s="113">
        <v>84192</v>
      </c>
      <c r="FV39" s="116">
        <v>103712</v>
      </c>
      <c r="FW39" s="115">
        <v>0</v>
      </c>
      <c r="FX39" s="114">
        <v>19520</v>
      </c>
      <c r="FY39" s="112">
        <v>19520</v>
      </c>
      <c r="FZ39" s="111">
        <v>0</v>
      </c>
      <c r="GA39" s="114">
        <v>1600</v>
      </c>
      <c r="GB39" s="114">
        <v>6800</v>
      </c>
      <c r="GC39" s="114">
        <v>31312</v>
      </c>
      <c r="GD39" s="114">
        <v>4400</v>
      </c>
      <c r="GE39" s="114">
        <v>0</v>
      </c>
      <c r="GF39" s="113">
        <v>44112</v>
      </c>
      <c r="GG39" s="318">
        <v>63632</v>
      </c>
      <c r="GH39" s="115">
        <v>0</v>
      </c>
      <c r="GI39" s="114">
        <v>0</v>
      </c>
      <c r="GJ39" s="112">
        <v>0</v>
      </c>
      <c r="GK39" s="111">
        <v>0</v>
      </c>
      <c r="GL39" s="114">
        <v>0</v>
      </c>
      <c r="GM39" s="114">
        <v>0</v>
      </c>
      <c r="GN39" s="114">
        <v>40080</v>
      </c>
      <c r="GO39" s="114">
        <v>0</v>
      </c>
      <c r="GP39" s="114">
        <v>0</v>
      </c>
      <c r="GQ39" s="113">
        <v>40080</v>
      </c>
      <c r="GR39" s="116">
        <v>4008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0</v>
      </c>
      <c r="HJ39" s="114">
        <v>0</v>
      </c>
      <c r="HK39" s="114">
        <v>0</v>
      </c>
      <c r="HL39" s="114">
        <v>429501</v>
      </c>
      <c r="HM39" s="113">
        <v>429501</v>
      </c>
      <c r="HN39" s="109">
        <v>429501</v>
      </c>
      <c r="HO39" s="328"/>
      <c r="HP39" s="329"/>
      <c r="HQ39" s="330"/>
      <c r="HR39" s="331"/>
      <c r="HS39" s="329"/>
      <c r="HT39" s="329"/>
      <c r="HU39" s="329"/>
      <c r="HV39" s="329"/>
      <c r="HW39" s="329"/>
      <c r="HX39" s="332"/>
      <c r="HY39" s="333"/>
      <c r="HZ39" s="131">
        <v>0</v>
      </c>
      <c r="IA39" s="132">
        <v>0</v>
      </c>
      <c r="IB39" s="133">
        <v>0</v>
      </c>
      <c r="IC39" s="146">
        <v>0</v>
      </c>
      <c r="ID39" s="132">
        <v>295136</v>
      </c>
      <c r="IE39" s="147">
        <v>267592</v>
      </c>
      <c r="IF39" s="133">
        <v>0</v>
      </c>
      <c r="IG39" s="132">
        <v>0</v>
      </c>
      <c r="IH39" s="133">
        <v>0</v>
      </c>
      <c r="II39" s="148">
        <v>562728</v>
      </c>
      <c r="IJ39" s="139">
        <v>562728</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76896</v>
      </c>
      <c r="JL39" s="119">
        <v>81720</v>
      </c>
      <c r="JM39" s="119">
        <v>0</v>
      </c>
      <c r="JN39" s="119">
        <v>0</v>
      </c>
      <c r="JO39" s="119">
        <v>0</v>
      </c>
      <c r="JP39" s="120">
        <v>158616</v>
      </c>
      <c r="JQ39" s="320">
        <v>158616</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218240</v>
      </c>
      <c r="KH39" s="119">
        <v>0</v>
      </c>
      <c r="KI39" s="119">
        <v>0</v>
      </c>
      <c r="KJ39" s="119">
        <v>0</v>
      </c>
      <c r="KK39" s="119">
        <v>0</v>
      </c>
      <c r="KL39" s="120">
        <v>218240</v>
      </c>
      <c r="KM39" s="143">
        <v>218240</v>
      </c>
      <c r="KN39" s="232">
        <v>0</v>
      </c>
      <c r="KO39" s="236">
        <v>0</v>
      </c>
      <c r="KP39" s="237">
        <v>0</v>
      </c>
      <c r="KQ39" s="140"/>
      <c r="KR39" s="119">
        <v>0</v>
      </c>
      <c r="KS39" s="119">
        <v>0</v>
      </c>
      <c r="KT39" s="119">
        <v>0</v>
      </c>
      <c r="KU39" s="119">
        <v>0</v>
      </c>
      <c r="KV39" s="119">
        <v>0</v>
      </c>
      <c r="KW39" s="120">
        <v>0</v>
      </c>
      <c r="KX39" s="320">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0</v>
      </c>
      <c r="LZ39" s="119">
        <v>185872</v>
      </c>
      <c r="MA39" s="119">
        <v>0</v>
      </c>
      <c r="MB39" s="119">
        <v>0</v>
      </c>
      <c r="MC39" s="119">
        <v>0</v>
      </c>
      <c r="MD39" s="120">
        <v>185872</v>
      </c>
      <c r="ME39" s="121">
        <v>185872</v>
      </c>
      <c r="MF39" s="142">
        <v>0</v>
      </c>
      <c r="MG39" s="119">
        <v>0</v>
      </c>
      <c r="MH39" s="120">
        <v>0</v>
      </c>
      <c r="MI39" s="145"/>
      <c r="MJ39" s="119">
        <v>0</v>
      </c>
      <c r="MK39" s="119">
        <v>0</v>
      </c>
      <c r="ML39" s="119">
        <v>441584</v>
      </c>
      <c r="MM39" s="119">
        <v>0</v>
      </c>
      <c r="MN39" s="119">
        <v>0</v>
      </c>
      <c r="MO39" s="120">
        <v>441584</v>
      </c>
      <c r="MP39" s="143">
        <v>441584</v>
      </c>
      <c r="MQ39" s="142">
        <v>0</v>
      </c>
      <c r="MR39" s="119">
        <v>0</v>
      </c>
      <c r="MS39" s="120">
        <v>0</v>
      </c>
      <c r="MT39" s="145"/>
      <c r="MU39" s="119">
        <v>0</v>
      </c>
      <c r="MV39" s="119">
        <v>0</v>
      </c>
      <c r="MW39" s="119">
        <v>197232</v>
      </c>
      <c r="MX39" s="119">
        <v>0</v>
      </c>
      <c r="MY39" s="119">
        <v>0</v>
      </c>
      <c r="MZ39" s="120">
        <v>197232</v>
      </c>
      <c r="NA39" s="143">
        <v>197232</v>
      </c>
      <c r="NB39" s="142">
        <v>0</v>
      </c>
      <c r="NC39" s="119">
        <v>0</v>
      </c>
      <c r="ND39" s="120">
        <v>0</v>
      </c>
      <c r="NE39" s="145"/>
      <c r="NF39" s="119">
        <v>0</v>
      </c>
      <c r="NG39" s="119">
        <v>0</v>
      </c>
      <c r="NH39" s="119">
        <v>244352</v>
      </c>
      <c r="NI39" s="119">
        <v>0</v>
      </c>
      <c r="NJ39" s="119">
        <v>0</v>
      </c>
      <c r="NK39" s="120">
        <v>244352</v>
      </c>
      <c r="NL39" s="320">
        <v>244352</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19520</v>
      </c>
      <c r="OK39" s="141">
        <v>19520</v>
      </c>
      <c r="OL39" s="118">
        <v>0</v>
      </c>
      <c r="OM39" s="119">
        <v>300496</v>
      </c>
      <c r="ON39" s="119">
        <v>336632</v>
      </c>
      <c r="OO39" s="119">
        <v>512976</v>
      </c>
      <c r="OP39" s="119">
        <v>34880</v>
      </c>
      <c r="OQ39" s="119">
        <v>443245</v>
      </c>
      <c r="OR39" s="120">
        <v>1628229</v>
      </c>
      <c r="OS39" s="143">
        <v>1647749</v>
      </c>
    </row>
    <row r="40" spans="2:409" ht="21" customHeight="1" x14ac:dyDescent="0.2">
      <c r="B40" s="126" t="s">
        <v>35</v>
      </c>
      <c r="C40" s="110">
        <v>259794</v>
      </c>
      <c r="D40" s="114">
        <v>121707</v>
      </c>
      <c r="E40" s="113">
        <v>381501</v>
      </c>
      <c r="F40" s="109">
        <v>0</v>
      </c>
      <c r="G40" s="114">
        <v>1301542</v>
      </c>
      <c r="H40" s="114">
        <v>634336</v>
      </c>
      <c r="I40" s="114">
        <v>458656</v>
      </c>
      <c r="J40" s="114">
        <v>902434</v>
      </c>
      <c r="K40" s="114">
        <v>853405</v>
      </c>
      <c r="L40" s="173">
        <v>4150373</v>
      </c>
      <c r="M40" s="116">
        <v>4531874</v>
      </c>
      <c r="N40" s="110">
        <v>56808</v>
      </c>
      <c r="O40" s="114">
        <v>9600</v>
      </c>
      <c r="P40" s="113">
        <v>66408</v>
      </c>
      <c r="Q40" s="110">
        <v>0</v>
      </c>
      <c r="R40" s="114">
        <v>428130</v>
      </c>
      <c r="S40" s="114">
        <v>175992</v>
      </c>
      <c r="T40" s="114">
        <v>120048</v>
      </c>
      <c r="U40" s="114">
        <v>277709</v>
      </c>
      <c r="V40" s="114">
        <v>601596</v>
      </c>
      <c r="W40" s="113">
        <v>1603475</v>
      </c>
      <c r="X40" s="116">
        <v>1669883</v>
      </c>
      <c r="Y40" s="110">
        <v>0</v>
      </c>
      <c r="Z40" s="114">
        <v>0</v>
      </c>
      <c r="AA40" s="113">
        <v>0</v>
      </c>
      <c r="AB40" s="110">
        <v>0</v>
      </c>
      <c r="AC40" s="114">
        <v>223642</v>
      </c>
      <c r="AD40" s="114">
        <v>41896</v>
      </c>
      <c r="AE40" s="114">
        <v>0</v>
      </c>
      <c r="AF40" s="114">
        <v>59525</v>
      </c>
      <c r="AG40" s="114">
        <v>213284</v>
      </c>
      <c r="AH40" s="113">
        <v>538347</v>
      </c>
      <c r="AI40" s="116">
        <v>538347</v>
      </c>
      <c r="AJ40" s="110">
        <v>0</v>
      </c>
      <c r="AK40" s="114">
        <v>0</v>
      </c>
      <c r="AL40" s="113">
        <v>0</v>
      </c>
      <c r="AM40" s="110">
        <v>0</v>
      </c>
      <c r="AN40" s="114">
        <v>0</v>
      </c>
      <c r="AO40" s="114">
        <v>0</v>
      </c>
      <c r="AP40" s="114">
        <v>72160</v>
      </c>
      <c r="AQ40" s="114">
        <v>0</v>
      </c>
      <c r="AR40" s="114">
        <v>132904</v>
      </c>
      <c r="AS40" s="113">
        <v>205064</v>
      </c>
      <c r="AT40" s="116">
        <v>205064</v>
      </c>
      <c r="AU40" s="110">
        <v>21712</v>
      </c>
      <c r="AV40" s="114">
        <v>0</v>
      </c>
      <c r="AW40" s="113">
        <v>21712</v>
      </c>
      <c r="AX40" s="110">
        <v>0</v>
      </c>
      <c r="AY40" s="114">
        <v>81216</v>
      </c>
      <c r="AZ40" s="114">
        <v>60640</v>
      </c>
      <c r="BA40" s="114">
        <v>0</v>
      </c>
      <c r="BB40" s="114">
        <v>82752</v>
      </c>
      <c r="BC40" s="114">
        <v>213104</v>
      </c>
      <c r="BD40" s="113">
        <v>437712</v>
      </c>
      <c r="BE40" s="116">
        <v>459424</v>
      </c>
      <c r="BF40" s="110">
        <v>15024</v>
      </c>
      <c r="BG40" s="114">
        <v>0</v>
      </c>
      <c r="BH40" s="112">
        <v>15024</v>
      </c>
      <c r="BI40" s="111">
        <v>0</v>
      </c>
      <c r="BJ40" s="114">
        <v>29760</v>
      </c>
      <c r="BK40" s="114">
        <v>0</v>
      </c>
      <c r="BL40" s="114">
        <v>16640</v>
      </c>
      <c r="BM40" s="114">
        <v>86880</v>
      </c>
      <c r="BN40" s="114">
        <v>0</v>
      </c>
      <c r="BO40" s="113">
        <v>133280</v>
      </c>
      <c r="BP40" s="116">
        <v>148304</v>
      </c>
      <c r="BQ40" s="110">
        <v>20072</v>
      </c>
      <c r="BR40" s="114">
        <v>9600</v>
      </c>
      <c r="BS40" s="113">
        <v>29672</v>
      </c>
      <c r="BT40" s="110">
        <v>0</v>
      </c>
      <c r="BU40" s="114">
        <v>93512</v>
      </c>
      <c r="BV40" s="114">
        <v>73456</v>
      </c>
      <c r="BW40" s="114">
        <v>31248</v>
      </c>
      <c r="BX40" s="114">
        <v>48552</v>
      </c>
      <c r="BY40" s="114">
        <v>42304</v>
      </c>
      <c r="BZ40" s="113">
        <v>289072</v>
      </c>
      <c r="CA40" s="116">
        <v>318744</v>
      </c>
      <c r="CB40" s="110">
        <v>0</v>
      </c>
      <c r="CC40" s="114">
        <v>33523</v>
      </c>
      <c r="CD40" s="113">
        <v>33523</v>
      </c>
      <c r="CE40" s="110">
        <v>0</v>
      </c>
      <c r="CF40" s="114">
        <v>475876</v>
      </c>
      <c r="CG40" s="114">
        <v>265560</v>
      </c>
      <c r="CH40" s="114">
        <v>60136</v>
      </c>
      <c r="CI40" s="114">
        <v>0</v>
      </c>
      <c r="CJ40" s="114">
        <v>0</v>
      </c>
      <c r="CK40" s="113">
        <v>801572</v>
      </c>
      <c r="CL40" s="116">
        <v>835095</v>
      </c>
      <c r="CM40" s="110">
        <v>0</v>
      </c>
      <c r="CN40" s="114">
        <v>0</v>
      </c>
      <c r="CO40" s="113">
        <v>0</v>
      </c>
      <c r="CP40" s="111">
        <v>0</v>
      </c>
      <c r="CQ40" s="114">
        <v>385348</v>
      </c>
      <c r="CR40" s="114">
        <v>265560</v>
      </c>
      <c r="CS40" s="114">
        <v>60136</v>
      </c>
      <c r="CT40" s="114">
        <v>0</v>
      </c>
      <c r="CU40" s="114">
        <v>0</v>
      </c>
      <c r="CV40" s="113">
        <v>711044</v>
      </c>
      <c r="CW40" s="116">
        <v>711044</v>
      </c>
      <c r="CX40" s="110">
        <v>0</v>
      </c>
      <c r="CY40" s="114">
        <v>33523</v>
      </c>
      <c r="CZ40" s="113">
        <v>33523</v>
      </c>
      <c r="DA40" s="110">
        <v>0</v>
      </c>
      <c r="DB40" s="114">
        <v>90528</v>
      </c>
      <c r="DC40" s="114">
        <v>0</v>
      </c>
      <c r="DD40" s="114">
        <v>0</v>
      </c>
      <c r="DE40" s="114">
        <v>0</v>
      </c>
      <c r="DF40" s="114">
        <v>0</v>
      </c>
      <c r="DG40" s="113">
        <v>90528</v>
      </c>
      <c r="DH40" s="116">
        <v>124051</v>
      </c>
      <c r="DI40" s="110">
        <v>0</v>
      </c>
      <c r="DJ40" s="114">
        <v>0</v>
      </c>
      <c r="DK40" s="112">
        <v>0</v>
      </c>
      <c r="DL40" s="111">
        <v>0</v>
      </c>
      <c r="DM40" s="114">
        <v>0</v>
      </c>
      <c r="DN40" s="114">
        <v>65144</v>
      </c>
      <c r="DO40" s="114">
        <v>0</v>
      </c>
      <c r="DP40" s="114">
        <v>0</v>
      </c>
      <c r="DQ40" s="114">
        <v>0</v>
      </c>
      <c r="DR40" s="113">
        <v>65144</v>
      </c>
      <c r="DS40" s="116">
        <v>65144</v>
      </c>
      <c r="DT40" s="110">
        <v>0</v>
      </c>
      <c r="DU40" s="114">
        <v>0</v>
      </c>
      <c r="DV40" s="113">
        <v>0</v>
      </c>
      <c r="DW40" s="110">
        <v>0</v>
      </c>
      <c r="DX40" s="114">
        <v>0</v>
      </c>
      <c r="DY40" s="114">
        <v>65144</v>
      </c>
      <c r="DZ40" s="114">
        <v>0</v>
      </c>
      <c r="EA40" s="114">
        <v>0</v>
      </c>
      <c r="EB40" s="114">
        <v>0</v>
      </c>
      <c r="EC40" s="113">
        <v>65144</v>
      </c>
      <c r="ED40" s="116">
        <v>65144</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0</v>
      </c>
      <c r="FM40" s="114">
        <v>0</v>
      </c>
      <c r="FN40" s="113">
        <v>0</v>
      </c>
      <c r="FO40" s="110">
        <v>0</v>
      </c>
      <c r="FP40" s="114">
        <v>40720</v>
      </c>
      <c r="FQ40" s="114">
        <v>127640</v>
      </c>
      <c r="FR40" s="114">
        <v>104928</v>
      </c>
      <c r="FS40" s="114">
        <v>43880</v>
      </c>
      <c r="FT40" s="114">
        <v>30000</v>
      </c>
      <c r="FU40" s="113">
        <v>347168</v>
      </c>
      <c r="FV40" s="116">
        <v>347168</v>
      </c>
      <c r="FW40" s="115">
        <v>0</v>
      </c>
      <c r="FX40" s="114">
        <v>0</v>
      </c>
      <c r="FY40" s="112">
        <v>0</v>
      </c>
      <c r="FZ40" s="111">
        <v>0</v>
      </c>
      <c r="GA40" s="114">
        <v>19600</v>
      </c>
      <c r="GB40" s="114">
        <v>81880</v>
      </c>
      <c r="GC40" s="114">
        <v>47200</v>
      </c>
      <c r="GD40" s="114">
        <v>43880</v>
      </c>
      <c r="GE40" s="114">
        <v>30000</v>
      </c>
      <c r="GF40" s="113">
        <v>222560</v>
      </c>
      <c r="GG40" s="318">
        <v>222560</v>
      </c>
      <c r="GH40" s="115">
        <v>0</v>
      </c>
      <c r="GI40" s="114">
        <v>0</v>
      </c>
      <c r="GJ40" s="112">
        <v>0</v>
      </c>
      <c r="GK40" s="111">
        <v>0</v>
      </c>
      <c r="GL40" s="114">
        <v>21120</v>
      </c>
      <c r="GM40" s="114">
        <v>0</v>
      </c>
      <c r="GN40" s="114">
        <v>57728</v>
      </c>
      <c r="GO40" s="114">
        <v>0</v>
      </c>
      <c r="GP40" s="114">
        <v>0</v>
      </c>
      <c r="GQ40" s="113">
        <v>78848</v>
      </c>
      <c r="GR40" s="116">
        <v>78848</v>
      </c>
      <c r="GS40" s="110">
        <v>0</v>
      </c>
      <c r="GT40" s="114">
        <v>0</v>
      </c>
      <c r="GU40" s="113">
        <v>0</v>
      </c>
      <c r="GV40" s="110">
        <v>0</v>
      </c>
      <c r="GW40" s="114">
        <v>0</v>
      </c>
      <c r="GX40" s="114">
        <v>45760</v>
      </c>
      <c r="GY40" s="114">
        <v>0</v>
      </c>
      <c r="GZ40" s="114">
        <v>0</v>
      </c>
      <c r="HA40" s="114">
        <v>0</v>
      </c>
      <c r="HB40" s="112">
        <v>45760</v>
      </c>
      <c r="HC40" s="116">
        <v>45760</v>
      </c>
      <c r="HD40" s="110">
        <v>202986</v>
      </c>
      <c r="HE40" s="114">
        <v>78584</v>
      </c>
      <c r="HF40" s="112">
        <v>281570</v>
      </c>
      <c r="HG40" s="111">
        <v>0</v>
      </c>
      <c r="HH40" s="114">
        <v>356816</v>
      </c>
      <c r="HI40" s="114">
        <v>0</v>
      </c>
      <c r="HJ40" s="114">
        <v>173544</v>
      </c>
      <c r="HK40" s="114">
        <v>580845</v>
      </c>
      <c r="HL40" s="114">
        <v>221809</v>
      </c>
      <c r="HM40" s="113">
        <v>1333014</v>
      </c>
      <c r="HN40" s="109">
        <v>1614584</v>
      </c>
      <c r="HO40" s="328"/>
      <c r="HP40" s="329"/>
      <c r="HQ40" s="330"/>
      <c r="HR40" s="331"/>
      <c r="HS40" s="329"/>
      <c r="HT40" s="329"/>
      <c r="HU40" s="329"/>
      <c r="HV40" s="329"/>
      <c r="HW40" s="329"/>
      <c r="HX40" s="332"/>
      <c r="HY40" s="333"/>
      <c r="HZ40" s="150">
        <v>0</v>
      </c>
      <c r="IA40" s="135">
        <v>0</v>
      </c>
      <c r="IB40" s="150">
        <v>0</v>
      </c>
      <c r="IC40" s="146">
        <v>0</v>
      </c>
      <c r="ID40" s="132">
        <v>0</v>
      </c>
      <c r="IE40" s="147">
        <v>283912</v>
      </c>
      <c r="IF40" s="133">
        <v>0</v>
      </c>
      <c r="IG40" s="132">
        <v>0</v>
      </c>
      <c r="IH40" s="133">
        <v>0</v>
      </c>
      <c r="II40" s="148">
        <v>283912</v>
      </c>
      <c r="IJ40" s="150">
        <v>283912</v>
      </c>
      <c r="IK40" s="232">
        <v>0</v>
      </c>
      <c r="IL40" s="236">
        <v>0</v>
      </c>
      <c r="IM40" s="237">
        <v>0</v>
      </c>
      <c r="IN40" s="140"/>
      <c r="IO40" s="119">
        <v>0</v>
      </c>
      <c r="IP40" s="119">
        <v>69840</v>
      </c>
      <c r="IQ40" s="119">
        <v>0</v>
      </c>
      <c r="IR40" s="119">
        <v>0</v>
      </c>
      <c r="IS40" s="119">
        <v>0</v>
      </c>
      <c r="IT40" s="141">
        <v>69840</v>
      </c>
      <c r="IU40" s="320">
        <v>6984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20">
        <v>0</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0</v>
      </c>
      <c r="KH40" s="119">
        <v>0</v>
      </c>
      <c r="KI40" s="119">
        <v>0</v>
      </c>
      <c r="KJ40" s="119">
        <v>0</v>
      </c>
      <c r="KK40" s="119">
        <v>0</v>
      </c>
      <c r="KL40" s="120">
        <v>0</v>
      </c>
      <c r="KM40" s="143">
        <v>0</v>
      </c>
      <c r="KN40" s="232">
        <v>0</v>
      </c>
      <c r="KO40" s="236">
        <v>0</v>
      </c>
      <c r="KP40" s="237">
        <v>0</v>
      </c>
      <c r="KQ40" s="140"/>
      <c r="KR40" s="119">
        <v>0</v>
      </c>
      <c r="KS40" s="119">
        <v>214072</v>
      </c>
      <c r="KT40" s="119">
        <v>0</v>
      </c>
      <c r="KU40" s="119">
        <v>0</v>
      </c>
      <c r="KV40" s="119">
        <v>0</v>
      </c>
      <c r="KW40" s="120">
        <v>214072</v>
      </c>
      <c r="KX40" s="320">
        <v>214072</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195728</v>
      </c>
      <c r="MK40" s="119">
        <v>211456</v>
      </c>
      <c r="ML40" s="119">
        <v>250296</v>
      </c>
      <c r="MM40" s="119">
        <v>445416</v>
      </c>
      <c r="MN40" s="119">
        <v>256120</v>
      </c>
      <c r="MO40" s="120">
        <v>1359016</v>
      </c>
      <c r="MP40" s="143">
        <v>1359016</v>
      </c>
      <c r="MQ40" s="142">
        <v>0</v>
      </c>
      <c r="MR40" s="119">
        <v>0</v>
      </c>
      <c r="MS40" s="120">
        <v>0</v>
      </c>
      <c r="MT40" s="145"/>
      <c r="MU40" s="119">
        <v>0</v>
      </c>
      <c r="MV40" s="119">
        <v>0</v>
      </c>
      <c r="MW40" s="119">
        <v>0</v>
      </c>
      <c r="MX40" s="119">
        <v>239216</v>
      </c>
      <c r="MY40" s="119">
        <v>256120</v>
      </c>
      <c r="MZ40" s="120">
        <v>495336</v>
      </c>
      <c r="NA40" s="143">
        <v>495336</v>
      </c>
      <c r="NB40" s="142">
        <v>0</v>
      </c>
      <c r="NC40" s="119">
        <v>0</v>
      </c>
      <c r="ND40" s="120">
        <v>0</v>
      </c>
      <c r="NE40" s="145"/>
      <c r="NF40" s="119">
        <v>195728</v>
      </c>
      <c r="NG40" s="119">
        <v>211456</v>
      </c>
      <c r="NH40" s="119">
        <v>250296</v>
      </c>
      <c r="NI40" s="119">
        <v>206200</v>
      </c>
      <c r="NJ40" s="119">
        <v>0</v>
      </c>
      <c r="NK40" s="120">
        <v>863680</v>
      </c>
      <c r="NL40" s="320">
        <v>863680</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59794</v>
      </c>
      <c r="OJ40" s="119">
        <v>121707</v>
      </c>
      <c r="OK40" s="141">
        <v>381501</v>
      </c>
      <c r="OL40" s="118">
        <v>0</v>
      </c>
      <c r="OM40" s="119">
        <v>1497270</v>
      </c>
      <c r="ON40" s="119">
        <v>1129704</v>
      </c>
      <c r="OO40" s="119">
        <v>708952</v>
      </c>
      <c r="OP40" s="119">
        <v>1347850</v>
      </c>
      <c r="OQ40" s="119">
        <v>1109525</v>
      </c>
      <c r="OR40" s="120">
        <v>5793301</v>
      </c>
      <c r="OS40" s="143">
        <v>6174802</v>
      </c>
    </row>
    <row r="41" spans="2:409" ht="21" customHeight="1" x14ac:dyDescent="0.2">
      <c r="B41" s="126" t="s">
        <v>36</v>
      </c>
      <c r="C41" s="110">
        <v>0</v>
      </c>
      <c r="D41" s="114">
        <v>288344</v>
      </c>
      <c r="E41" s="113">
        <v>288344</v>
      </c>
      <c r="F41" s="109">
        <v>0</v>
      </c>
      <c r="G41" s="114">
        <v>622661</v>
      </c>
      <c r="H41" s="114">
        <v>555574</v>
      </c>
      <c r="I41" s="114">
        <v>864909</v>
      </c>
      <c r="J41" s="114">
        <v>361868</v>
      </c>
      <c r="K41" s="114">
        <v>569694</v>
      </c>
      <c r="L41" s="173">
        <v>2974706</v>
      </c>
      <c r="M41" s="116">
        <v>3263050</v>
      </c>
      <c r="N41" s="110">
        <v>0</v>
      </c>
      <c r="O41" s="114">
        <v>67848</v>
      </c>
      <c r="P41" s="113">
        <v>67848</v>
      </c>
      <c r="Q41" s="110">
        <v>0</v>
      </c>
      <c r="R41" s="114">
        <v>253794</v>
      </c>
      <c r="S41" s="114">
        <v>200456</v>
      </c>
      <c r="T41" s="114">
        <v>84048</v>
      </c>
      <c r="U41" s="114">
        <v>26048</v>
      </c>
      <c r="V41" s="114">
        <v>358814</v>
      </c>
      <c r="W41" s="113">
        <v>923160</v>
      </c>
      <c r="X41" s="116">
        <v>991008</v>
      </c>
      <c r="Y41" s="110">
        <v>0</v>
      </c>
      <c r="Z41" s="114">
        <v>0</v>
      </c>
      <c r="AA41" s="113">
        <v>0</v>
      </c>
      <c r="AB41" s="110">
        <v>0</v>
      </c>
      <c r="AC41" s="114">
        <v>80917</v>
      </c>
      <c r="AD41" s="114">
        <v>143963</v>
      </c>
      <c r="AE41" s="114">
        <v>41400</v>
      </c>
      <c r="AF41" s="114">
        <v>0</v>
      </c>
      <c r="AG41" s="114">
        <v>218647</v>
      </c>
      <c r="AH41" s="113">
        <v>484927</v>
      </c>
      <c r="AI41" s="116">
        <v>484927</v>
      </c>
      <c r="AJ41" s="110">
        <v>0</v>
      </c>
      <c r="AK41" s="114">
        <v>0</v>
      </c>
      <c r="AL41" s="113">
        <v>0</v>
      </c>
      <c r="AM41" s="110">
        <v>0</v>
      </c>
      <c r="AN41" s="114">
        <v>43142</v>
      </c>
      <c r="AO41" s="114">
        <v>0</v>
      </c>
      <c r="AP41" s="114">
        <v>0</v>
      </c>
      <c r="AQ41" s="114">
        <v>0</v>
      </c>
      <c r="AR41" s="114">
        <v>0</v>
      </c>
      <c r="AS41" s="113">
        <v>43142</v>
      </c>
      <c r="AT41" s="116">
        <v>43142</v>
      </c>
      <c r="AU41" s="110">
        <v>0</v>
      </c>
      <c r="AV41" s="114">
        <v>31219</v>
      </c>
      <c r="AW41" s="113">
        <v>31219</v>
      </c>
      <c r="AX41" s="110">
        <v>0</v>
      </c>
      <c r="AY41" s="114">
        <v>119063</v>
      </c>
      <c r="AZ41" s="114">
        <v>0</v>
      </c>
      <c r="BA41" s="114">
        <v>0</v>
      </c>
      <c r="BB41" s="114">
        <v>0</v>
      </c>
      <c r="BC41" s="114">
        <v>106623</v>
      </c>
      <c r="BD41" s="113">
        <v>225686</v>
      </c>
      <c r="BE41" s="116">
        <v>256905</v>
      </c>
      <c r="BF41" s="110">
        <v>0</v>
      </c>
      <c r="BG41" s="114">
        <v>36629</v>
      </c>
      <c r="BH41" s="112">
        <v>36629</v>
      </c>
      <c r="BI41" s="111">
        <v>0</v>
      </c>
      <c r="BJ41" s="114">
        <v>0</v>
      </c>
      <c r="BK41" s="114">
        <v>21933</v>
      </c>
      <c r="BL41" s="114">
        <v>0</v>
      </c>
      <c r="BM41" s="114">
        <v>0</v>
      </c>
      <c r="BN41" s="114">
        <v>0</v>
      </c>
      <c r="BO41" s="113">
        <v>21933</v>
      </c>
      <c r="BP41" s="116">
        <v>58562</v>
      </c>
      <c r="BQ41" s="110">
        <v>0</v>
      </c>
      <c r="BR41" s="114">
        <v>0</v>
      </c>
      <c r="BS41" s="113">
        <v>0</v>
      </c>
      <c r="BT41" s="110">
        <v>0</v>
      </c>
      <c r="BU41" s="114">
        <v>10672</v>
      </c>
      <c r="BV41" s="114">
        <v>34560</v>
      </c>
      <c r="BW41" s="114">
        <v>42648</v>
      </c>
      <c r="BX41" s="114">
        <v>26048</v>
      </c>
      <c r="BY41" s="114">
        <v>33544</v>
      </c>
      <c r="BZ41" s="113">
        <v>147472</v>
      </c>
      <c r="CA41" s="116">
        <v>147472</v>
      </c>
      <c r="CB41" s="110">
        <v>0</v>
      </c>
      <c r="CC41" s="114">
        <v>37296</v>
      </c>
      <c r="CD41" s="113">
        <v>37296</v>
      </c>
      <c r="CE41" s="110">
        <v>0</v>
      </c>
      <c r="CF41" s="114">
        <v>187150</v>
      </c>
      <c r="CG41" s="114">
        <v>122405</v>
      </c>
      <c r="CH41" s="114">
        <v>179537</v>
      </c>
      <c r="CI41" s="114">
        <v>72980</v>
      </c>
      <c r="CJ41" s="114">
        <v>0</v>
      </c>
      <c r="CK41" s="113">
        <v>562072</v>
      </c>
      <c r="CL41" s="116">
        <v>599368</v>
      </c>
      <c r="CM41" s="110">
        <v>0</v>
      </c>
      <c r="CN41" s="114">
        <v>0</v>
      </c>
      <c r="CO41" s="113">
        <v>0</v>
      </c>
      <c r="CP41" s="111">
        <v>0</v>
      </c>
      <c r="CQ41" s="114">
        <v>131313</v>
      </c>
      <c r="CR41" s="114">
        <v>122405</v>
      </c>
      <c r="CS41" s="114">
        <v>151933</v>
      </c>
      <c r="CT41" s="114">
        <v>0</v>
      </c>
      <c r="CU41" s="114">
        <v>0</v>
      </c>
      <c r="CV41" s="113">
        <v>405651</v>
      </c>
      <c r="CW41" s="116">
        <v>405651</v>
      </c>
      <c r="CX41" s="110">
        <v>0</v>
      </c>
      <c r="CY41" s="114">
        <v>37296</v>
      </c>
      <c r="CZ41" s="113">
        <v>37296</v>
      </c>
      <c r="DA41" s="110">
        <v>0</v>
      </c>
      <c r="DB41" s="114">
        <v>55837</v>
      </c>
      <c r="DC41" s="114">
        <v>0</v>
      </c>
      <c r="DD41" s="114">
        <v>27604</v>
      </c>
      <c r="DE41" s="114">
        <v>72980</v>
      </c>
      <c r="DF41" s="114">
        <v>0</v>
      </c>
      <c r="DG41" s="113">
        <v>156421</v>
      </c>
      <c r="DH41" s="116">
        <v>193717</v>
      </c>
      <c r="DI41" s="110">
        <v>0</v>
      </c>
      <c r="DJ41" s="114">
        <v>0</v>
      </c>
      <c r="DK41" s="112">
        <v>0</v>
      </c>
      <c r="DL41" s="111">
        <v>0</v>
      </c>
      <c r="DM41" s="114">
        <v>0</v>
      </c>
      <c r="DN41" s="114">
        <v>16804</v>
      </c>
      <c r="DO41" s="114">
        <v>16424</v>
      </c>
      <c r="DP41" s="114">
        <v>0</v>
      </c>
      <c r="DQ41" s="114">
        <v>0</v>
      </c>
      <c r="DR41" s="113">
        <v>33228</v>
      </c>
      <c r="DS41" s="116">
        <v>33228</v>
      </c>
      <c r="DT41" s="110">
        <v>0</v>
      </c>
      <c r="DU41" s="114">
        <v>0</v>
      </c>
      <c r="DV41" s="113">
        <v>0</v>
      </c>
      <c r="DW41" s="110">
        <v>0</v>
      </c>
      <c r="DX41" s="114">
        <v>0</v>
      </c>
      <c r="DY41" s="114">
        <v>16804</v>
      </c>
      <c r="DZ41" s="114">
        <v>16424</v>
      </c>
      <c r="EA41" s="114">
        <v>0</v>
      </c>
      <c r="EB41" s="114">
        <v>0</v>
      </c>
      <c r="EC41" s="113">
        <v>33228</v>
      </c>
      <c r="ED41" s="116">
        <v>33228</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0</v>
      </c>
      <c r="FM41" s="114">
        <v>183200</v>
      </c>
      <c r="FN41" s="113">
        <v>183200</v>
      </c>
      <c r="FO41" s="110">
        <v>0</v>
      </c>
      <c r="FP41" s="114">
        <v>34512</v>
      </c>
      <c r="FQ41" s="114">
        <v>57760</v>
      </c>
      <c r="FR41" s="114">
        <v>0</v>
      </c>
      <c r="FS41" s="114">
        <v>70496</v>
      </c>
      <c r="FT41" s="114">
        <v>0</v>
      </c>
      <c r="FU41" s="113">
        <v>162768</v>
      </c>
      <c r="FV41" s="116">
        <v>345968</v>
      </c>
      <c r="FW41" s="115">
        <v>0</v>
      </c>
      <c r="FX41" s="114">
        <v>23200</v>
      </c>
      <c r="FY41" s="112">
        <v>23200</v>
      </c>
      <c r="FZ41" s="111">
        <v>0</v>
      </c>
      <c r="GA41" s="114">
        <v>34512</v>
      </c>
      <c r="GB41" s="114">
        <v>57760</v>
      </c>
      <c r="GC41" s="114">
        <v>0</v>
      </c>
      <c r="GD41" s="114">
        <v>15584</v>
      </c>
      <c r="GE41" s="114">
        <v>0</v>
      </c>
      <c r="GF41" s="113">
        <v>107856</v>
      </c>
      <c r="GG41" s="318">
        <v>131056</v>
      </c>
      <c r="GH41" s="115">
        <v>0</v>
      </c>
      <c r="GI41" s="114">
        <v>0</v>
      </c>
      <c r="GJ41" s="112">
        <v>0</v>
      </c>
      <c r="GK41" s="111">
        <v>0</v>
      </c>
      <c r="GL41" s="114">
        <v>0</v>
      </c>
      <c r="GM41" s="114">
        <v>0</v>
      </c>
      <c r="GN41" s="114">
        <v>0</v>
      </c>
      <c r="GO41" s="114">
        <v>54912</v>
      </c>
      <c r="GP41" s="114">
        <v>0</v>
      </c>
      <c r="GQ41" s="113">
        <v>54912</v>
      </c>
      <c r="GR41" s="116">
        <v>54912</v>
      </c>
      <c r="GS41" s="110">
        <v>0</v>
      </c>
      <c r="GT41" s="114">
        <v>160000</v>
      </c>
      <c r="GU41" s="113">
        <v>160000</v>
      </c>
      <c r="GV41" s="110">
        <v>0</v>
      </c>
      <c r="GW41" s="114">
        <v>0</v>
      </c>
      <c r="GX41" s="114">
        <v>0</v>
      </c>
      <c r="GY41" s="114">
        <v>0</v>
      </c>
      <c r="GZ41" s="114">
        <v>0</v>
      </c>
      <c r="HA41" s="114">
        <v>0</v>
      </c>
      <c r="HB41" s="112">
        <v>0</v>
      </c>
      <c r="HC41" s="116">
        <v>160000</v>
      </c>
      <c r="HD41" s="110">
        <v>0</v>
      </c>
      <c r="HE41" s="114">
        <v>0</v>
      </c>
      <c r="HF41" s="112">
        <v>0</v>
      </c>
      <c r="HG41" s="111">
        <v>0</v>
      </c>
      <c r="HH41" s="114">
        <v>147205</v>
      </c>
      <c r="HI41" s="114">
        <v>158149</v>
      </c>
      <c r="HJ41" s="114">
        <v>584900</v>
      </c>
      <c r="HK41" s="114">
        <v>192344</v>
      </c>
      <c r="HL41" s="114">
        <v>210880</v>
      </c>
      <c r="HM41" s="113">
        <v>1293478</v>
      </c>
      <c r="HN41" s="109">
        <v>1293478</v>
      </c>
      <c r="HO41" s="328"/>
      <c r="HP41" s="329"/>
      <c r="HQ41" s="330"/>
      <c r="HR41" s="331"/>
      <c r="HS41" s="329"/>
      <c r="HT41" s="329"/>
      <c r="HU41" s="329"/>
      <c r="HV41" s="329"/>
      <c r="HW41" s="329"/>
      <c r="HX41" s="332"/>
      <c r="HY41" s="333"/>
      <c r="HZ41" s="131">
        <v>0</v>
      </c>
      <c r="IA41" s="132">
        <v>0</v>
      </c>
      <c r="IB41" s="133">
        <v>0</v>
      </c>
      <c r="IC41" s="146">
        <v>0</v>
      </c>
      <c r="ID41" s="132">
        <v>124547</v>
      </c>
      <c r="IE41" s="147">
        <v>272867</v>
      </c>
      <c r="IF41" s="133">
        <v>0</v>
      </c>
      <c r="IG41" s="132">
        <v>0</v>
      </c>
      <c r="IH41" s="133">
        <v>0</v>
      </c>
      <c r="II41" s="148">
        <v>397414</v>
      </c>
      <c r="IJ41" s="139">
        <v>397414</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124547</v>
      </c>
      <c r="JL41" s="119">
        <v>49163</v>
      </c>
      <c r="JM41" s="119">
        <v>0</v>
      </c>
      <c r="JN41" s="119">
        <v>0</v>
      </c>
      <c r="JO41" s="119">
        <v>0</v>
      </c>
      <c r="JP41" s="120">
        <v>173710</v>
      </c>
      <c r="JQ41" s="320">
        <v>173710</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223704</v>
      </c>
      <c r="KT41" s="119">
        <v>0</v>
      </c>
      <c r="KU41" s="119">
        <v>0</v>
      </c>
      <c r="KV41" s="119">
        <v>0</v>
      </c>
      <c r="KW41" s="120">
        <v>223704</v>
      </c>
      <c r="KX41" s="320">
        <v>223704</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0</v>
      </c>
      <c r="MK41" s="119">
        <v>247613</v>
      </c>
      <c r="ML41" s="119">
        <v>476151</v>
      </c>
      <c r="MM41" s="119">
        <v>478913</v>
      </c>
      <c r="MN41" s="119">
        <v>528216</v>
      </c>
      <c r="MO41" s="120">
        <v>1730893</v>
      </c>
      <c r="MP41" s="143">
        <v>1730893</v>
      </c>
      <c r="MQ41" s="142">
        <v>0</v>
      </c>
      <c r="MR41" s="119">
        <v>0</v>
      </c>
      <c r="MS41" s="120">
        <v>0</v>
      </c>
      <c r="MT41" s="145"/>
      <c r="MU41" s="119">
        <v>0</v>
      </c>
      <c r="MV41" s="119">
        <v>0</v>
      </c>
      <c r="MW41" s="119">
        <v>0</v>
      </c>
      <c r="MX41" s="119">
        <v>478913</v>
      </c>
      <c r="MY41" s="119">
        <v>528216</v>
      </c>
      <c r="MZ41" s="120">
        <v>1007129</v>
      </c>
      <c r="NA41" s="143">
        <v>1007129</v>
      </c>
      <c r="NB41" s="142">
        <v>0</v>
      </c>
      <c r="NC41" s="119">
        <v>0</v>
      </c>
      <c r="ND41" s="120">
        <v>0</v>
      </c>
      <c r="NE41" s="145"/>
      <c r="NF41" s="119">
        <v>0</v>
      </c>
      <c r="NG41" s="119">
        <v>247613</v>
      </c>
      <c r="NH41" s="119">
        <v>476151</v>
      </c>
      <c r="NI41" s="119">
        <v>0</v>
      </c>
      <c r="NJ41" s="119">
        <v>0</v>
      </c>
      <c r="NK41" s="120">
        <v>723764</v>
      </c>
      <c r="NL41" s="320">
        <v>723764</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288344</v>
      </c>
      <c r="OK41" s="141">
        <v>288344</v>
      </c>
      <c r="OL41" s="118">
        <v>0</v>
      </c>
      <c r="OM41" s="119">
        <v>747208</v>
      </c>
      <c r="ON41" s="119">
        <v>1076054</v>
      </c>
      <c r="OO41" s="119">
        <v>1341060</v>
      </c>
      <c r="OP41" s="119">
        <v>840781</v>
      </c>
      <c r="OQ41" s="119">
        <v>1097910</v>
      </c>
      <c r="OR41" s="120">
        <v>5103013</v>
      </c>
      <c r="OS41" s="143">
        <v>5391357</v>
      </c>
    </row>
    <row r="42" spans="2:409" ht="21" customHeight="1" thickBot="1" x14ac:dyDescent="0.25">
      <c r="B42" s="127" t="s">
        <v>37</v>
      </c>
      <c r="C42" s="117">
        <v>0</v>
      </c>
      <c r="D42" s="178">
        <v>77992</v>
      </c>
      <c r="E42" s="179">
        <v>77992</v>
      </c>
      <c r="F42" s="180">
        <v>0</v>
      </c>
      <c r="G42" s="178">
        <v>0</v>
      </c>
      <c r="H42" s="178">
        <v>120901</v>
      </c>
      <c r="I42" s="178">
        <v>0</v>
      </c>
      <c r="J42" s="178">
        <v>213043</v>
      </c>
      <c r="K42" s="178">
        <v>0</v>
      </c>
      <c r="L42" s="180">
        <v>333944</v>
      </c>
      <c r="M42" s="181">
        <v>411936</v>
      </c>
      <c r="N42" s="117">
        <v>0</v>
      </c>
      <c r="O42" s="178">
        <v>0</v>
      </c>
      <c r="P42" s="179">
        <v>0</v>
      </c>
      <c r="Q42" s="117">
        <v>0</v>
      </c>
      <c r="R42" s="178">
        <v>0</v>
      </c>
      <c r="S42" s="178">
        <v>0</v>
      </c>
      <c r="T42" s="178">
        <v>0</v>
      </c>
      <c r="U42" s="178">
        <v>12480</v>
      </c>
      <c r="V42" s="178">
        <v>0</v>
      </c>
      <c r="W42" s="179">
        <v>12480</v>
      </c>
      <c r="X42" s="181">
        <v>12480</v>
      </c>
      <c r="Y42" s="117">
        <v>0</v>
      </c>
      <c r="Z42" s="178">
        <v>0</v>
      </c>
      <c r="AA42" s="179">
        <v>0</v>
      </c>
      <c r="AB42" s="117">
        <v>0</v>
      </c>
      <c r="AC42" s="178">
        <v>0</v>
      </c>
      <c r="AD42" s="178">
        <v>0</v>
      </c>
      <c r="AE42" s="178">
        <v>0</v>
      </c>
      <c r="AF42" s="178">
        <v>0</v>
      </c>
      <c r="AG42" s="178">
        <v>0</v>
      </c>
      <c r="AH42" s="179">
        <v>0</v>
      </c>
      <c r="AI42" s="181">
        <v>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12480</v>
      </c>
      <c r="BY42" s="178">
        <v>0</v>
      </c>
      <c r="BZ42" s="179">
        <v>12480</v>
      </c>
      <c r="CA42" s="181">
        <v>12480</v>
      </c>
      <c r="CB42" s="117">
        <v>0</v>
      </c>
      <c r="CC42" s="178">
        <v>75592</v>
      </c>
      <c r="CD42" s="179">
        <v>75592</v>
      </c>
      <c r="CE42" s="117">
        <v>0</v>
      </c>
      <c r="CF42" s="178">
        <v>0</v>
      </c>
      <c r="CG42" s="178">
        <v>99909</v>
      </c>
      <c r="CH42" s="178">
        <v>0</v>
      </c>
      <c r="CI42" s="178">
        <v>0</v>
      </c>
      <c r="CJ42" s="178">
        <v>0</v>
      </c>
      <c r="CK42" s="179">
        <v>99909</v>
      </c>
      <c r="CL42" s="181">
        <v>175501</v>
      </c>
      <c r="CM42" s="117">
        <v>0</v>
      </c>
      <c r="CN42" s="178">
        <v>0</v>
      </c>
      <c r="CO42" s="179">
        <v>0</v>
      </c>
      <c r="CP42" s="182">
        <v>0</v>
      </c>
      <c r="CQ42" s="178">
        <v>0</v>
      </c>
      <c r="CR42" s="178">
        <v>99909</v>
      </c>
      <c r="CS42" s="178">
        <v>0</v>
      </c>
      <c r="CT42" s="178">
        <v>0</v>
      </c>
      <c r="CU42" s="178">
        <v>0</v>
      </c>
      <c r="CV42" s="179">
        <v>99909</v>
      </c>
      <c r="CW42" s="181">
        <v>99909</v>
      </c>
      <c r="CX42" s="117">
        <v>0</v>
      </c>
      <c r="CY42" s="178">
        <v>75592</v>
      </c>
      <c r="CZ42" s="179">
        <v>75592</v>
      </c>
      <c r="DA42" s="117">
        <v>0</v>
      </c>
      <c r="DB42" s="178">
        <v>0</v>
      </c>
      <c r="DC42" s="178">
        <v>0</v>
      </c>
      <c r="DD42" s="178">
        <v>0</v>
      </c>
      <c r="DE42" s="178">
        <v>0</v>
      </c>
      <c r="DF42" s="178">
        <v>0</v>
      </c>
      <c r="DG42" s="179">
        <v>0</v>
      </c>
      <c r="DH42" s="181">
        <v>75592</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0</v>
      </c>
      <c r="FM42" s="178">
        <v>2400</v>
      </c>
      <c r="FN42" s="179">
        <v>2400</v>
      </c>
      <c r="FO42" s="117">
        <v>0</v>
      </c>
      <c r="FP42" s="178">
        <v>0</v>
      </c>
      <c r="FQ42" s="178">
        <v>20992</v>
      </c>
      <c r="FR42" s="178">
        <v>0</v>
      </c>
      <c r="FS42" s="178">
        <v>0</v>
      </c>
      <c r="FT42" s="178">
        <v>0</v>
      </c>
      <c r="FU42" s="179">
        <v>20992</v>
      </c>
      <c r="FV42" s="181">
        <v>23392</v>
      </c>
      <c r="FW42" s="184">
        <v>0</v>
      </c>
      <c r="FX42" s="178">
        <v>2400</v>
      </c>
      <c r="FY42" s="183">
        <v>2400</v>
      </c>
      <c r="FZ42" s="182">
        <v>0</v>
      </c>
      <c r="GA42" s="178">
        <v>0</v>
      </c>
      <c r="GB42" s="178">
        <v>20992</v>
      </c>
      <c r="GC42" s="178">
        <v>0</v>
      </c>
      <c r="GD42" s="178">
        <v>0</v>
      </c>
      <c r="GE42" s="178">
        <v>0</v>
      </c>
      <c r="GF42" s="179">
        <v>20992</v>
      </c>
      <c r="GG42" s="319">
        <v>23392</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200563</v>
      </c>
      <c r="HL42" s="178">
        <v>0</v>
      </c>
      <c r="HM42" s="179">
        <v>200563</v>
      </c>
      <c r="HN42" s="180">
        <v>200563</v>
      </c>
      <c r="HO42" s="334"/>
      <c r="HP42" s="335"/>
      <c r="HQ42" s="336"/>
      <c r="HR42" s="337"/>
      <c r="HS42" s="335"/>
      <c r="HT42" s="335"/>
      <c r="HU42" s="335"/>
      <c r="HV42" s="335"/>
      <c r="HW42" s="335"/>
      <c r="HX42" s="338"/>
      <c r="HY42" s="339"/>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21">
        <v>0</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1">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211094</v>
      </c>
      <c r="MM42" s="161">
        <v>102178</v>
      </c>
      <c r="MN42" s="161">
        <v>0</v>
      </c>
      <c r="MO42" s="165">
        <v>313272</v>
      </c>
      <c r="MP42" s="167">
        <v>313272</v>
      </c>
      <c r="MQ42" s="163">
        <v>0</v>
      </c>
      <c r="MR42" s="161">
        <v>0</v>
      </c>
      <c r="MS42" s="165">
        <v>0</v>
      </c>
      <c r="MT42" s="169"/>
      <c r="MU42" s="161">
        <v>0</v>
      </c>
      <c r="MV42" s="161">
        <v>0</v>
      </c>
      <c r="MW42" s="161">
        <v>211094</v>
      </c>
      <c r="MX42" s="161">
        <v>102178</v>
      </c>
      <c r="MY42" s="161">
        <v>0</v>
      </c>
      <c r="MZ42" s="165">
        <v>313272</v>
      </c>
      <c r="NA42" s="167">
        <v>313272</v>
      </c>
      <c r="NB42" s="163">
        <v>0</v>
      </c>
      <c r="NC42" s="161">
        <v>0</v>
      </c>
      <c r="ND42" s="165">
        <v>0</v>
      </c>
      <c r="NE42" s="169"/>
      <c r="NF42" s="161">
        <v>0</v>
      </c>
      <c r="NG42" s="161">
        <v>0</v>
      </c>
      <c r="NH42" s="161">
        <v>0</v>
      </c>
      <c r="NI42" s="161">
        <v>0</v>
      </c>
      <c r="NJ42" s="161">
        <v>0</v>
      </c>
      <c r="NK42" s="165">
        <v>0</v>
      </c>
      <c r="NL42" s="321">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77992</v>
      </c>
      <c r="OK42" s="162">
        <v>77992</v>
      </c>
      <c r="OL42" s="164">
        <v>0</v>
      </c>
      <c r="OM42" s="161">
        <v>0</v>
      </c>
      <c r="ON42" s="161">
        <v>120901</v>
      </c>
      <c r="OO42" s="161">
        <v>211094</v>
      </c>
      <c r="OP42" s="161">
        <v>315221</v>
      </c>
      <c r="OQ42" s="161">
        <v>0</v>
      </c>
      <c r="OR42" s="165">
        <v>647216</v>
      </c>
      <c r="OS42" s="167">
        <v>725208</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N7:P7"/>
    <mergeCell ref="Q7:W7"/>
    <mergeCell ref="BI7:BO7"/>
    <mergeCell ref="X7:X8"/>
    <mergeCell ref="Y7:AA7"/>
    <mergeCell ref="AB7:AH7"/>
    <mergeCell ref="AI7:AI8"/>
    <mergeCell ref="AJ7:AL7"/>
    <mergeCell ref="AM7:AS7"/>
    <mergeCell ref="AT7:AT8"/>
    <mergeCell ref="AU7:AW7"/>
    <mergeCell ref="AX7:BD7"/>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GH6:GR6"/>
    <mergeCell ref="GR7:GR8"/>
    <mergeCell ref="GS7:GU7"/>
    <mergeCell ref="ES7:EY7"/>
    <mergeCell ref="FA7:FC7"/>
    <mergeCell ref="FD7:FJ7"/>
    <mergeCell ref="FK7:FK8"/>
    <mergeCell ref="GS6:HC6"/>
    <mergeCell ref="FA6:FK6"/>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500">
        <f>第１表!F2</f>
        <v>5</v>
      </c>
      <c r="F1" s="246">
        <f>第１表!G2</f>
        <v>4</v>
      </c>
      <c r="G1" s="679">
        <f>IF(F1&lt;3,F1-2+12,F1-2)</f>
        <v>2</v>
      </c>
      <c r="H1" s="679"/>
      <c r="IB1" s="367"/>
      <c r="IC1" s="252"/>
      <c r="ID1" s="649"/>
      <c r="IE1" s="649"/>
    </row>
    <row r="2" spans="1:409" ht="24" customHeight="1" x14ac:dyDescent="0.2">
      <c r="B2" s="20" t="s">
        <v>147</v>
      </c>
      <c r="E2" s="249"/>
      <c r="F2" s="250"/>
      <c r="G2" s="354"/>
      <c r="H2" s="354"/>
      <c r="IB2" s="251"/>
      <c r="IC2" s="252"/>
      <c r="ID2" s="370"/>
      <c r="IE2" s="370"/>
    </row>
    <row r="3" spans="1:409" ht="24" customHeight="1" thickBot="1" x14ac:dyDescent="0.25">
      <c r="B3" s="20" t="s">
        <v>156</v>
      </c>
    </row>
    <row r="4" spans="1:409" ht="21" customHeight="1" thickBot="1" x14ac:dyDescent="0.25">
      <c r="B4" s="709" t="s">
        <v>42</v>
      </c>
      <c r="C4" s="712" t="s">
        <v>63</v>
      </c>
      <c r="D4" s="712"/>
      <c r="E4" s="712"/>
      <c r="F4" s="712"/>
      <c r="G4" s="712"/>
      <c r="H4" s="712"/>
      <c r="I4" s="712"/>
      <c r="J4" s="712"/>
      <c r="K4" s="712"/>
      <c r="L4" s="712"/>
      <c r="M4" s="712"/>
      <c r="N4" s="715"/>
      <c r="O4" s="715"/>
      <c r="P4" s="715"/>
      <c r="Q4" s="715"/>
      <c r="R4" s="715"/>
      <c r="S4" s="715"/>
      <c r="T4" s="715"/>
      <c r="U4" s="715"/>
      <c r="V4" s="715"/>
      <c r="W4" s="715"/>
      <c r="X4" s="715"/>
      <c r="Y4" s="715"/>
      <c r="Z4" s="715"/>
      <c r="AA4" s="715"/>
      <c r="AB4" s="715"/>
      <c r="AC4" s="715"/>
      <c r="AD4" s="715"/>
      <c r="AE4" s="715"/>
      <c r="AF4" s="715"/>
      <c r="AG4" s="715"/>
      <c r="AH4" s="715"/>
      <c r="AI4" s="715"/>
      <c r="AJ4" s="715"/>
      <c r="AK4" s="715"/>
      <c r="AL4" s="715"/>
      <c r="AM4" s="715"/>
      <c r="AN4" s="715"/>
      <c r="AO4" s="715"/>
      <c r="AP4" s="715"/>
      <c r="AQ4" s="715"/>
      <c r="AR4" s="715"/>
      <c r="AS4" s="715"/>
      <c r="AT4" s="715"/>
      <c r="AU4" s="715"/>
      <c r="AV4" s="715"/>
      <c r="AW4" s="715"/>
      <c r="AX4" s="715"/>
      <c r="AY4" s="715"/>
      <c r="AZ4" s="715"/>
      <c r="BA4" s="715"/>
      <c r="BB4" s="715"/>
      <c r="BC4" s="715"/>
      <c r="BD4" s="715"/>
      <c r="BE4" s="715"/>
      <c r="BF4" s="715"/>
      <c r="BG4" s="715"/>
      <c r="BH4" s="715"/>
      <c r="BI4" s="715"/>
      <c r="BJ4" s="715"/>
      <c r="BK4" s="715"/>
      <c r="BL4" s="715"/>
      <c r="BM4" s="715"/>
      <c r="BN4" s="715"/>
      <c r="BO4" s="715"/>
      <c r="BP4" s="715"/>
      <c r="BQ4" s="715"/>
      <c r="BR4" s="715"/>
      <c r="BS4" s="715"/>
      <c r="BT4" s="715"/>
      <c r="BU4" s="715"/>
      <c r="BV4" s="715"/>
      <c r="BW4" s="715"/>
      <c r="BX4" s="715"/>
      <c r="BY4" s="715"/>
      <c r="BZ4" s="715"/>
      <c r="CA4" s="715"/>
      <c r="CB4" s="715"/>
      <c r="CC4" s="715"/>
      <c r="CD4" s="715"/>
      <c r="CE4" s="715"/>
      <c r="CF4" s="715"/>
      <c r="CG4" s="715"/>
      <c r="CH4" s="715"/>
      <c r="CI4" s="715"/>
      <c r="CJ4" s="715"/>
      <c r="CK4" s="715"/>
      <c r="CL4" s="715"/>
      <c r="CM4" s="715"/>
      <c r="CN4" s="715"/>
      <c r="CO4" s="715"/>
      <c r="CP4" s="715"/>
      <c r="CQ4" s="715"/>
      <c r="CR4" s="715"/>
      <c r="CS4" s="715"/>
      <c r="CT4" s="715"/>
      <c r="CU4" s="715"/>
      <c r="CV4" s="715"/>
      <c r="CW4" s="715"/>
      <c r="CX4" s="715"/>
      <c r="CY4" s="715"/>
      <c r="CZ4" s="715"/>
      <c r="DA4" s="715"/>
      <c r="DB4" s="715"/>
      <c r="DC4" s="715"/>
      <c r="DD4" s="715"/>
      <c r="DE4" s="715"/>
      <c r="DF4" s="715"/>
      <c r="DG4" s="715"/>
      <c r="DH4" s="715"/>
      <c r="DI4" s="715"/>
      <c r="DJ4" s="715"/>
      <c r="DK4" s="715"/>
      <c r="DL4" s="715"/>
      <c r="DM4" s="715"/>
      <c r="DN4" s="715"/>
      <c r="DO4" s="715"/>
      <c r="DP4" s="715"/>
      <c r="DQ4" s="715"/>
      <c r="DR4" s="715"/>
      <c r="DS4" s="715"/>
      <c r="DT4" s="715"/>
      <c r="DU4" s="715"/>
      <c r="DV4" s="715"/>
      <c r="DW4" s="715"/>
      <c r="DX4" s="715"/>
      <c r="DY4" s="715"/>
      <c r="DZ4" s="715"/>
      <c r="EA4" s="715"/>
      <c r="EB4" s="715"/>
      <c r="EC4" s="715"/>
      <c r="ED4" s="715"/>
      <c r="EE4" s="715"/>
      <c r="EF4" s="715"/>
      <c r="EG4" s="715"/>
      <c r="EH4" s="715"/>
      <c r="EI4" s="715"/>
      <c r="EJ4" s="715"/>
      <c r="EK4" s="715"/>
      <c r="EL4" s="715"/>
      <c r="EM4" s="715"/>
      <c r="EN4" s="715"/>
      <c r="EO4" s="715"/>
      <c r="EP4" s="715"/>
      <c r="EQ4" s="715"/>
      <c r="ER4" s="715"/>
      <c r="ES4" s="715"/>
      <c r="ET4" s="715"/>
      <c r="EU4" s="715"/>
      <c r="EV4" s="715"/>
      <c r="EW4" s="715"/>
      <c r="EX4" s="715"/>
      <c r="EY4" s="715"/>
      <c r="EZ4" s="715"/>
      <c r="FA4" s="715"/>
      <c r="FB4" s="715"/>
      <c r="FC4" s="715"/>
      <c r="FD4" s="715"/>
      <c r="FE4" s="715"/>
      <c r="FF4" s="715"/>
      <c r="FG4" s="715"/>
      <c r="FH4" s="715"/>
      <c r="FI4" s="715"/>
      <c r="FJ4" s="715"/>
      <c r="FK4" s="715"/>
      <c r="FL4" s="715"/>
      <c r="FM4" s="715"/>
      <c r="FN4" s="715"/>
      <c r="FO4" s="715"/>
      <c r="FP4" s="715"/>
      <c r="FQ4" s="715"/>
      <c r="FR4" s="715"/>
      <c r="FS4" s="715"/>
      <c r="FT4" s="715"/>
      <c r="FU4" s="715"/>
      <c r="FV4" s="715"/>
      <c r="FW4" s="715"/>
      <c r="FX4" s="715"/>
      <c r="FY4" s="715"/>
      <c r="FZ4" s="715"/>
      <c r="GA4" s="715"/>
      <c r="GB4" s="715"/>
      <c r="GC4" s="715"/>
      <c r="GD4" s="715"/>
      <c r="GE4" s="715"/>
      <c r="GF4" s="715"/>
      <c r="GG4" s="715"/>
      <c r="GH4" s="715"/>
      <c r="GI4" s="715"/>
      <c r="GJ4" s="715"/>
      <c r="GK4" s="715"/>
      <c r="GL4" s="715"/>
      <c r="GM4" s="715"/>
      <c r="GN4" s="715"/>
      <c r="GO4" s="715"/>
      <c r="GP4" s="715"/>
      <c r="GQ4" s="715"/>
      <c r="GR4" s="715"/>
      <c r="GS4" s="715"/>
      <c r="GT4" s="715"/>
      <c r="GU4" s="715"/>
      <c r="GV4" s="715"/>
      <c r="GW4" s="715"/>
      <c r="GX4" s="715"/>
      <c r="GY4" s="715"/>
      <c r="GZ4" s="715"/>
      <c r="HA4" s="715"/>
      <c r="HB4" s="715"/>
      <c r="HC4" s="715"/>
      <c r="HD4" s="715"/>
      <c r="HE4" s="715"/>
      <c r="HF4" s="715"/>
      <c r="HG4" s="715"/>
      <c r="HH4" s="715"/>
      <c r="HI4" s="715"/>
      <c r="HJ4" s="715"/>
      <c r="HK4" s="715"/>
      <c r="HL4" s="715"/>
      <c r="HM4" s="715"/>
      <c r="HN4" s="715"/>
      <c r="HO4" s="715"/>
      <c r="HP4" s="715"/>
      <c r="HQ4" s="715"/>
      <c r="HR4" s="715"/>
      <c r="HS4" s="715"/>
      <c r="HT4" s="715"/>
      <c r="HU4" s="715"/>
      <c r="HV4" s="715"/>
      <c r="HW4" s="715"/>
      <c r="HX4" s="715"/>
      <c r="HY4" s="716"/>
      <c r="HZ4" s="610" t="s">
        <v>85</v>
      </c>
      <c r="IA4" s="611"/>
      <c r="IB4" s="611"/>
      <c r="IC4" s="611"/>
      <c r="ID4" s="611"/>
      <c r="IE4" s="611"/>
      <c r="IF4" s="611"/>
      <c r="IG4" s="611"/>
      <c r="IH4" s="611"/>
      <c r="II4" s="611"/>
      <c r="IJ4" s="611"/>
      <c r="IK4" s="611"/>
      <c r="IL4" s="611"/>
      <c r="IM4" s="611"/>
      <c r="IN4" s="611"/>
      <c r="IO4" s="611"/>
      <c r="IP4" s="611"/>
      <c r="IQ4" s="611"/>
      <c r="IR4" s="611"/>
      <c r="IS4" s="611"/>
      <c r="IT4" s="611"/>
      <c r="IU4" s="611"/>
      <c r="IV4" s="611"/>
      <c r="IW4" s="611"/>
      <c r="IX4" s="611"/>
      <c r="IY4" s="611"/>
      <c r="IZ4" s="611"/>
      <c r="JA4" s="611"/>
      <c r="JB4" s="611"/>
      <c r="JC4" s="611"/>
      <c r="JD4" s="611"/>
      <c r="JE4" s="611"/>
      <c r="JF4" s="611"/>
      <c r="JG4" s="611"/>
      <c r="JH4" s="611"/>
      <c r="JI4" s="611"/>
      <c r="JJ4" s="611"/>
      <c r="JK4" s="611"/>
      <c r="JL4" s="611"/>
      <c r="JM4" s="611"/>
      <c r="JN4" s="611"/>
      <c r="JO4" s="611"/>
      <c r="JP4" s="611"/>
      <c r="JQ4" s="611"/>
      <c r="JR4" s="611"/>
      <c r="JS4" s="611"/>
      <c r="JT4" s="611"/>
      <c r="JU4" s="611"/>
      <c r="JV4" s="611"/>
      <c r="JW4" s="611"/>
      <c r="JX4" s="611"/>
      <c r="JY4" s="611"/>
      <c r="JZ4" s="611"/>
      <c r="KA4" s="611"/>
      <c r="KB4" s="611"/>
      <c r="KC4" s="611"/>
      <c r="KD4" s="611"/>
      <c r="KE4" s="611"/>
      <c r="KF4" s="611"/>
      <c r="KG4" s="611"/>
      <c r="KH4" s="611"/>
      <c r="KI4" s="611"/>
      <c r="KJ4" s="611"/>
      <c r="KK4" s="611"/>
      <c r="KL4" s="611"/>
      <c r="KM4" s="611"/>
      <c r="KN4" s="611"/>
      <c r="KO4" s="611"/>
      <c r="KP4" s="611"/>
      <c r="KQ4" s="611"/>
      <c r="KR4" s="611"/>
      <c r="KS4" s="611"/>
      <c r="KT4" s="611"/>
      <c r="KU4" s="611"/>
      <c r="KV4" s="611"/>
      <c r="KW4" s="611"/>
      <c r="KX4" s="611"/>
      <c r="KY4" s="611"/>
      <c r="KZ4" s="611"/>
      <c r="LA4" s="611"/>
      <c r="LB4" s="611"/>
      <c r="LC4" s="611"/>
      <c r="LD4" s="611"/>
      <c r="LE4" s="611"/>
      <c r="LF4" s="611"/>
      <c r="LG4" s="611"/>
      <c r="LH4" s="611"/>
      <c r="LI4" s="611"/>
      <c r="LJ4" s="611"/>
      <c r="LK4" s="611"/>
      <c r="LL4" s="611"/>
      <c r="LM4" s="611"/>
      <c r="LN4" s="611"/>
      <c r="LO4" s="611"/>
      <c r="LP4" s="611"/>
      <c r="LQ4" s="611"/>
      <c r="LR4" s="611"/>
      <c r="LS4" s="611"/>
      <c r="LT4" s="611"/>
      <c r="LU4" s="611"/>
      <c r="LV4" s="611"/>
      <c r="LW4" s="611"/>
      <c r="LX4" s="611"/>
      <c r="LY4" s="611"/>
      <c r="LZ4" s="611"/>
      <c r="MA4" s="611"/>
      <c r="MB4" s="611"/>
      <c r="MC4" s="611"/>
      <c r="MD4" s="611"/>
      <c r="ME4" s="612"/>
      <c r="MF4" s="610" t="s">
        <v>86</v>
      </c>
      <c r="MG4" s="611"/>
      <c r="MH4" s="611"/>
      <c r="MI4" s="611"/>
      <c r="MJ4" s="611"/>
      <c r="MK4" s="611"/>
      <c r="ML4" s="611"/>
      <c r="MM4" s="611"/>
      <c r="MN4" s="611"/>
      <c r="MO4" s="611"/>
      <c r="MP4" s="611"/>
      <c r="MQ4" s="611"/>
      <c r="MR4" s="611"/>
      <c r="MS4" s="611"/>
      <c r="MT4" s="611"/>
      <c r="MU4" s="611"/>
      <c r="MV4" s="611"/>
      <c r="MW4" s="611"/>
      <c r="MX4" s="611"/>
      <c r="MY4" s="611"/>
      <c r="MZ4" s="611"/>
      <c r="NA4" s="611"/>
      <c r="NB4" s="611"/>
      <c r="NC4" s="611"/>
      <c r="ND4" s="611"/>
      <c r="NE4" s="611"/>
      <c r="NF4" s="611"/>
      <c r="NG4" s="611"/>
      <c r="NH4" s="611"/>
      <c r="NI4" s="611"/>
      <c r="NJ4" s="611"/>
      <c r="NK4" s="611"/>
      <c r="NL4" s="611"/>
      <c r="NM4" s="611"/>
      <c r="NN4" s="611"/>
      <c r="NO4" s="611"/>
      <c r="NP4" s="611"/>
      <c r="NQ4" s="611"/>
      <c r="NR4" s="611"/>
      <c r="NS4" s="611"/>
      <c r="NT4" s="611"/>
      <c r="NU4" s="611"/>
      <c r="NV4" s="611"/>
      <c r="NW4" s="611"/>
      <c r="NX4" s="611"/>
      <c r="NY4" s="611"/>
      <c r="NZ4" s="611"/>
      <c r="OA4" s="611"/>
      <c r="OB4" s="611"/>
      <c r="OC4" s="611"/>
      <c r="OD4" s="611"/>
      <c r="OE4" s="611"/>
      <c r="OF4" s="611"/>
      <c r="OG4" s="611"/>
      <c r="OH4" s="612"/>
      <c r="OI4" s="599" t="s">
        <v>60</v>
      </c>
      <c r="OJ4" s="504"/>
      <c r="OK4" s="504"/>
      <c r="OL4" s="504"/>
      <c r="OM4" s="504"/>
      <c r="ON4" s="504"/>
      <c r="OO4" s="504"/>
      <c r="OP4" s="504"/>
      <c r="OQ4" s="504"/>
      <c r="OR4" s="504"/>
      <c r="OS4" s="505"/>
    </row>
    <row r="5" spans="1:409" ht="21" customHeight="1" thickBot="1" x14ac:dyDescent="0.25">
      <c r="B5" s="710"/>
      <c r="C5" s="713"/>
      <c r="D5" s="713"/>
      <c r="E5" s="713"/>
      <c r="F5" s="713"/>
      <c r="G5" s="713"/>
      <c r="H5" s="713"/>
      <c r="I5" s="713"/>
      <c r="J5" s="713"/>
      <c r="K5" s="713"/>
      <c r="L5" s="713"/>
      <c r="M5" s="713"/>
      <c r="N5" s="717" t="s">
        <v>64</v>
      </c>
      <c r="O5" s="718"/>
      <c r="P5" s="718"/>
      <c r="Q5" s="718"/>
      <c r="R5" s="718"/>
      <c r="S5" s="718"/>
      <c r="T5" s="718"/>
      <c r="U5" s="718"/>
      <c r="V5" s="718"/>
      <c r="W5" s="718"/>
      <c r="X5" s="718"/>
      <c r="Y5" s="718"/>
      <c r="Z5" s="718"/>
      <c r="AA5" s="718"/>
      <c r="AB5" s="718"/>
      <c r="AC5" s="718"/>
      <c r="AD5" s="718"/>
      <c r="AE5" s="718"/>
      <c r="AF5" s="718"/>
      <c r="AG5" s="718"/>
      <c r="AH5" s="718"/>
      <c r="AI5" s="718"/>
      <c r="AJ5" s="718"/>
      <c r="AK5" s="718"/>
      <c r="AL5" s="718"/>
      <c r="AM5" s="718"/>
      <c r="AN5" s="718"/>
      <c r="AO5" s="718"/>
      <c r="AP5" s="718"/>
      <c r="AQ5" s="718"/>
      <c r="AR5" s="718"/>
      <c r="AS5" s="718"/>
      <c r="AT5" s="718"/>
      <c r="AU5" s="718"/>
      <c r="AV5" s="718"/>
      <c r="AW5" s="718"/>
      <c r="AX5" s="718"/>
      <c r="AY5" s="718"/>
      <c r="AZ5" s="718"/>
      <c r="BA5" s="718"/>
      <c r="BB5" s="718"/>
      <c r="BC5" s="718"/>
      <c r="BD5" s="718"/>
      <c r="BE5" s="718"/>
      <c r="BF5" s="718"/>
      <c r="BG5" s="718"/>
      <c r="BH5" s="718"/>
      <c r="BI5" s="718"/>
      <c r="BJ5" s="718"/>
      <c r="BK5" s="718"/>
      <c r="BL5" s="718"/>
      <c r="BM5" s="718"/>
      <c r="BN5" s="718"/>
      <c r="BO5" s="718"/>
      <c r="BP5" s="718"/>
      <c r="BQ5" s="718"/>
      <c r="BR5" s="718"/>
      <c r="BS5" s="718"/>
      <c r="BT5" s="718"/>
      <c r="BU5" s="718"/>
      <c r="BV5" s="718"/>
      <c r="BW5" s="718"/>
      <c r="BX5" s="718"/>
      <c r="BY5" s="718"/>
      <c r="BZ5" s="718"/>
      <c r="CA5" s="719"/>
      <c r="CB5" s="717" t="s">
        <v>65</v>
      </c>
      <c r="CC5" s="718"/>
      <c r="CD5" s="718"/>
      <c r="CE5" s="718"/>
      <c r="CF5" s="718"/>
      <c r="CG5" s="718"/>
      <c r="CH5" s="718"/>
      <c r="CI5" s="718"/>
      <c r="CJ5" s="718"/>
      <c r="CK5" s="718"/>
      <c r="CL5" s="718"/>
      <c r="CM5" s="718"/>
      <c r="CN5" s="718"/>
      <c r="CO5" s="718"/>
      <c r="CP5" s="718"/>
      <c r="CQ5" s="718"/>
      <c r="CR5" s="718"/>
      <c r="CS5" s="718"/>
      <c r="CT5" s="718"/>
      <c r="CU5" s="718"/>
      <c r="CV5" s="718"/>
      <c r="CW5" s="718"/>
      <c r="CX5" s="718"/>
      <c r="CY5" s="718"/>
      <c r="CZ5" s="718"/>
      <c r="DA5" s="718"/>
      <c r="DB5" s="718"/>
      <c r="DC5" s="718"/>
      <c r="DD5" s="718"/>
      <c r="DE5" s="718"/>
      <c r="DF5" s="718"/>
      <c r="DG5" s="718"/>
      <c r="DH5" s="719"/>
      <c r="DI5" s="521" t="s">
        <v>66</v>
      </c>
      <c r="DJ5" s="522"/>
      <c r="DK5" s="522"/>
      <c r="DL5" s="522"/>
      <c r="DM5" s="522"/>
      <c r="DN5" s="522"/>
      <c r="DO5" s="522"/>
      <c r="DP5" s="522"/>
      <c r="DQ5" s="522"/>
      <c r="DR5" s="522"/>
      <c r="DS5" s="522"/>
      <c r="DT5" s="522"/>
      <c r="DU5" s="522"/>
      <c r="DV5" s="522"/>
      <c r="DW5" s="522"/>
      <c r="DX5" s="522"/>
      <c r="DY5" s="522"/>
      <c r="DZ5" s="522"/>
      <c r="EA5" s="522"/>
      <c r="EB5" s="522"/>
      <c r="EC5" s="522"/>
      <c r="ED5" s="522"/>
      <c r="EE5" s="522"/>
      <c r="EF5" s="522"/>
      <c r="EG5" s="522"/>
      <c r="EH5" s="522"/>
      <c r="EI5" s="522"/>
      <c r="EJ5" s="522"/>
      <c r="EK5" s="522"/>
      <c r="EL5" s="522"/>
      <c r="EM5" s="522"/>
      <c r="EN5" s="522"/>
      <c r="EO5" s="522"/>
      <c r="EP5" s="522"/>
      <c r="EQ5" s="522"/>
      <c r="ER5" s="522"/>
      <c r="ES5" s="522"/>
      <c r="ET5" s="522"/>
      <c r="EU5" s="522"/>
      <c r="EV5" s="522"/>
      <c r="EW5" s="522"/>
      <c r="EX5" s="522"/>
      <c r="EY5" s="522"/>
      <c r="EZ5" s="522"/>
      <c r="FA5" s="522"/>
      <c r="FB5" s="522"/>
      <c r="FC5" s="522"/>
      <c r="FD5" s="522"/>
      <c r="FE5" s="522"/>
      <c r="FF5" s="522"/>
      <c r="FG5" s="522"/>
      <c r="FH5" s="522"/>
      <c r="FI5" s="522"/>
      <c r="FJ5" s="522"/>
      <c r="FK5" s="523"/>
      <c r="FL5" s="717" t="s">
        <v>67</v>
      </c>
      <c r="FM5" s="718"/>
      <c r="FN5" s="718"/>
      <c r="FO5" s="718"/>
      <c r="FP5" s="718"/>
      <c r="FQ5" s="718"/>
      <c r="FR5" s="718"/>
      <c r="FS5" s="718"/>
      <c r="FT5" s="718"/>
      <c r="FU5" s="718"/>
      <c r="FV5" s="718"/>
      <c r="FW5" s="718"/>
      <c r="FX5" s="718"/>
      <c r="FY5" s="718"/>
      <c r="FZ5" s="718"/>
      <c r="GA5" s="718"/>
      <c r="GB5" s="718"/>
      <c r="GC5" s="718"/>
      <c r="GD5" s="718"/>
      <c r="GE5" s="718"/>
      <c r="GF5" s="718"/>
      <c r="GG5" s="718"/>
      <c r="GH5" s="718"/>
      <c r="GI5" s="718"/>
      <c r="GJ5" s="718"/>
      <c r="GK5" s="718"/>
      <c r="GL5" s="718"/>
      <c r="GM5" s="718"/>
      <c r="GN5" s="718"/>
      <c r="GO5" s="718"/>
      <c r="GP5" s="718"/>
      <c r="GQ5" s="718"/>
      <c r="GR5" s="718"/>
      <c r="GS5" s="718"/>
      <c r="GT5" s="718"/>
      <c r="GU5" s="718"/>
      <c r="GV5" s="718"/>
      <c r="GW5" s="718"/>
      <c r="GX5" s="718"/>
      <c r="GY5" s="718"/>
      <c r="GZ5" s="718"/>
      <c r="HA5" s="718"/>
      <c r="HB5" s="718"/>
      <c r="HC5" s="719"/>
      <c r="HD5" s="720" t="s">
        <v>68</v>
      </c>
      <c r="HE5" s="721"/>
      <c r="HF5" s="721"/>
      <c r="HG5" s="721"/>
      <c r="HH5" s="721"/>
      <c r="HI5" s="721"/>
      <c r="HJ5" s="721"/>
      <c r="HK5" s="721"/>
      <c r="HL5" s="721"/>
      <c r="HM5" s="721"/>
      <c r="HN5" s="722"/>
      <c r="HO5" s="720" t="s">
        <v>69</v>
      </c>
      <c r="HP5" s="721"/>
      <c r="HQ5" s="721"/>
      <c r="HR5" s="721"/>
      <c r="HS5" s="721"/>
      <c r="HT5" s="721"/>
      <c r="HU5" s="721"/>
      <c r="HV5" s="721"/>
      <c r="HW5" s="721"/>
      <c r="HX5" s="721"/>
      <c r="HY5" s="722"/>
      <c r="HZ5" s="661"/>
      <c r="IA5" s="662"/>
      <c r="IB5" s="662"/>
      <c r="IC5" s="662"/>
      <c r="ID5" s="662"/>
      <c r="IE5" s="662"/>
      <c r="IF5" s="662"/>
      <c r="IG5" s="662"/>
      <c r="IH5" s="662"/>
      <c r="II5" s="662"/>
      <c r="IJ5" s="663"/>
      <c r="IK5" s="599" t="s">
        <v>94</v>
      </c>
      <c r="IL5" s="504"/>
      <c r="IM5" s="504"/>
      <c r="IN5" s="504"/>
      <c r="IO5" s="504"/>
      <c r="IP5" s="504"/>
      <c r="IQ5" s="504"/>
      <c r="IR5" s="504"/>
      <c r="IS5" s="504"/>
      <c r="IT5" s="504"/>
      <c r="IU5" s="505"/>
      <c r="IV5" s="599" t="s">
        <v>88</v>
      </c>
      <c r="IW5" s="504"/>
      <c r="IX5" s="504"/>
      <c r="IY5" s="504"/>
      <c r="IZ5" s="504"/>
      <c r="JA5" s="504"/>
      <c r="JB5" s="504"/>
      <c r="JC5" s="504"/>
      <c r="JD5" s="504"/>
      <c r="JE5" s="504"/>
      <c r="JF5" s="505"/>
      <c r="JG5" s="664" t="s">
        <v>144</v>
      </c>
      <c r="JH5" s="665"/>
      <c r="JI5" s="665"/>
      <c r="JJ5" s="665"/>
      <c r="JK5" s="665"/>
      <c r="JL5" s="665"/>
      <c r="JM5" s="665"/>
      <c r="JN5" s="665"/>
      <c r="JO5" s="665"/>
      <c r="JP5" s="665"/>
      <c r="JQ5" s="666"/>
      <c r="JR5" s="599" t="s">
        <v>90</v>
      </c>
      <c r="JS5" s="504"/>
      <c r="JT5" s="504"/>
      <c r="JU5" s="504"/>
      <c r="JV5" s="504"/>
      <c r="JW5" s="504"/>
      <c r="JX5" s="504"/>
      <c r="JY5" s="504"/>
      <c r="JZ5" s="504"/>
      <c r="KA5" s="504"/>
      <c r="KB5" s="505"/>
      <c r="KC5" s="599" t="s">
        <v>89</v>
      </c>
      <c r="KD5" s="504"/>
      <c r="KE5" s="504"/>
      <c r="KF5" s="504"/>
      <c r="KG5" s="504"/>
      <c r="KH5" s="504"/>
      <c r="KI5" s="504"/>
      <c r="KJ5" s="504"/>
      <c r="KK5" s="504"/>
      <c r="KL5" s="504"/>
      <c r="KM5" s="505"/>
      <c r="KN5" s="599" t="s">
        <v>91</v>
      </c>
      <c r="KO5" s="504"/>
      <c r="KP5" s="504"/>
      <c r="KQ5" s="504"/>
      <c r="KR5" s="504"/>
      <c r="KS5" s="504"/>
      <c r="KT5" s="504"/>
      <c r="KU5" s="504"/>
      <c r="KV5" s="504"/>
      <c r="KW5" s="504"/>
      <c r="KX5" s="505"/>
      <c r="KY5" s="599" t="s">
        <v>92</v>
      </c>
      <c r="KZ5" s="504"/>
      <c r="LA5" s="504"/>
      <c r="LB5" s="504"/>
      <c r="LC5" s="504"/>
      <c r="LD5" s="504"/>
      <c r="LE5" s="504"/>
      <c r="LF5" s="504"/>
      <c r="LG5" s="504"/>
      <c r="LH5" s="504"/>
      <c r="LI5" s="505"/>
      <c r="LJ5" s="670" t="s">
        <v>93</v>
      </c>
      <c r="LK5" s="671"/>
      <c r="LL5" s="671"/>
      <c r="LM5" s="671"/>
      <c r="LN5" s="671"/>
      <c r="LO5" s="671"/>
      <c r="LP5" s="671"/>
      <c r="LQ5" s="671"/>
      <c r="LR5" s="671"/>
      <c r="LS5" s="671"/>
      <c r="LT5" s="672"/>
      <c r="LU5" s="673" t="s">
        <v>145</v>
      </c>
      <c r="LV5" s="674"/>
      <c r="LW5" s="674"/>
      <c r="LX5" s="674"/>
      <c r="LY5" s="674"/>
      <c r="LZ5" s="674"/>
      <c r="MA5" s="674"/>
      <c r="MB5" s="674"/>
      <c r="MC5" s="674"/>
      <c r="MD5" s="674"/>
      <c r="ME5" s="675"/>
      <c r="MF5" s="661"/>
      <c r="MG5" s="662"/>
      <c r="MH5" s="662"/>
      <c r="MI5" s="662"/>
      <c r="MJ5" s="662"/>
      <c r="MK5" s="662"/>
      <c r="ML5" s="662"/>
      <c r="MM5" s="662"/>
      <c r="MN5" s="662"/>
      <c r="MO5" s="662"/>
      <c r="MP5" s="663"/>
      <c r="MQ5" s="599" t="s">
        <v>57</v>
      </c>
      <c r="MR5" s="504"/>
      <c r="MS5" s="504"/>
      <c r="MT5" s="504"/>
      <c r="MU5" s="504"/>
      <c r="MV5" s="504"/>
      <c r="MW5" s="504"/>
      <c r="MX5" s="504"/>
      <c r="MY5" s="504"/>
      <c r="MZ5" s="504"/>
      <c r="NA5" s="505"/>
      <c r="NB5" s="599" t="s">
        <v>58</v>
      </c>
      <c r="NC5" s="504"/>
      <c r="ND5" s="504"/>
      <c r="NE5" s="504"/>
      <c r="NF5" s="504"/>
      <c r="NG5" s="504"/>
      <c r="NH5" s="504"/>
      <c r="NI5" s="504"/>
      <c r="NJ5" s="504"/>
      <c r="NK5" s="504"/>
      <c r="NL5" s="505"/>
      <c r="NM5" s="599" t="s">
        <v>59</v>
      </c>
      <c r="NN5" s="504"/>
      <c r="NO5" s="504"/>
      <c r="NP5" s="504"/>
      <c r="NQ5" s="504"/>
      <c r="NR5" s="504"/>
      <c r="NS5" s="504"/>
      <c r="NT5" s="504"/>
      <c r="NU5" s="504"/>
      <c r="NV5" s="504"/>
      <c r="NW5" s="505"/>
      <c r="NX5" s="651" t="s">
        <v>151</v>
      </c>
      <c r="NY5" s="652"/>
      <c r="NZ5" s="652"/>
      <c r="OA5" s="652"/>
      <c r="OB5" s="652"/>
      <c r="OC5" s="652"/>
      <c r="OD5" s="652"/>
      <c r="OE5" s="652"/>
      <c r="OF5" s="652"/>
      <c r="OG5" s="652"/>
      <c r="OH5" s="653"/>
      <c r="OI5" s="658"/>
      <c r="OJ5" s="659"/>
      <c r="OK5" s="659"/>
      <c r="OL5" s="659"/>
      <c r="OM5" s="659"/>
      <c r="ON5" s="659"/>
      <c r="OO5" s="659"/>
      <c r="OP5" s="659"/>
      <c r="OQ5" s="659"/>
      <c r="OR5" s="659"/>
      <c r="OS5" s="660"/>
    </row>
    <row r="6" spans="1:409" ht="21" customHeight="1" thickBot="1" x14ac:dyDescent="0.25">
      <c r="B6" s="710"/>
      <c r="C6" s="714"/>
      <c r="D6" s="714"/>
      <c r="E6" s="714"/>
      <c r="F6" s="714"/>
      <c r="G6" s="714"/>
      <c r="H6" s="714"/>
      <c r="I6" s="714"/>
      <c r="J6" s="714"/>
      <c r="K6" s="714"/>
      <c r="L6" s="714"/>
      <c r="M6" s="714"/>
      <c r="N6" s="513"/>
      <c r="O6" s="514"/>
      <c r="P6" s="514"/>
      <c r="Q6" s="514"/>
      <c r="R6" s="514"/>
      <c r="S6" s="514"/>
      <c r="T6" s="514"/>
      <c r="U6" s="514"/>
      <c r="V6" s="514"/>
      <c r="W6" s="514"/>
      <c r="X6" s="515"/>
      <c r="Y6" s="702" t="s">
        <v>70</v>
      </c>
      <c r="Z6" s="517"/>
      <c r="AA6" s="517"/>
      <c r="AB6" s="517"/>
      <c r="AC6" s="517"/>
      <c r="AD6" s="517"/>
      <c r="AE6" s="517"/>
      <c r="AF6" s="517"/>
      <c r="AG6" s="517"/>
      <c r="AH6" s="517"/>
      <c r="AI6" s="518"/>
      <c r="AJ6" s="697" t="s">
        <v>71</v>
      </c>
      <c r="AK6" s="698"/>
      <c r="AL6" s="698"/>
      <c r="AM6" s="698"/>
      <c r="AN6" s="698"/>
      <c r="AO6" s="698"/>
      <c r="AP6" s="698"/>
      <c r="AQ6" s="698"/>
      <c r="AR6" s="698"/>
      <c r="AS6" s="698"/>
      <c r="AT6" s="699"/>
      <c r="AU6" s="697" t="s">
        <v>72</v>
      </c>
      <c r="AV6" s="698"/>
      <c r="AW6" s="698"/>
      <c r="AX6" s="698"/>
      <c r="AY6" s="698"/>
      <c r="AZ6" s="698"/>
      <c r="BA6" s="698"/>
      <c r="BB6" s="698"/>
      <c r="BC6" s="698"/>
      <c r="BD6" s="698"/>
      <c r="BE6" s="699"/>
      <c r="BF6" s="697" t="s">
        <v>73</v>
      </c>
      <c r="BG6" s="698"/>
      <c r="BH6" s="698"/>
      <c r="BI6" s="698"/>
      <c r="BJ6" s="698"/>
      <c r="BK6" s="698"/>
      <c r="BL6" s="698"/>
      <c r="BM6" s="698"/>
      <c r="BN6" s="698"/>
      <c r="BO6" s="698"/>
      <c r="BP6" s="699"/>
      <c r="BQ6" s="697" t="s">
        <v>74</v>
      </c>
      <c r="BR6" s="698"/>
      <c r="BS6" s="698"/>
      <c r="BT6" s="698"/>
      <c r="BU6" s="698"/>
      <c r="BV6" s="698"/>
      <c r="BW6" s="698"/>
      <c r="BX6" s="698"/>
      <c r="BY6" s="698"/>
      <c r="BZ6" s="698"/>
      <c r="CA6" s="699"/>
      <c r="CB6" s="700"/>
      <c r="CC6" s="701"/>
      <c r="CD6" s="701"/>
      <c r="CE6" s="701"/>
      <c r="CF6" s="701"/>
      <c r="CG6" s="701"/>
      <c r="CH6" s="701"/>
      <c r="CI6" s="701"/>
      <c r="CJ6" s="701"/>
      <c r="CK6" s="701"/>
      <c r="CL6" s="726"/>
      <c r="CM6" s="697" t="s">
        <v>75</v>
      </c>
      <c r="CN6" s="698"/>
      <c r="CO6" s="698"/>
      <c r="CP6" s="698"/>
      <c r="CQ6" s="698"/>
      <c r="CR6" s="698"/>
      <c r="CS6" s="698"/>
      <c r="CT6" s="698"/>
      <c r="CU6" s="698"/>
      <c r="CV6" s="698"/>
      <c r="CW6" s="699"/>
      <c r="CX6" s="697" t="s">
        <v>76</v>
      </c>
      <c r="CY6" s="698"/>
      <c r="CZ6" s="698"/>
      <c r="DA6" s="698"/>
      <c r="DB6" s="698"/>
      <c r="DC6" s="698"/>
      <c r="DD6" s="698"/>
      <c r="DE6" s="698"/>
      <c r="DF6" s="698"/>
      <c r="DG6" s="698"/>
      <c r="DH6" s="699"/>
      <c r="DI6" s="700"/>
      <c r="DJ6" s="701"/>
      <c r="DK6" s="701"/>
      <c r="DL6" s="701"/>
      <c r="DM6" s="701"/>
      <c r="DN6" s="701"/>
      <c r="DO6" s="701"/>
      <c r="DP6" s="701"/>
      <c r="DQ6" s="701"/>
      <c r="DR6" s="701"/>
      <c r="DS6" s="701"/>
      <c r="DT6" s="697" t="s">
        <v>77</v>
      </c>
      <c r="DU6" s="698"/>
      <c r="DV6" s="698"/>
      <c r="DW6" s="698"/>
      <c r="DX6" s="698"/>
      <c r="DY6" s="698"/>
      <c r="DZ6" s="698"/>
      <c r="EA6" s="698"/>
      <c r="EB6" s="698"/>
      <c r="EC6" s="698"/>
      <c r="ED6" s="699"/>
      <c r="EE6" s="697" t="s">
        <v>78</v>
      </c>
      <c r="EF6" s="698"/>
      <c r="EG6" s="698"/>
      <c r="EH6" s="698"/>
      <c r="EI6" s="698"/>
      <c r="EJ6" s="698"/>
      <c r="EK6" s="698"/>
      <c r="EL6" s="698"/>
      <c r="EM6" s="698"/>
      <c r="EN6" s="698"/>
      <c r="EO6" s="699"/>
      <c r="EP6" s="697" t="s">
        <v>79</v>
      </c>
      <c r="EQ6" s="698"/>
      <c r="ER6" s="698"/>
      <c r="ES6" s="698"/>
      <c r="ET6" s="698"/>
      <c r="EU6" s="698"/>
      <c r="EV6" s="698"/>
      <c r="EW6" s="698"/>
      <c r="EX6" s="698"/>
      <c r="EY6" s="698"/>
      <c r="EZ6" s="699"/>
      <c r="FA6" s="619" t="s">
        <v>152</v>
      </c>
      <c r="FB6" s="698"/>
      <c r="FC6" s="698"/>
      <c r="FD6" s="698"/>
      <c r="FE6" s="698"/>
      <c r="FF6" s="698"/>
      <c r="FG6" s="698"/>
      <c r="FH6" s="698"/>
      <c r="FI6" s="698"/>
      <c r="FJ6" s="698"/>
      <c r="FK6" s="699"/>
      <c r="FL6" s="700"/>
      <c r="FM6" s="701"/>
      <c r="FN6" s="701"/>
      <c r="FO6" s="701"/>
      <c r="FP6" s="701"/>
      <c r="FQ6" s="701"/>
      <c r="FR6" s="701"/>
      <c r="FS6" s="701"/>
      <c r="FT6" s="701"/>
      <c r="FU6" s="701"/>
      <c r="FV6" s="701"/>
      <c r="FW6" s="697" t="s">
        <v>80</v>
      </c>
      <c r="FX6" s="698"/>
      <c r="FY6" s="698"/>
      <c r="FZ6" s="698"/>
      <c r="GA6" s="698"/>
      <c r="GB6" s="698"/>
      <c r="GC6" s="698"/>
      <c r="GD6" s="698"/>
      <c r="GE6" s="698"/>
      <c r="GF6" s="698"/>
      <c r="GG6" s="699"/>
      <c r="GH6" s="702" t="s">
        <v>81</v>
      </c>
      <c r="GI6" s="517"/>
      <c r="GJ6" s="517"/>
      <c r="GK6" s="517"/>
      <c r="GL6" s="517"/>
      <c r="GM6" s="517"/>
      <c r="GN6" s="517"/>
      <c r="GO6" s="517"/>
      <c r="GP6" s="517"/>
      <c r="GQ6" s="517"/>
      <c r="GR6" s="518"/>
      <c r="GS6" s="702" t="s">
        <v>82</v>
      </c>
      <c r="GT6" s="517"/>
      <c r="GU6" s="517"/>
      <c r="GV6" s="517"/>
      <c r="GW6" s="517"/>
      <c r="GX6" s="517"/>
      <c r="GY6" s="517"/>
      <c r="GZ6" s="517"/>
      <c r="HA6" s="517"/>
      <c r="HB6" s="517"/>
      <c r="HC6" s="518"/>
      <c r="HD6" s="723"/>
      <c r="HE6" s="724"/>
      <c r="HF6" s="724"/>
      <c r="HG6" s="724"/>
      <c r="HH6" s="724"/>
      <c r="HI6" s="724"/>
      <c r="HJ6" s="724"/>
      <c r="HK6" s="724"/>
      <c r="HL6" s="724"/>
      <c r="HM6" s="724"/>
      <c r="HN6" s="725"/>
      <c r="HO6" s="723"/>
      <c r="HP6" s="724"/>
      <c r="HQ6" s="724"/>
      <c r="HR6" s="724"/>
      <c r="HS6" s="724"/>
      <c r="HT6" s="724"/>
      <c r="HU6" s="724"/>
      <c r="HV6" s="724"/>
      <c r="HW6" s="724"/>
      <c r="HX6" s="724"/>
      <c r="HY6" s="725"/>
      <c r="HZ6" s="613"/>
      <c r="IA6" s="614"/>
      <c r="IB6" s="614"/>
      <c r="IC6" s="614"/>
      <c r="ID6" s="614"/>
      <c r="IE6" s="614"/>
      <c r="IF6" s="614"/>
      <c r="IG6" s="614"/>
      <c r="IH6" s="614"/>
      <c r="II6" s="614"/>
      <c r="IJ6" s="615"/>
      <c r="IK6" s="600"/>
      <c r="IL6" s="593"/>
      <c r="IM6" s="593"/>
      <c r="IN6" s="593"/>
      <c r="IO6" s="593"/>
      <c r="IP6" s="593"/>
      <c r="IQ6" s="593"/>
      <c r="IR6" s="593"/>
      <c r="IS6" s="593"/>
      <c r="IT6" s="593"/>
      <c r="IU6" s="601"/>
      <c r="IV6" s="600"/>
      <c r="IW6" s="593"/>
      <c r="IX6" s="593"/>
      <c r="IY6" s="593"/>
      <c r="IZ6" s="593"/>
      <c r="JA6" s="593"/>
      <c r="JB6" s="593"/>
      <c r="JC6" s="593"/>
      <c r="JD6" s="593"/>
      <c r="JE6" s="593"/>
      <c r="JF6" s="601"/>
      <c r="JG6" s="667"/>
      <c r="JH6" s="668"/>
      <c r="JI6" s="668"/>
      <c r="JJ6" s="668"/>
      <c r="JK6" s="668"/>
      <c r="JL6" s="668"/>
      <c r="JM6" s="668"/>
      <c r="JN6" s="668"/>
      <c r="JO6" s="668"/>
      <c r="JP6" s="668"/>
      <c r="JQ6" s="669"/>
      <c r="JR6" s="600"/>
      <c r="JS6" s="593"/>
      <c r="JT6" s="593"/>
      <c r="JU6" s="593"/>
      <c r="JV6" s="593"/>
      <c r="JW6" s="593"/>
      <c r="JX6" s="593"/>
      <c r="JY6" s="593"/>
      <c r="JZ6" s="593"/>
      <c r="KA6" s="593"/>
      <c r="KB6" s="601"/>
      <c r="KC6" s="600"/>
      <c r="KD6" s="593"/>
      <c r="KE6" s="593"/>
      <c r="KF6" s="593"/>
      <c r="KG6" s="593"/>
      <c r="KH6" s="593"/>
      <c r="KI6" s="593"/>
      <c r="KJ6" s="593"/>
      <c r="KK6" s="593"/>
      <c r="KL6" s="593"/>
      <c r="KM6" s="601"/>
      <c r="KN6" s="600"/>
      <c r="KO6" s="593"/>
      <c r="KP6" s="593"/>
      <c r="KQ6" s="593"/>
      <c r="KR6" s="593"/>
      <c r="KS6" s="593"/>
      <c r="KT6" s="593"/>
      <c r="KU6" s="593"/>
      <c r="KV6" s="593"/>
      <c r="KW6" s="593"/>
      <c r="KX6" s="601"/>
      <c r="KY6" s="600"/>
      <c r="KZ6" s="593"/>
      <c r="LA6" s="593"/>
      <c r="LB6" s="593"/>
      <c r="LC6" s="593"/>
      <c r="LD6" s="593"/>
      <c r="LE6" s="593"/>
      <c r="LF6" s="593"/>
      <c r="LG6" s="593"/>
      <c r="LH6" s="593"/>
      <c r="LI6" s="601"/>
      <c r="LJ6" s="613"/>
      <c r="LK6" s="614"/>
      <c r="LL6" s="614"/>
      <c r="LM6" s="614"/>
      <c r="LN6" s="614"/>
      <c r="LO6" s="614"/>
      <c r="LP6" s="614"/>
      <c r="LQ6" s="614"/>
      <c r="LR6" s="614"/>
      <c r="LS6" s="614"/>
      <c r="LT6" s="615"/>
      <c r="LU6" s="676"/>
      <c r="LV6" s="677"/>
      <c r="LW6" s="677"/>
      <c r="LX6" s="677"/>
      <c r="LY6" s="677"/>
      <c r="LZ6" s="677"/>
      <c r="MA6" s="677"/>
      <c r="MB6" s="677"/>
      <c r="MC6" s="677"/>
      <c r="MD6" s="677"/>
      <c r="ME6" s="678"/>
      <c r="MF6" s="613"/>
      <c r="MG6" s="614"/>
      <c r="MH6" s="614"/>
      <c r="MI6" s="614"/>
      <c r="MJ6" s="614"/>
      <c r="MK6" s="614"/>
      <c r="ML6" s="614"/>
      <c r="MM6" s="614"/>
      <c r="MN6" s="614"/>
      <c r="MO6" s="614"/>
      <c r="MP6" s="615"/>
      <c r="MQ6" s="600"/>
      <c r="MR6" s="593"/>
      <c r="MS6" s="593"/>
      <c r="MT6" s="593"/>
      <c r="MU6" s="593"/>
      <c r="MV6" s="593"/>
      <c r="MW6" s="593"/>
      <c r="MX6" s="593"/>
      <c r="MY6" s="593"/>
      <c r="MZ6" s="593"/>
      <c r="NA6" s="601"/>
      <c r="NB6" s="600"/>
      <c r="NC6" s="593"/>
      <c r="ND6" s="593"/>
      <c r="NE6" s="593"/>
      <c r="NF6" s="593"/>
      <c r="NG6" s="593"/>
      <c r="NH6" s="593"/>
      <c r="NI6" s="593"/>
      <c r="NJ6" s="593"/>
      <c r="NK6" s="593"/>
      <c r="NL6" s="601"/>
      <c r="NM6" s="600"/>
      <c r="NN6" s="593"/>
      <c r="NO6" s="593"/>
      <c r="NP6" s="593"/>
      <c r="NQ6" s="593"/>
      <c r="NR6" s="593"/>
      <c r="NS6" s="593"/>
      <c r="NT6" s="593"/>
      <c r="NU6" s="593"/>
      <c r="NV6" s="593"/>
      <c r="NW6" s="601"/>
      <c r="NX6" s="654"/>
      <c r="NY6" s="655"/>
      <c r="NZ6" s="655"/>
      <c r="OA6" s="655"/>
      <c r="OB6" s="655"/>
      <c r="OC6" s="655"/>
      <c r="OD6" s="655"/>
      <c r="OE6" s="655"/>
      <c r="OF6" s="655"/>
      <c r="OG6" s="655"/>
      <c r="OH6" s="656"/>
      <c r="OI6" s="600"/>
      <c r="OJ6" s="593"/>
      <c r="OK6" s="593"/>
      <c r="OL6" s="593"/>
      <c r="OM6" s="593"/>
      <c r="ON6" s="593"/>
      <c r="OO6" s="593"/>
      <c r="OP6" s="593"/>
      <c r="OQ6" s="593"/>
      <c r="OR6" s="593"/>
      <c r="OS6" s="601"/>
    </row>
    <row r="7" spans="1:409" ht="21" customHeight="1" x14ac:dyDescent="0.2">
      <c r="B7" s="710"/>
      <c r="C7" s="695" t="s">
        <v>61</v>
      </c>
      <c r="D7" s="695"/>
      <c r="E7" s="695"/>
      <c r="F7" s="707" t="s">
        <v>62</v>
      </c>
      <c r="G7" s="695"/>
      <c r="H7" s="695"/>
      <c r="I7" s="695"/>
      <c r="J7" s="695"/>
      <c r="K7" s="695"/>
      <c r="L7" s="695"/>
      <c r="M7" s="707" t="s">
        <v>52</v>
      </c>
      <c r="N7" s="706" t="s">
        <v>61</v>
      </c>
      <c r="O7" s="695"/>
      <c r="P7" s="695"/>
      <c r="Q7" s="707" t="s">
        <v>62</v>
      </c>
      <c r="R7" s="695"/>
      <c r="S7" s="695"/>
      <c r="T7" s="695"/>
      <c r="U7" s="695"/>
      <c r="V7" s="695"/>
      <c r="W7" s="708"/>
      <c r="X7" s="703" t="s">
        <v>52</v>
      </c>
      <c r="Y7" s="513" t="s">
        <v>61</v>
      </c>
      <c r="Z7" s="514"/>
      <c r="AA7" s="689"/>
      <c r="AB7" s="688" t="s">
        <v>62</v>
      </c>
      <c r="AC7" s="514"/>
      <c r="AD7" s="514"/>
      <c r="AE7" s="514"/>
      <c r="AF7" s="514"/>
      <c r="AG7" s="514"/>
      <c r="AH7" s="689"/>
      <c r="AI7" s="515" t="s">
        <v>52</v>
      </c>
      <c r="AJ7" s="683" t="s">
        <v>61</v>
      </c>
      <c r="AK7" s="684"/>
      <c r="AL7" s="685"/>
      <c r="AM7" s="686" t="s">
        <v>62</v>
      </c>
      <c r="AN7" s="684"/>
      <c r="AO7" s="684"/>
      <c r="AP7" s="684"/>
      <c r="AQ7" s="684"/>
      <c r="AR7" s="684"/>
      <c r="AS7" s="687"/>
      <c r="AT7" s="515" t="s">
        <v>52</v>
      </c>
      <c r="AU7" s="683" t="s">
        <v>61</v>
      </c>
      <c r="AV7" s="684"/>
      <c r="AW7" s="685"/>
      <c r="AX7" s="686" t="s">
        <v>62</v>
      </c>
      <c r="AY7" s="684"/>
      <c r="AZ7" s="684"/>
      <c r="BA7" s="684"/>
      <c r="BB7" s="684"/>
      <c r="BC7" s="684"/>
      <c r="BD7" s="687"/>
      <c r="BE7" s="515" t="s">
        <v>52</v>
      </c>
      <c r="BF7" s="683" t="s">
        <v>61</v>
      </c>
      <c r="BG7" s="684"/>
      <c r="BH7" s="685"/>
      <c r="BI7" s="686" t="s">
        <v>62</v>
      </c>
      <c r="BJ7" s="684"/>
      <c r="BK7" s="684"/>
      <c r="BL7" s="684"/>
      <c r="BM7" s="684"/>
      <c r="BN7" s="684"/>
      <c r="BO7" s="687"/>
      <c r="BP7" s="515" t="s">
        <v>52</v>
      </c>
      <c r="BQ7" s="683" t="s">
        <v>61</v>
      </c>
      <c r="BR7" s="684"/>
      <c r="BS7" s="685"/>
      <c r="BT7" s="686" t="s">
        <v>62</v>
      </c>
      <c r="BU7" s="684"/>
      <c r="BV7" s="684"/>
      <c r="BW7" s="684"/>
      <c r="BX7" s="684"/>
      <c r="BY7" s="684"/>
      <c r="BZ7" s="687"/>
      <c r="CA7" s="515" t="s">
        <v>52</v>
      </c>
      <c r="CB7" s="690" t="s">
        <v>61</v>
      </c>
      <c r="CC7" s="691"/>
      <c r="CD7" s="692"/>
      <c r="CE7" s="693" t="s">
        <v>62</v>
      </c>
      <c r="CF7" s="691"/>
      <c r="CG7" s="691"/>
      <c r="CH7" s="691"/>
      <c r="CI7" s="691"/>
      <c r="CJ7" s="691"/>
      <c r="CK7" s="694"/>
      <c r="CL7" s="703" t="s">
        <v>52</v>
      </c>
      <c r="CM7" s="683" t="s">
        <v>61</v>
      </c>
      <c r="CN7" s="684"/>
      <c r="CO7" s="687"/>
      <c r="CP7" s="686" t="s">
        <v>62</v>
      </c>
      <c r="CQ7" s="684"/>
      <c r="CR7" s="684"/>
      <c r="CS7" s="684"/>
      <c r="CT7" s="684"/>
      <c r="CU7" s="684"/>
      <c r="CV7" s="687"/>
      <c r="CW7" s="705" t="s">
        <v>52</v>
      </c>
      <c r="CX7" s="683" t="s">
        <v>61</v>
      </c>
      <c r="CY7" s="684"/>
      <c r="CZ7" s="687"/>
      <c r="DA7" s="686" t="s">
        <v>62</v>
      </c>
      <c r="DB7" s="684"/>
      <c r="DC7" s="684"/>
      <c r="DD7" s="684"/>
      <c r="DE7" s="684"/>
      <c r="DF7" s="684"/>
      <c r="DG7" s="687"/>
      <c r="DH7" s="705" t="s">
        <v>52</v>
      </c>
      <c r="DI7" s="690" t="s">
        <v>61</v>
      </c>
      <c r="DJ7" s="691"/>
      <c r="DK7" s="694"/>
      <c r="DL7" s="693" t="s">
        <v>62</v>
      </c>
      <c r="DM7" s="691"/>
      <c r="DN7" s="691"/>
      <c r="DO7" s="691"/>
      <c r="DP7" s="691"/>
      <c r="DQ7" s="691"/>
      <c r="DR7" s="694"/>
      <c r="DS7" s="703" t="s">
        <v>52</v>
      </c>
      <c r="DT7" s="683" t="s">
        <v>61</v>
      </c>
      <c r="DU7" s="684"/>
      <c r="DV7" s="685"/>
      <c r="DW7" s="686" t="s">
        <v>62</v>
      </c>
      <c r="DX7" s="684"/>
      <c r="DY7" s="684"/>
      <c r="DZ7" s="684"/>
      <c r="EA7" s="684"/>
      <c r="EB7" s="684"/>
      <c r="EC7" s="687"/>
      <c r="ED7" s="515" t="s">
        <v>52</v>
      </c>
      <c r="EE7" s="683" t="s">
        <v>61</v>
      </c>
      <c r="EF7" s="684"/>
      <c r="EG7" s="685"/>
      <c r="EH7" s="686" t="s">
        <v>62</v>
      </c>
      <c r="EI7" s="684"/>
      <c r="EJ7" s="684"/>
      <c r="EK7" s="684"/>
      <c r="EL7" s="684"/>
      <c r="EM7" s="684"/>
      <c r="EN7" s="687"/>
      <c r="EO7" s="515" t="s">
        <v>52</v>
      </c>
      <c r="EP7" s="683" t="s">
        <v>61</v>
      </c>
      <c r="EQ7" s="684"/>
      <c r="ER7" s="685"/>
      <c r="ES7" s="686" t="s">
        <v>62</v>
      </c>
      <c r="ET7" s="684"/>
      <c r="EU7" s="684"/>
      <c r="EV7" s="684"/>
      <c r="EW7" s="684"/>
      <c r="EX7" s="684"/>
      <c r="EY7" s="687"/>
      <c r="EZ7" s="515" t="s">
        <v>52</v>
      </c>
      <c r="FA7" s="683" t="s">
        <v>61</v>
      </c>
      <c r="FB7" s="684"/>
      <c r="FC7" s="685"/>
      <c r="FD7" s="686" t="s">
        <v>62</v>
      </c>
      <c r="FE7" s="684"/>
      <c r="FF7" s="684"/>
      <c r="FG7" s="684"/>
      <c r="FH7" s="684"/>
      <c r="FI7" s="684"/>
      <c r="FJ7" s="687"/>
      <c r="FK7" s="515" t="s">
        <v>52</v>
      </c>
      <c r="FL7" s="690" t="s">
        <v>61</v>
      </c>
      <c r="FM7" s="691"/>
      <c r="FN7" s="692"/>
      <c r="FO7" s="693" t="s">
        <v>62</v>
      </c>
      <c r="FP7" s="691"/>
      <c r="FQ7" s="691"/>
      <c r="FR7" s="691"/>
      <c r="FS7" s="691"/>
      <c r="FT7" s="691"/>
      <c r="FU7" s="694"/>
      <c r="FV7" s="695" t="s">
        <v>52</v>
      </c>
      <c r="FW7" s="683" t="s">
        <v>61</v>
      </c>
      <c r="FX7" s="684"/>
      <c r="FY7" s="685"/>
      <c r="FZ7" s="686" t="s">
        <v>62</v>
      </c>
      <c r="GA7" s="684"/>
      <c r="GB7" s="684"/>
      <c r="GC7" s="684"/>
      <c r="GD7" s="684"/>
      <c r="GE7" s="684"/>
      <c r="GF7" s="687"/>
      <c r="GG7" s="515" t="s">
        <v>52</v>
      </c>
      <c r="GH7" s="513" t="s">
        <v>61</v>
      </c>
      <c r="GI7" s="514"/>
      <c r="GJ7" s="514"/>
      <c r="GK7" s="688" t="s">
        <v>62</v>
      </c>
      <c r="GL7" s="514"/>
      <c r="GM7" s="514"/>
      <c r="GN7" s="514"/>
      <c r="GO7" s="514"/>
      <c r="GP7" s="514"/>
      <c r="GQ7" s="689"/>
      <c r="GR7" s="681" t="s">
        <v>52</v>
      </c>
      <c r="GS7" s="513" t="s">
        <v>61</v>
      </c>
      <c r="GT7" s="514"/>
      <c r="GU7" s="689"/>
      <c r="GV7" s="688" t="s">
        <v>62</v>
      </c>
      <c r="GW7" s="514"/>
      <c r="GX7" s="514"/>
      <c r="GY7" s="514"/>
      <c r="GZ7" s="514"/>
      <c r="HA7" s="514"/>
      <c r="HB7" s="689"/>
      <c r="HC7" s="681" t="s">
        <v>52</v>
      </c>
      <c r="HD7" s="683" t="s">
        <v>61</v>
      </c>
      <c r="HE7" s="684"/>
      <c r="HF7" s="685"/>
      <c r="HG7" s="686" t="s">
        <v>62</v>
      </c>
      <c r="HH7" s="684"/>
      <c r="HI7" s="684"/>
      <c r="HJ7" s="684"/>
      <c r="HK7" s="684"/>
      <c r="HL7" s="684"/>
      <c r="HM7" s="687"/>
      <c r="HN7" s="515" t="s">
        <v>52</v>
      </c>
      <c r="HO7" s="683" t="s">
        <v>61</v>
      </c>
      <c r="HP7" s="684"/>
      <c r="HQ7" s="685"/>
      <c r="HR7" s="686" t="s">
        <v>62</v>
      </c>
      <c r="HS7" s="684"/>
      <c r="HT7" s="684"/>
      <c r="HU7" s="684"/>
      <c r="HV7" s="684"/>
      <c r="HW7" s="684"/>
      <c r="HX7" s="687"/>
      <c r="HY7" s="515" t="s">
        <v>52</v>
      </c>
      <c r="HZ7" s="581" t="s">
        <v>61</v>
      </c>
      <c r="IA7" s="582"/>
      <c r="IB7" s="583"/>
      <c r="IC7" s="642" t="s">
        <v>62</v>
      </c>
      <c r="ID7" s="582"/>
      <c r="IE7" s="582"/>
      <c r="IF7" s="582"/>
      <c r="IG7" s="582"/>
      <c r="IH7" s="582"/>
      <c r="II7" s="643"/>
      <c r="IJ7" s="585" t="s">
        <v>52</v>
      </c>
      <c r="IK7" s="589" t="s">
        <v>61</v>
      </c>
      <c r="IL7" s="590"/>
      <c r="IM7" s="591"/>
      <c r="IN7" s="624" t="s">
        <v>62</v>
      </c>
      <c r="IO7" s="590"/>
      <c r="IP7" s="590"/>
      <c r="IQ7" s="590"/>
      <c r="IR7" s="590"/>
      <c r="IS7" s="590"/>
      <c r="IT7" s="625"/>
      <c r="IU7" s="601" t="s">
        <v>52</v>
      </c>
      <c r="IV7" s="589" t="s">
        <v>61</v>
      </c>
      <c r="IW7" s="590"/>
      <c r="IX7" s="625"/>
      <c r="IY7" s="624" t="s">
        <v>62</v>
      </c>
      <c r="IZ7" s="590"/>
      <c r="JA7" s="590"/>
      <c r="JB7" s="590"/>
      <c r="JC7" s="590"/>
      <c r="JD7" s="590"/>
      <c r="JE7" s="625"/>
      <c r="JF7" s="601" t="s">
        <v>52</v>
      </c>
      <c r="JG7" s="589" t="s">
        <v>61</v>
      </c>
      <c r="JH7" s="590"/>
      <c r="JI7" s="591"/>
      <c r="JJ7" s="624" t="s">
        <v>62</v>
      </c>
      <c r="JK7" s="590"/>
      <c r="JL7" s="590"/>
      <c r="JM7" s="590"/>
      <c r="JN7" s="590"/>
      <c r="JO7" s="590"/>
      <c r="JP7" s="625"/>
      <c r="JQ7" s="648" t="s">
        <v>52</v>
      </c>
      <c r="JR7" s="589" t="s">
        <v>61</v>
      </c>
      <c r="JS7" s="590"/>
      <c r="JT7" s="591"/>
      <c r="JU7" s="624" t="s">
        <v>62</v>
      </c>
      <c r="JV7" s="590"/>
      <c r="JW7" s="590"/>
      <c r="JX7" s="590"/>
      <c r="JY7" s="590"/>
      <c r="JZ7" s="590"/>
      <c r="KA7" s="625"/>
      <c r="KB7" s="648" t="s">
        <v>52</v>
      </c>
      <c r="KC7" s="589" t="s">
        <v>61</v>
      </c>
      <c r="KD7" s="590"/>
      <c r="KE7" s="591"/>
      <c r="KF7" s="624" t="s">
        <v>62</v>
      </c>
      <c r="KG7" s="590"/>
      <c r="KH7" s="590"/>
      <c r="KI7" s="590"/>
      <c r="KJ7" s="590"/>
      <c r="KK7" s="590"/>
      <c r="KL7" s="625"/>
      <c r="KM7" s="648" t="s">
        <v>52</v>
      </c>
      <c r="KN7" s="589" t="s">
        <v>61</v>
      </c>
      <c r="KO7" s="590"/>
      <c r="KP7" s="591"/>
      <c r="KQ7" s="624" t="s">
        <v>62</v>
      </c>
      <c r="KR7" s="590"/>
      <c r="KS7" s="590"/>
      <c r="KT7" s="590"/>
      <c r="KU7" s="590"/>
      <c r="KV7" s="590"/>
      <c r="KW7" s="625"/>
      <c r="KX7" s="648" t="s">
        <v>52</v>
      </c>
      <c r="KY7" s="589" t="s">
        <v>61</v>
      </c>
      <c r="KZ7" s="590"/>
      <c r="LA7" s="591"/>
      <c r="LB7" s="624" t="s">
        <v>62</v>
      </c>
      <c r="LC7" s="590"/>
      <c r="LD7" s="590"/>
      <c r="LE7" s="590"/>
      <c r="LF7" s="590"/>
      <c r="LG7" s="590"/>
      <c r="LH7" s="625"/>
      <c r="LI7" s="648" t="s">
        <v>52</v>
      </c>
      <c r="LJ7" s="589" t="s">
        <v>61</v>
      </c>
      <c r="LK7" s="590"/>
      <c r="LL7" s="591"/>
      <c r="LM7" s="624" t="s">
        <v>62</v>
      </c>
      <c r="LN7" s="590"/>
      <c r="LO7" s="590"/>
      <c r="LP7" s="590"/>
      <c r="LQ7" s="590"/>
      <c r="LR7" s="590"/>
      <c r="LS7" s="625"/>
      <c r="LT7" s="648" t="s">
        <v>52</v>
      </c>
      <c r="LU7" s="589" t="s">
        <v>61</v>
      </c>
      <c r="LV7" s="590"/>
      <c r="LW7" s="591"/>
      <c r="LX7" s="624" t="s">
        <v>62</v>
      </c>
      <c r="LY7" s="590"/>
      <c r="LZ7" s="590"/>
      <c r="MA7" s="590"/>
      <c r="MB7" s="590"/>
      <c r="MC7" s="590"/>
      <c r="MD7" s="625"/>
      <c r="ME7" s="648" t="s">
        <v>52</v>
      </c>
      <c r="MF7" s="581" t="s">
        <v>61</v>
      </c>
      <c r="MG7" s="582"/>
      <c r="MH7" s="583"/>
      <c r="MI7" s="642" t="s">
        <v>62</v>
      </c>
      <c r="MJ7" s="582"/>
      <c r="MK7" s="582"/>
      <c r="ML7" s="582"/>
      <c r="MM7" s="582"/>
      <c r="MN7" s="582"/>
      <c r="MO7" s="643"/>
      <c r="MP7" s="626" t="s">
        <v>52</v>
      </c>
      <c r="MQ7" s="589" t="s">
        <v>61</v>
      </c>
      <c r="MR7" s="590"/>
      <c r="MS7" s="591"/>
      <c r="MT7" s="624" t="s">
        <v>62</v>
      </c>
      <c r="MU7" s="590"/>
      <c r="MV7" s="590"/>
      <c r="MW7" s="590"/>
      <c r="MX7" s="590"/>
      <c r="MY7" s="590"/>
      <c r="MZ7" s="625"/>
      <c r="NA7" s="648" t="s">
        <v>52</v>
      </c>
      <c r="NB7" s="589" t="s">
        <v>61</v>
      </c>
      <c r="NC7" s="590"/>
      <c r="ND7" s="591"/>
      <c r="NE7" s="624" t="s">
        <v>62</v>
      </c>
      <c r="NF7" s="590"/>
      <c r="NG7" s="590"/>
      <c r="NH7" s="590"/>
      <c r="NI7" s="590"/>
      <c r="NJ7" s="590"/>
      <c r="NK7" s="625"/>
      <c r="NL7" s="648" t="s">
        <v>52</v>
      </c>
      <c r="NM7" s="589" t="s">
        <v>61</v>
      </c>
      <c r="NN7" s="590"/>
      <c r="NO7" s="591"/>
      <c r="NP7" s="624" t="s">
        <v>62</v>
      </c>
      <c r="NQ7" s="590"/>
      <c r="NR7" s="590"/>
      <c r="NS7" s="590"/>
      <c r="NT7" s="590"/>
      <c r="NU7" s="590"/>
      <c r="NV7" s="625"/>
      <c r="NW7" s="648" t="s">
        <v>52</v>
      </c>
      <c r="NX7" s="589" t="s">
        <v>61</v>
      </c>
      <c r="NY7" s="590"/>
      <c r="NZ7" s="591"/>
      <c r="OA7" s="624" t="s">
        <v>62</v>
      </c>
      <c r="OB7" s="590"/>
      <c r="OC7" s="590"/>
      <c r="OD7" s="590"/>
      <c r="OE7" s="590"/>
      <c r="OF7" s="590"/>
      <c r="OG7" s="625"/>
      <c r="OH7" s="648" t="s">
        <v>52</v>
      </c>
      <c r="OI7" s="581" t="s">
        <v>61</v>
      </c>
      <c r="OJ7" s="582"/>
      <c r="OK7" s="583"/>
      <c r="OL7" s="642" t="s">
        <v>62</v>
      </c>
      <c r="OM7" s="582"/>
      <c r="ON7" s="582"/>
      <c r="OO7" s="582"/>
      <c r="OP7" s="582"/>
      <c r="OQ7" s="582"/>
      <c r="OR7" s="643"/>
      <c r="OS7" s="626" t="s">
        <v>52</v>
      </c>
    </row>
    <row r="8" spans="1:409" ht="30" customHeight="1" thickBot="1" x14ac:dyDescent="0.25">
      <c r="B8" s="711"/>
      <c r="C8" s="325" t="s">
        <v>43</v>
      </c>
      <c r="D8" s="47" t="s">
        <v>44</v>
      </c>
      <c r="E8" s="326" t="s">
        <v>45</v>
      </c>
      <c r="F8" s="52" t="s">
        <v>83</v>
      </c>
      <c r="G8" s="47" t="s">
        <v>47</v>
      </c>
      <c r="H8" s="47" t="s">
        <v>48</v>
      </c>
      <c r="I8" s="47" t="s">
        <v>49</v>
      </c>
      <c r="J8" s="47" t="s">
        <v>50</v>
      </c>
      <c r="K8" s="47" t="s">
        <v>51</v>
      </c>
      <c r="L8" s="48" t="s">
        <v>45</v>
      </c>
      <c r="M8" s="727"/>
      <c r="N8" s="51" t="s">
        <v>43</v>
      </c>
      <c r="O8" s="47" t="s">
        <v>44</v>
      </c>
      <c r="P8" s="48" t="s">
        <v>45</v>
      </c>
      <c r="Q8" s="52" t="s">
        <v>83</v>
      </c>
      <c r="R8" s="47" t="s">
        <v>47</v>
      </c>
      <c r="S8" s="47" t="s">
        <v>48</v>
      </c>
      <c r="T8" s="47" t="s">
        <v>49</v>
      </c>
      <c r="U8" s="47" t="s">
        <v>50</v>
      </c>
      <c r="V8" s="47" t="s">
        <v>51</v>
      </c>
      <c r="W8" s="48" t="s">
        <v>45</v>
      </c>
      <c r="X8" s="704"/>
      <c r="Y8" s="51" t="s">
        <v>43</v>
      </c>
      <c r="Z8" s="47" t="s">
        <v>44</v>
      </c>
      <c r="AA8" s="48" t="s">
        <v>45</v>
      </c>
      <c r="AB8" s="52" t="s">
        <v>83</v>
      </c>
      <c r="AC8" s="47" t="s">
        <v>47</v>
      </c>
      <c r="AD8" s="47" t="s">
        <v>48</v>
      </c>
      <c r="AE8" s="47" t="s">
        <v>49</v>
      </c>
      <c r="AF8" s="47" t="s">
        <v>50</v>
      </c>
      <c r="AG8" s="47" t="s">
        <v>51</v>
      </c>
      <c r="AH8" s="48" t="s">
        <v>45</v>
      </c>
      <c r="AI8" s="680"/>
      <c r="AJ8" s="51" t="s">
        <v>43</v>
      </c>
      <c r="AK8" s="47" t="s">
        <v>44</v>
      </c>
      <c r="AL8" s="326" t="s">
        <v>45</v>
      </c>
      <c r="AM8" s="52" t="s">
        <v>83</v>
      </c>
      <c r="AN8" s="47" t="s">
        <v>47</v>
      </c>
      <c r="AO8" s="47" t="s">
        <v>48</v>
      </c>
      <c r="AP8" s="47" t="s">
        <v>49</v>
      </c>
      <c r="AQ8" s="47" t="s">
        <v>50</v>
      </c>
      <c r="AR8" s="47" t="s">
        <v>51</v>
      </c>
      <c r="AS8" s="48" t="s">
        <v>45</v>
      </c>
      <c r="AT8" s="680"/>
      <c r="AU8" s="51" t="s">
        <v>43</v>
      </c>
      <c r="AV8" s="47" t="s">
        <v>44</v>
      </c>
      <c r="AW8" s="326" t="s">
        <v>45</v>
      </c>
      <c r="AX8" s="52" t="s">
        <v>83</v>
      </c>
      <c r="AY8" s="47" t="s">
        <v>47</v>
      </c>
      <c r="AZ8" s="47" t="s">
        <v>48</v>
      </c>
      <c r="BA8" s="47" t="s">
        <v>49</v>
      </c>
      <c r="BB8" s="47" t="s">
        <v>50</v>
      </c>
      <c r="BC8" s="47" t="s">
        <v>51</v>
      </c>
      <c r="BD8" s="48" t="s">
        <v>45</v>
      </c>
      <c r="BE8" s="680"/>
      <c r="BF8" s="327" t="s">
        <v>43</v>
      </c>
      <c r="BG8" s="47" t="s">
        <v>44</v>
      </c>
      <c r="BH8" s="326" t="s">
        <v>45</v>
      </c>
      <c r="BI8" s="52" t="s">
        <v>83</v>
      </c>
      <c r="BJ8" s="47" t="s">
        <v>47</v>
      </c>
      <c r="BK8" s="47" t="s">
        <v>48</v>
      </c>
      <c r="BL8" s="47" t="s">
        <v>49</v>
      </c>
      <c r="BM8" s="47" t="s">
        <v>50</v>
      </c>
      <c r="BN8" s="47" t="s">
        <v>51</v>
      </c>
      <c r="BO8" s="48" t="s">
        <v>45</v>
      </c>
      <c r="BP8" s="680"/>
      <c r="BQ8" s="51" t="s">
        <v>43</v>
      </c>
      <c r="BR8" s="47" t="s">
        <v>44</v>
      </c>
      <c r="BS8" s="326" t="s">
        <v>45</v>
      </c>
      <c r="BT8" s="52" t="s">
        <v>83</v>
      </c>
      <c r="BU8" s="47" t="s">
        <v>47</v>
      </c>
      <c r="BV8" s="47" t="s">
        <v>48</v>
      </c>
      <c r="BW8" s="47" t="s">
        <v>49</v>
      </c>
      <c r="BX8" s="47" t="s">
        <v>50</v>
      </c>
      <c r="BY8" s="47" t="s">
        <v>51</v>
      </c>
      <c r="BZ8" s="48" t="s">
        <v>45</v>
      </c>
      <c r="CA8" s="680"/>
      <c r="CB8" s="51" t="s">
        <v>43</v>
      </c>
      <c r="CC8" s="47" t="s">
        <v>44</v>
      </c>
      <c r="CD8" s="326" t="s">
        <v>45</v>
      </c>
      <c r="CE8" s="52" t="s">
        <v>83</v>
      </c>
      <c r="CF8" s="47" t="s">
        <v>47</v>
      </c>
      <c r="CG8" s="47" t="s">
        <v>48</v>
      </c>
      <c r="CH8" s="47" t="s">
        <v>49</v>
      </c>
      <c r="CI8" s="47" t="s">
        <v>50</v>
      </c>
      <c r="CJ8" s="47" t="s">
        <v>51</v>
      </c>
      <c r="CK8" s="48" t="s">
        <v>45</v>
      </c>
      <c r="CL8" s="704"/>
      <c r="CM8" s="51" t="s">
        <v>43</v>
      </c>
      <c r="CN8" s="47" t="s">
        <v>44</v>
      </c>
      <c r="CO8" s="48" t="s">
        <v>45</v>
      </c>
      <c r="CP8" s="52" t="s">
        <v>83</v>
      </c>
      <c r="CQ8" s="47" t="s">
        <v>47</v>
      </c>
      <c r="CR8" s="47" t="s">
        <v>48</v>
      </c>
      <c r="CS8" s="47" t="s">
        <v>49</v>
      </c>
      <c r="CT8" s="47" t="s">
        <v>50</v>
      </c>
      <c r="CU8" s="47" t="s">
        <v>51</v>
      </c>
      <c r="CV8" s="48" t="s">
        <v>45</v>
      </c>
      <c r="CW8" s="704"/>
      <c r="CX8" s="51" t="s">
        <v>43</v>
      </c>
      <c r="CY8" s="47" t="s">
        <v>44</v>
      </c>
      <c r="CZ8" s="48" t="s">
        <v>45</v>
      </c>
      <c r="DA8" s="52" t="s">
        <v>83</v>
      </c>
      <c r="DB8" s="47" t="s">
        <v>47</v>
      </c>
      <c r="DC8" s="47" t="s">
        <v>48</v>
      </c>
      <c r="DD8" s="47" t="s">
        <v>49</v>
      </c>
      <c r="DE8" s="47" t="s">
        <v>50</v>
      </c>
      <c r="DF8" s="47" t="s">
        <v>51</v>
      </c>
      <c r="DG8" s="48" t="s">
        <v>45</v>
      </c>
      <c r="DH8" s="704"/>
      <c r="DI8" s="51" t="s">
        <v>43</v>
      </c>
      <c r="DJ8" s="47" t="s">
        <v>44</v>
      </c>
      <c r="DK8" s="48" t="s">
        <v>45</v>
      </c>
      <c r="DL8" s="52" t="s">
        <v>83</v>
      </c>
      <c r="DM8" s="47" t="s">
        <v>47</v>
      </c>
      <c r="DN8" s="47" t="s">
        <v>48</v>
      </c>
      <c r="DO8" s="47" t="s">
        <v>49</v>
      </c>
      <c r="DP8" s="47" t="s">
        <v>50</v>
      </c>
      <c r="DQ8" s="47" t="s">
        <v>51</v>
      </c>
      <c r="DR8" s="48" t="s">
        <v>45</v>
      </c>
      <c r="DS8" s="704"/>
      <c r="DT8" s="51" t="s">
        <v>43</v>
      </c>
      <c r="DU8" s="47" t="s">
        <v>44</v>
      </c>
      <c r="DV8" s="326" t="s">
        <v>45</v>
      </c>
      <c r="DW8" s="52" t="s">
        <v>83</v>
      </c>
      <c r="DX8" s="47" t="s">
        <v>47</v>
      </c>
      <c r="DY8" s="47" t="s">
        <v>48</v>
      </c>
      <c r="DZ8" s="47" t="s">
        <v>49</v>
      </c>
      <c r="EA8" s="47" t="s">
        <v>50</v>
      </c>
      <c r="EB8" s="47" t="s">
        <v>51</v>
      </c>
      <c r="EC8" s="48" t="s">
        <v>45</v>
      </c>
      <c r="ED8" s="680"/>
      <c r="EE8" s="51" t="s">
        <v>43</v>
      </c>
      <c r="EF8" s="47" t="s">
        <v>44</v>
      </c>
      <c r="EG8" s="326" t="s">
        <v>45</v>
      </c>
      <c r="EH8" s="52" t="s">
        <v>83</v>
      </c>
      <c r="EI8" s="47" t="s">
        <v>47</v>
      </c>
      <c r="EJ8" s="47" t="s">
        <v>48</v>
      </c>
      <c r="EK8" s="47" t="s">
        <v>49</v>
      </c>
      <c r="EL8" s="47" t="s">
        <v>50</v>
      </c>
      <c r="EM8" s="47" t="s">
        <v>51</v>
      </c>
      <c r="EN8" s="48" t="s">
        <v>45</v>
      </c>
      <c r="EO8" s="680"/>
      <c r="EP8" s="51" t="s">
        <v>43</v>
      </c>
      <c r="EQ8" s="47" t="s">
        <v>44</v>
      </c>
      <c r="ER8" s="326" t="s">
        <v>45</v>
      </c>
      <c r="ES8" s="52" t="s">
        <v>83</v>
      </c>
      <c r="ET8" s="47" t="s">
        <v>47</v>
      </c>
      <c r="EU8" s="47" t="s">
        <v>48</v>
      </c>
      <c r="EV8" s="47" t="s">
        <v>49</v>
      </c>
      <c r="EW8" s="47" t="s">
        <v>50</v>
      </c>
      <c r="EX8" s="47" t="s">
        <v>51</v>
      </c>
      <c r="EY8" s="48" t="s">
        <v>45</v>
      </c>
      <c r="EZ8" s="680"/>
      <c r="FA8" s="51" t="s">
        <v>43</v>
      </c>
      <c r="FB8" s="47" t="s">
        <v>44</v>
      </c>
      <c r="FC8" s="326" t="s">
        <v>45</v>
      </c>
      <c r="FD8" s="52" t="s">
        <v>83</v>
      </c>
      <c r="FE8" s="47" t="s">
        <v>47</v>
      </c>
      <c r="FF8" s="47" t="s">
        <v>48</v>
      </c>
      <c r="FG8" s="47" t="s">
        <v>49</v>
      </c>
      <c r="FH8" s="47" t="s">
        <v>50</v>
      </c>
      <c r="FI8" s="47" t="s">
        <v>51</v>
      </c>
      <c r="FJ8" s="48" t="s">
        <v>45</v>
      </c>
      <c r="FK8" s="680"/>
      <c r="FL8" s="51" t="s">
        <v>43</v>
      </c>
      <c r="FM8" s="47" t="s">
        <v>44</v>
      </c>
      <c r="FN8" s="326" t="s">
        <v>45</v>
      </c>
      <c r="FO8" s="52" t="s">
        <v>83</v>
      </c>
      <c r="FP8" s="47" t="s">
        <v>47</v>
      </c>
      <c r="FQ8" s="47" t="s">
        <v>48</v>
      </c>
      <c r="FR8" s="47" t="s">
        <v>49</v>
      </c>
      <c r="FS8" s="47" t="s">
        <v>50</v>
      </c>
      <c r="FT8" s="47" t="s">
        <v>51</v>
      </c>
      <c r="FU8" s="48" t="s">
        <v>45</v>
      </c>
      <c r="FV8" s="696"/>
      <c r="FW8" s="51" t="s">
        <v>43</v>
      </c>
      <c r="FX8" s="47" t="s">
        <v>44</v>
      </c>
      <c r="FY8" s="326" t="s">
        <v>45</v>
      </c>
      <c r="FZ8" s="52" t="s">
        <v>83</v>
      </c>
      <c r="GA8" s="47" t="s">
        <v>47</v>
      </c>
      <c r="GB8" s="47" t="s">
        <v>48</v>
      </c>
      <c r="GC8" s="47" t="s">
        <v>49</v>
      </c>
      <c r="GD8" s="47" t="s">
        <v>50</v>
      </c>
      <c r="GE8" s="47" t="s">
        <v>51</v>
      </c>
      <c r="GF8" s="48" t="s">
        <v>45</v>
      </c>
      <c r="GG8" s="680"/>
      <c r="GH8" s="51" t="s">
        <v>43</v>
      </c>
      <c r="GI8" s="47" t="s">
        <v>44</v>
      </c>
      <c r="GJ8" s="326" t="s">
        <v>45</v>
      </c>
      <c r="GK8" s="52" t="s">
        <v>83</v>
      </c>
      <c r="GL8" s="47" t="s">
        <v>47</v>
      </c>
      <c r="GM8" s="47" t="s">
        <v>48</v>
      </c>
      <c r="GN8" s="47" t="s">
        <v>49</v>
      </c>
      <c r="GO8" s="47" t="s">
        <v>50</v>
      </c>
      <c r="GP8" s="47" t="s">
        <v>51</v>
      </c>
      <c r="GQ8" s="48" t="s">
        <v>45</v>
      </c>
      <c r="GR8" s="682"/>
      <c r="GS8" s="51" t="s">
        <v>43</v>
      </c>
      <c r="GT8" s="47" t="s">
        <v>44</v>
      </c>
      <c r="GU8" s="326" t="s">
        <v>45</v>
      </c>
      <c r="GV8" s="52" t="s">
        <v>83</v>
      </c>
      <c r="GW8" s="47" t="s">
        <v>47</v>
      </c>
      <c r="GX8" s="47" t="s">
        <v>48</v>
      </c>
      <c r="GY8" s="47" t="s">
        <v>49</v>
      </c>
      <c r="GZ8" s="47" t="s">
        <v>50</v>
      </c>
      <c r="HA8" s="47" t="s">
        <v>51</v>
      </c>
      <c r="HB8" s="48" t="s">
        <v>45</v>
      </c>
      <c r="HC8" s="682"/>
      <c r="HD8" s="51" t="s">
        <v>43</v>
      </c>
      <c r="HE8" s="47" t="s">
        <v>44</v>
      </c>
      <c r="HF8" s="326" t="s">
        <v>45</v>
      </c>
      <c r="HG8" s="52" t="s">
        <v>83</v>
      </c>
      <c r="HH8" s="47" t="s">
        <v>47</v>
      </c>
      <c r="HI8" s="47" t="s">
        <v>48</v>
      </c>
      <c r="HJ8" s="47" t="s">
        <v>49</v>
      </c>
      <c r="HK8" s="47" t="s">
        <v>50</v>
      </c>
      <c r="HL8" s="47" t="s">
        <v>51</v>
      </c>
      <c r="HM8" s="48" t="s">
        <v>45</v>
      </c>
      <c r="HN8" s="680"/>
      <c r="HO8" s="51" t="s">
        <v>43</v>
      </c>
      <c r="HP8" s="47" t="s">
        <v>44</v>
      </c>
      <c r="HQ8" s="326" t="s">
        <v>45</v>
      </c>
      <c r="HR8" s="52" t="s">
        <v>83</v>
      </c>
      <c r="HS8" s="47" t="s">
        <v>47</v>
      </c>
      <c r="HT8" s="47" t="s">
        <v>48</v>
      </c>
      <c r="HU8" s="47" t="s">
        <v>49</v>
      </c>
      <c r="HV8" s="47" t="s">
        <v>50</v>
      </c>
      <c r="HW8" s="47" t="s">
        <v>51</v>
      </c>
      <c r="HX8" s="48" t="s">
        <v>45</v>
      </c>
      <c r="HY8" s="680"/>
      <c r="HZ8" s="368" t="s">
        <v>43</v>
      </c>
      <c r="IA8" s="369" t="s">
        <v>44</v>
      </c>
      <c r="IB8" s="41" t="s">
        <v>45</v>
      </c>
      <c r="IC8" s="42" t="s">
        <v>83</v>
      </c>
      <c r="ID8" s="369" t="s">
        <v>47</v>
      </c>
      <c r="IE8" s="369" t="s">
        <v>48</v>
      </c>
      <c r="IF8" s="369" t="s">
        <v>49</v>
      </c>
      <c r="IG8" s="369" t="s">
        <v>50</v>
      </c>
      <c r="IH8" s="369" t="s">
        <v>51</v>
      </c>
      <c r="II8" s="17" t="s">
        <v>45</v>
      </c>
      <c r="IJ8" s="647"/>
      <c r="IK8" s="368" t="s">
        <v>43</v>
      </c>
      <c r="IL8" s="369" t="s">
        <v>44</v>
      </c>
      <c r="IM8" s="41" t="s">
        <v>45</v>
      </c>
      <c r="IN8" s="42" t="s">
        <v>83</v>
      </c>
      <c r="IO8" s="59" t="s">
        <v>47</v>
      </c>
      <c r="IP8" s="59" t="s">
        <v>48</v>
      </c>
      <c r="IQ8" s="59" t="s">
        <v>49</v>
      </c>
      <c r="IR8" s="59" t="s">
        <v>50</v>
      </c>
      <c r="IS8" s="59" t="s">
        <v>51</v>
      </c>
      <c r="IT8" s="64" t="s">
        <v>45</v>
      </c>
      <c r="IU8" s="657"/>
      <c r="IV8" s="61" t="s">
        <v>43</v>
      </c>
      <c r="IW8" s="59" t="s">
        <v>44</v>
      </c>
      <c r="IX8" s="64" t="s">
        <v>45</v>
      </c>
      <c r="IY8" s="33" t="s">
        <v>83</v>
      </c>
      <c r="IZ8" s="59" t="s">
        <v>47</v>
      </c>
      <c r="JA8" s="59" t="s">
        <v>48</v>
      </c>
      <c r="JB8" s="59" t="s">
        <v>49</v>
      </c>
      <c r="JC8" s="59" t="s">
        <v>50</v>
      </c>
      <c r="JD8" s="59" t="s">
        <v>51</v>
      </c>
      <c r="JE8" s="64" t="s">
        <v>45</v>
      </c>
      <c r="JF8" s="657"/>
      <c r="JG8" s="61" t="s">
        <v>43</v>
      </c>
      <c r="JH8" s="59" t="s">
        <v>44</v>
      </c>
      <c r="JI8" s="60" t="s">
        <v>45</v>
      </c>
      <c r="JJ8" s="33" t="s">
        <v>83</v>
      </c>
      <c r="JK8" s="59" t="s">
        <v>47</v>
      </c>
      <c r="JL8" s="59" t="s">
        <v>48</v>
      </c>
      <c r="JM8" s="59" t="s">
        <v>49</v>
      </c>
      <c r="JN8" s="59" t="s">
        <v>50</v>
      </c>
      <c r="JO8" s="59" t="s">
        <v>51</v>
      </c>
      <c r="JP8" s="64" t="s">
        <v>45</v>
      </c>
      <c r="JQ8" s="650"/>
      <c r="JR8" s="61" t="s">
        <v>43</v>
      </c>
      <c r="JS8" s="59" t="s">
        <v>44</v>
      </c>
      <c r="JT8" s="60" t="s">
        <v>45</v>
      </c>
      <c r="JU8" s="33" t="s">
        <v>83</v>
      </c>
      <c r="JV8" s="59" t="s">
        <v>47</v>
      </c>
      <c r="JW8" s="59" t="s">
        <v>48</v>
      </c>
      <c r="JX8" s="59" t="s">
        <v>49</v>
      </c>
      <c r="JY8" s="59" t="s">
        <v>50</v>
      </c>
      <c r="JZ8" s="59" t="s">
        <v>51</v>
      </c>
      <c r="KA8" s="64" t="s">
        <v>45</v>
      </c>
      <c r="KB8" s="650"/>
      <c r="KC8" s="61" t="s">
        <v>43</v>
      </c>
      <c r="KD8" s="59" t="s">
        <v>44</v>
      </c>
      <c r="KE8" s="60" t="s">
        <v>45</v>
      </c>
      <c r="KF8" s="33" t="s">
        <v>83</v>
      </c>
      <c r="KG8" s="59" t="s">
        <v>47</v>
      </c>
      <c r="KH8" s="59" t="s">
        <v>48</v>
      </c>
      <c r="KI8" s="59" t="s">
        <v>49</v>
      </c>
      <c r="KJ8" s="59" t="s">
        <v>50</v>
      </c>
      <c r="KK8" s="59" t="s">
        <v>51</v>
      </c>
      <c r="KL8" s="64" t="s">
        <v>45</v>
      </c>
      <c r="KM8" s="650"/>
      <c r="KN8" s="61" t="s">
        <v>43</v>
      </c>
      <c r="KO8" s="59" t="s">
        <v>44</v>
      </c>
      <c r="KP8" s="60" t="s">
        <v>45</v>
      </c>
      <c r="KQ8" s="42" t="s">
        <v>83</v>
      </c>
      <c r="KR8" s="59" t="s">
        <v>47</v>
      </c>
      <c r="KS8" s="59" t="s">
        <v>48</v>
      </c>
      <c r="KT8" s="59" t="s">
        <v>49</v>
      </c>
      <c r="KU8" s="59" t="s">
        <v>50</v>
      </c>
      <c r="KV8" s="59" t="s">
        <v>51</v>
      </c>
      <c r="KW8" s="64" t="s">
        <v>45</v>
      </c>
      <c r="KX8" s="650"/>
      <c r="KY8" s="61" t="s">
        <v>43</v>
      </c>
      <c r="KZ8" s="59" t="s">
        <v>44</v>
      </c>
      <c r="LA8" s="60" t="s">
        <v>45</v>
      </c>
      <c r="LB8" s="42" t="s">
        <v>83</v>
      </c>
      <c r="LC8" s="59" t="s">
        <v>47</v>
      </c>
      <c r="LD8" s="59" t="s">
        <v>48</v>
      </c>
      <c r="LE8" s="59" t="s">
        <v>49</v>
      </c>
      <c r="LF8" s="59" t="s">
        <v>50</v>
      </c>
      <c r="LG8" s="59" t="s">
        <v>51</v>
      </c>
      <c r="LH8" s="64" t="s">
        <v>45</v>
      </c>
      <c r="LI8" s="650"/>
      <c r="LJ8" s="61" t="s">
        <v>43</v>
      </c>
      <c r="LK8" s="59" t="s">
        <v>44</v>
      </c>
      <c r="LL8" s="60" t="s">
        <v>45</v>
      </c>
      <c r="LM8" s="42" t="s">
        <v>83</v>
      </c>
      <c r="LN8" s="59" t="s">
        <v>47</v>
      </c>
      <c r="LO8" s="59" t="s">
        <v>48</v>
      </c>
      <c r="LP8" s="59" t="s">
        <v>49</v>
      </c>
      <c r="LQ8" s="59" t="s">
        <v>50</v>
      </c>
      <c r="LR8" s="59" t="s">
        <v>51</v>
      </c>
      <c r="LS8" s="64" t="s">
        <v>45</v>
      </c>
      <c r="LT8" s="650"/>
      <c r="LU8" s="61" t="s">
        <v>43</v>
      </c>
      <c r="LV8" s="59" t="s">
        <v>44</v>
      </c>
      <c r="LW8" s="60" t="s">
        <v>45</v>
      </c>
      <c r="LX8" s="42" t="s">
        <v>83</v>
      </c>
      <c r="LY8" s="59" t="s">
        <v>47</v>
      </c>
      <c r="LZ8" s="59" t="s">
        <v>48</v>
      </c>
      <c r="MA8" s="59" t="s">
        <v>49</v>
      </c>
      <c r="MB8" s="59" t="s">
        <v>50</v>
      </c>
      <c r="MC8" s="59" t="s">
        <v>51</v>
      </c>
      <c r="MD8" s="64" t="s">
        <v>45</v>
      </c>
      <c r="ME8" s="650"/>
      <c r="MF8" s="61" t="s">
        <v>43</v>
      </c>
      <c r="MG8" s="59" t="s">
        <v>44</v>
      </c>
      <c r="MH8" s="60" t="s">
        <v>45</v>
      </c>
      <c r="MI8" s="42" t="s">
        <v>83</v>
      </c>
      <c r="MJ8" s="59" t="s">
        <v>47</v>
      </c>
      <c r="MK8" s="59" t="s">
        <v>48</v>
      </c>
      <c r="ML8" s="59" t="s">
        <v>49</v>
      </c>
      <c r="MM8" s="59" t="s">
        <v>50</v>
      </c>
      <c r="MN8" s="59" t="s">
        <v>51</v>
      </c>
      <c r="MO8" s="64" t="s">
        <v>45</v>
      </c>
      <c r="MP8" s="650"/>
      <c r="MQ8" s="61" t="s">
        <v>43</v>
      </c>
      <c r="MR8" s="59" t="s">
        <v>44</v>
      </c>
      <c r="MS8" s="60" t="s">
        <v>45</v>
      </c>
      <c r="MT8" s="42" t="s">
        <v>83</v>
      </c>
      <c r="MU8" s="59" t="s">
        <v>47</v>
      </c>
      <c r="MV8" s="59" t="s">
        <v>48</v>
      </c>
      <c r="MW8" s="59" t="s">
        <v>49</v>
      </c>
      <c r="MX8" s="59" t="s">
        <v>50</v>
      </c>
      <c r="MY8" s="59" t="s">
        <v>51</v>
      </c>
      <c r="MZ8" s="64" t="s">
        <v>45</v>
      </c>
      <c r="NA8" s="650"/>
      <c r="NB8" s="61" t="s">
        <v>43</v>
      </c>
      <c r="NC8" s="59" t="s">
        <v>44</v>
      </c>
      <c r="ND8" s="60" t="s">
        <v>45</v>
      </c>
      <c r="NE8" s="42" t="s">
        <v>83</v>
      </c>
      <c r="NF8" s="59" t="s">
        <v>47</v>
      </c>
      <c r="NG8" s="59" t="s">
        <v>48</v>
      </c>
      <c r="NH8" s="59" t="s">
        <v>49</v>
      </c>
      <c r="NI8" s="59" t="s">
        <v>50</v>
      </c>
      <c r="NJ8" s="59" t="s">
        <v>51</v>
      </c>
      <c r="NK8" s="64" t="s">
        <v>45</v>
      </c>
      <c r="NL8" s="650"/>
      <c r="NM8" s="61" t="s">
        <v>43</v>
      </c>
      <c r="NN8" s="59" t="s">
        <v>44</v>
      </c>
      <c r="NO8" s="60" t="s">
        <v>45</v>
      </c>
      <c r="NP8" s="42" t="s">
        <v>83</v>
      </c>
      <c r="NQ8" s="59" t="s">
        <v>47</v>
      </c>
      <c r="NR8" s="59" t="s">
        <v>48</v>
      </c>
      <c r="NS8" s="59" t="s">
        <v>49</v>
      </c>
      <c r="NT8" s="59" t="s">
        <v>50</v>
      </c>
      <c r="NU8" s="59" t="s">
        <v>51</v>
      </c>
      <c r="NV8" s="64" t="s">
        <v>45</v>
      </c>
      <c r="NW8" s="650"/>
      <c r="NX8" s="61" t="s">
        <v>43</v>
      </c>
      <c r="NY8" s="59" t="s">
        <v>44</v>
      </c>
      <c r="NZ8" s="60" t="s">
        <v>45</v>
      </c>
      <c r="OA8" s="42" t="s">
        <v>83</v>
      </c>
      <c r="OB8" s="59" t="s">
        <v>47</v>
      </c>
      <c r="OC8" s="59" t="s">
        <v>48</v>
      </c>
      <c r="OD8" s="59" t="s">
        <v>49</v>
      </c>
      <c r="OE8" s="59" t="s">
        <v>50</v>
      </c>
      <c r="OF8" s="59" t="s">
        <v>51</v>
      </c>
      <c r="OG8" s="64" t="s">
        <v>45</v>
      </c>
      <c r="OH8" s="650"/>
      <c r="OI8" s="61" t="s">
        <v>43</v>
      </c>
      <c r="OJ8" s="59" t="s">
        <v>44</v>
      </c>
      <c r="OK8" s="60" t="s">
        <v>45</v>
      </c>
      <c r="OL8" s="33" t="s">
        <v>83</v>
      </c>
      <c r="OM8" s="59" t="s">
        <v>47</v>
      </c>
      <c r="ON8" s="59" t="s">
        <v>48</v>
      </c>
      <c r="OO8" s="59" t="s">
        <v>49</v>
      </c>
      <c r="OP8" s="59" t="s">
        <v>50</v>
      </c>
      <c r="OQ8" s="59" t="s">
        <v>51</v>
      </c>
      <c r="OR8" s="64" t="s">
        <v>45</v>
      </c>
      <c r="OS8" s="650"/>
    </row>
    <row r="9" spans="1:409" s="473" customFormat="1" ht="21" customHeight="1" x14ac:dyDescent="0.2">
      <c r="A9" s="44"/>
      <c r="B9" s="467" t="s">
        <v>4</v>
      </c>
      <c r="C9" s="387">
        <v>22631244</v>
      </c>
      <c r="D9" s="388">
        <v>39065272</v>
      </c>
      <c r="E9" s="389">
        <v>61696516</v>
      </c>
      <c r="F9" s="390">
        <v>0</v>
      </c>
      <c r="G9" s="388">
        <v>235430597</v>
      </c>
      <c r="H9" s="388">
        <v>314826970</v>
      </c>
      <c r="I9" s="388">
        <v>273945218</v>
      </c>
      <c r="J9" s="388">
        <v>295304328</v>
      </c>
      <c r="K9" s="388">
        <v>204453495</v>
      </c>
      <c r="L9" s="391">
        <v>1323960608</v>
      </c>
      <c r="M9" s="392">
        <v>1385657124</v>
      </c>
      <c r="N9" s="387">
        <v>7267404</v>
      </c>
      <c r="O9" s="388">
        <v>13921563</v>
      </c>
      <c r="P9" s="393">
        <v>21188967</v>
      </c>
      <c r="Q9" s="387">
        <v>0</v>
      </c>
      <c r="R9" s="388">
        <v>74149332</v>
      </c>
      <c r="S9" s="388">
        <v>107551055</v>
      </c>
      <c r="T9" s="388">
        <v>93617150</v>
      </c>
      <c r="U9" s="388">
        <v>107130275</v>
      </c>
      <c r="V9" s="388">
        <v>95841503</v>
      </c>
      <c r="W9" s="393">
        <v>478289315</v>
      </c>
      <c r="X9" s="392">
        <v>499478282</v>
      </c>
      <c r="Y9" s="387">
        <v>0</v>
      </c>
      <c r="Z9" s="388">
        <v>0</v>
      </c>
      <c r="AA9" s="393">
        <v>0</v>
      </c>
      <c r="AB9" s="394">
        <v>0</v>
      </c>
      <c r="AC9" s="395">
        <v>29926727</v>
      </c>
      <c r="AD9" s="395">
        <v>43182427</v>
      </c>
      <c r="AE9" s="395">
        <v>45076352</v>
      </c>
      <c r="AF9" s="395">
        <v>54579617</v>
      </c>
      <c r="AG9" s="395">
        <v>49354552</v>
      </c>
      <c r="AH9" s="393">
        <v>222119675</v>
      </c>
      <c r="AI9" s="392">
        <v>222119675</v>
      </c>
      <c r="AJ9" s="396">
        <v>28753</v>
      </c>
      <c r="AK9" s="395">
        <v>28753</v>
      </c>
      <c r="AL9" s="393">
        <v>57506</v>
      </c>
      <c r="AM9" s="394">
        <v>0</v>
      </c>
      <c r="AN9" s="395">
        <v>518808</v>
      </c>
      <c r="AO9" s="391">
        <v>1424760</v>
      </c>
      <c r="AP9" s="395">
        <v>3002087</v>
      </c>
      <c r="AQ9" s="395">
        <v>7187012</v>
      </c>
      <c r="AR9" s="395">
        <v>12266469</v>
      </c>
      <c r="AS9" s="393">
        <v>24399136</v>
      </c>
      <c r="AT9" s="392">
        <v>24456642</v>
      </c>
      <c r="AU9" s="396">
        <v>3867990</v>
      </c>
      <c r="AV9" s="395">
        <v>9396943</v>
      </c>
      <c r="AW9" s="393">
        <v>13264933</v>
      </c>
      <c r="AX9" s="394">
        <v>0</v>
      </c>
      <c r="AY9" s="395">
        <v>27036948</v>
      </c>
      <c r="AZ9" s="395">
        <v>41832090</v>
      </c>
      <c r="BA9" s="395">
        <v>27407664</v>
      </c>
      <c r="BB9" s="395">
        <v>25162554</v>
      </c>
      <c r="BC9" s="395">
        <v>20678762</v>
      </c>
      <c r="BD9" s="393">
        <v>142118018</v>
      </c>
      <c r="BE9" s="397">
        <v>155382951</v>
      </c>
      <c r="BF9" s="396">
        <v>387023</v>
      </c>
      <c r="BG9" s="391">
        <v>1536134</v>
      </c>
      <c r="BH9" s="398">
        <v>1923157</v>
      </c>
      <c r="BI9" s="394">
        <v>0</v>
      </c>
      <c r="BJ9" s="395">
        <v>2971235</v>
      </c>
      <c r="BK9" s="395">
        <v>4299626</v>
      </c>
      <c r="BL9" s="395">
        <v>2830335</v>
      </c>
      <c r="BM9" s="395">
        <v>3154806</v>
      </c>
      <c r="BN9" s="395">
        <v>1634895</v>
      </c>
      <c r="BO9" s="393">
        <v>14890897</v>
      </c>
      <c r="BP9" s="392">
        <v>16814054</v>
      </c>
      <c r="BQ9" s="396">
        <v>2983638</v>
      </c>
      <c r="BR9" s="395">
        <v>2959733</v>
      </c>
      <c r="BS9" s="393">
        <v>5943371</v>
      </c>
      <c r="BT9" s="394">
        <v>0</v>
      </c>
      <c r="BU9" s="395">
        <v>13695614</v>
      </c>
      <c r="BV9" s="395">
        <v>16812152</v>
      </c>
      <c r="BW9" s="395">
        <v>15300712</v>
      </c>
      <c r="BX9" s="395">
        <v>17046286</v>
      </c>
      <c r="BY9" s="395">
        <v>11906825</v>
      </c>
      <c r="BZ9" s="393">
        <v>74761589</v>
      </c>
      <c r="CA9" s="392">
        <v>80704960</v>
      </c>
      <c r="CB9" s="396">
        <v>2022887</v>
      </c>
      <c r="CC9" s="395">
        <v>5214858</v>
      </c>
      <c r="CD9" s="393">
        <v>7237745</v>
      </c>
      <c r="CE9" s="394">
        <v>0</v>
      </c>
      <c r="CF9" s="395">
        <v>61217312</v>
      </c>
      <c r="CG9" s="395">
        <v>76759961</v>
      </c>
      <c r="CH9" s="399">
        <v>52247316</v>
      </c>
      <c r="CI9" s="395">
        <v>36358744</v>
      </c>
      <c r="CJ9" s="395">
        <v>16503188</v>
      </c>
      <c r="CK9" s="393">
        <v>243086521</v>
      </c>
      <c r="CL9" s="392">
        <v>250324266</v>
      </c>
      <c r="CM9" s="387">
        <v>0</v>
      </c>
      <c r="CN9" s="388">
        <v>0</v>
      </c>
      <c r="CO9" s="393">
        <v>0</v>
      </c>
      <c r="CP9" s="394">
        <v>0</v>
      </c>
      <c r="CQ9" s="395">
        <v>49866934</v>
      </c>
      <c r="CR9" s="395">
        <v>55597130</v>
      </c>
      <c r="CS9" s="395">
        <v>36435808</v>
      </c>
      <c r="CT9" s="395">
        <v>23277485</v>
      </c>
      <c r="CU9" s="395">
        <v>10826719</v>
      </c>
      <c r="CV9" s="400">
        <v>176004076</v>
      </c>
      <c r="CW9" s="392">
        <v>176004076</v>
      </c>
      <c r="CX9" s="396">
        <v>2022887</v>
      </c>
      <c r="CY9" s="395">
        <v>5214858</v>
      </c>
      <c r="CZ9" s="393">
        <v>7237745</v>
      </c>
      <c r="DA9" s="394">
        <v>0</v>
      </c>
      <c r="DB9" s="395">
        <v>11350378</v>
      </c>
      <c r="DC9" s="395">
        <v>21162831</v>
      </c>
      <c r="DD9" s="395">
        <v>15811508</v>
      </c>
      <c r="DE9" s="395">
        <v>13081259</v>
      </c>
      <c r="DF9" s="395">
        <v>5676469</v>
      </c>
      <c r="DG9" s="393">
        <v>67082445</v>
      </c>
      <c r="DH9" s="392">
        <v>74320190</v>
      </c>
      <c r="DI9" s="396">
        <v>97043</v>
      </c>
      <c r="DJ9" s="395">
        <v>535434</v>
      </c>
      <c r="DK9" s="398">
        <v>632477</v>
      </c>
      <c r="DL9" s="394">
        <v>0</v>
      </c>
      <c r="DM9" s="395">
        <v>6483785</v>
      </c>
      <c r="DN9" s="395">
        <v>13814134</v>
      </c>
      <c r="DO9" s="395">
        <v>22600498</v>
      </c>
      <c r="DP9" s="395">
        <v>19046588</v>
      </c>
      <c r="DQ9" s="395">
        <v>11284401</v>
      </c>
      <c r="DR9" s="401">
        <v>73229406</v>
      </c>
      <c r="DS9" s="392">
        <v>73861883</v>
      </c>
      <c r="DT9" s="396">
        <v>55666</v>
      </c>
      <c r="DU9" s="395">
        <v>453409</v>
      </c>
      <c r="DV9" s="393">
        <v>509075</v>
      </c>
      <c r="DW9" s="394">
        <v>0</v>
      </c>
      <c r="DX9" s="395">
        <v>5821598</v>
      </c>
      <c r="DY9" s="395">
        <v>11020818</v>
      </c>
      <c r="DZ9" s="395">
        <v>19711410</v>
      </c>
      <c r="EA9" s="395">
        <v>16689750</v>
      </c>
      <c r="EB9" s="395">
        <v>8907512</v>
      </c>
      <c r="EC9" s="393">
        <v>62151088</v>
      </c>
      <c r="ED9" s="392">
        <v>62660163</v>
      </c>
      <c r="EE9" s="396">
        <v>41377</v>
      </c>
      <c r="EF9" s="391">
        <v>82025</v>
      </c>
      <c r="EG9" s="393">
        <v>123402</v>
      </c>
      <c r="EH9" s="397">
        <v>0</v>
      </c>
      <c r="EI9" s="395">
        <v>662187</v>
      </c>
      <c r="EJ9" s="395">
        <v>2793316</v>
      </c>
      <c r="EK9" s="395">
        <v>2889088</v>
      </c>
      <c r="EL9" s="395">
        <v>2356838</v>
      </c>
      <c r="EM9" s="399">
        <v>2376889</v>
      </c>
      <c r="EN9" s="391">
        <v>11078318</v>
      </c>
      <c r="EO9" s="392">
        <v>11201720</v>
      </c>
      <c r="EP9" s="396">
        <v>0</v>
      </c>
      <c r="EQ9" s="395">
        <v>0</v>
      </c>
      <c r="ER9" s="391">
        <v>0</v>
      </c>
      <c r="ES9" s="394">
        <v>0</v>
      </c>
      <c r="ET9" s="395">
        <v>0</v>
      </c>
      <c r="EU9" s="395">
        <v>0</v>
      </c>
      <c r="EV9" s="395">
        <v>0</v>
      </c>
      <c r="EW9" s="395">
        <v>0</v>
      </c>
      <c r="EX9" s="395">
        <v>0</v>
      </c>
      <c r="EY9" s="400">
        <v>0</v>
      </c>
      <c r="EZ9" s="392">
        <v>0</v>
      </c>
      <c r="FA9" s="396">
        <v>0</v>
      </c>
      <c r="FB9" s="395">
        <v>0</v>
      </c>
      <c r="FC9" s="391">
        <v>0</v>
      </c>
      <c r="FD9" s="402">
        <v>0</v>
      </c>
      <c r="FE9" s="395">
        <v>0</v>
      </c>
      <c r="FF9" s="395">
        <v>0</v>
      </c>
      <c r="FG9" s="395">
        <v>0</v>
      </c>
      <c r="FH9" s="395">
        <v>0</v>
      </c>
      <c r="FI9" s="395">
        <v>0</v>
      </c>
      <c r="FJ9" s="400">
        <v>0</v>
      </c>
      <c r="FK9" s="392">
        <v>0</v>
      </c>
      <c r="FL9" s="396">
        <v>4010136</v>
      </c>
      <c r="FM9" s="395">
        <v>7735582</v>
      </c>
      <c r="FN9" s="393">
        <v>11745718</v>
      </c>
      <c r="FO9" s="394">
        <v>0</v>
      </c>
      <c r="FP9" s="395">
        <v>11692388</v>
      </c>
      <c r="FQ9" s="395">
        <v>28743000</v>
      </c>
      <c r="FR9" s="395">
        <v>23087171</v>
      </c>
      <c r="FS9" s="395">
        <v>21015201</v>
      </c>
      <c r="FT9" s="395">
        <v>15397763</v>
      </c>
      <c r="FU9" s="393">
        <v>99935523</v>
      </c>
      <c r="FV9" s="392">
        <v>111681241</v>
      </c>
      <c r="FW9" s="396">
        <v>2355846</v>
      </c>
      <c r="FX9" s="395">
        <v>5660214</v>
      </c>
      <c r="FY9" s="391">
        <v>8016060</v>
      </c>
      <c r="FZ9" s="397">
        <v>0</v>
      </c>
      <c r="GA9" s="395">
        <v>8506118</v>
      </c>
      <c r="GB9" s="403">
        <v>26822624</v>
      </c>
      <c r="GC9" s="395">
        <v>21388426</v>
      </c>
      <c r="GD9" s="403">
        <v>19473091</v>
      </c>
      <c r="GE9" s="395">
        <v>14659358</v>
      </c>
      <c r="GF9" s="400">
        <v>90849617</v>
      </c>
      <c r="GG9" s="404">
        <v>98865677</v>
      </c>
      <c r="GH9" s="405">
        <v>121093</v>
      </c>
      <c r="GI9" s="395">
        <v>227534</v>
      </c>
      <c r="GJ9" s="403">
        <v>348627</v>
      </c>
      <c r="GK9" s="390">
        <v>0</v>
      </c>
      <c r="GL9" s="395">
        <v>562747</v>
      </c>
      <c r="GM9" s="391">
        <v>813508</v>
      </c>
      <c r="GN9" s="395">
        <v>527675</v>
      </c>
      <c r="GO9" s="391">
        <v>460535</v>
      </c>
      <c r="GP9" s="395">
        <v>521755</v>
      </c>
      <c r="GQ9" s="401">
        <v>2886220</v>
      </c>
      <c r="GR9" s="392">
        <v>3234847</v>
      </c>
      <c r="GS9" s="391">
        <v>1533197</v>
      </c>
      <c r="GT9" s="395">
        <v>1847834</v>
      </c>
      <c r="GU9" s="393">
        <v>3381031</v>
      </c>
      <c r="GV9" s="391">
        <v>0</v>
      </c>
      <c r="GW9" s="395">
        <v>2623523</v>
      </c>
      <c r="GX9" s="391">
        <v>1106868</v>
      </c>
      <c r="GY9" s="395">
        <v>1171070</v>
      </c>
      <c r="GZ9" s="391">
        <v>1081575</v>
      </c>
      <c r="HA9" s="395">
        <v>216650</v>
      </c>
      <c r="HB9" s="391">
        <v>6199686</v>
      </c>
      <c r="HC9" s="392">
        <v>9580717</v>
      </c>
      <c r="HD9" s="391">
        <v>9233774</v>
      </c>
      <c r="HE9" s="395">
        <v>11657835</v>
      </c>
      <c r="HF9" s="391">
        <v>20891609</v>
      </c>
      <c r="HG9" s="397">
        <v>0</v>
      </c>
      <c r="HH9" s="395">
        <v>81887780</v>
      </c>
      <c r="HI9" s="403">
        <v>87958820</v>
      </c>
      <c r="HJ9" s="395">
        <v>82393083</v>
      </c>
      <c r="HK9" s="403">
        <v>111753520</v>
      </c>
      <c r="HL9" s="395">
        <v>65426640</v>
      </c>
      <c r="HM9" s="400">
        <v>429419843</v>
      </c>
      <c r="HN9" s="391">
        <v>450311452</v>
      </c>
      <c r="HO9" s="468">
        <v>0</v>
      </c>
      <c r="HP9" s="469">
        <v>0</v>
      </c>
      <c r="HQ9" s="470">
        <v>0</v>
      </c>
      <c r="HR9" s="471">
        <v>0</v>
      </c>
      <c r="HS9" s="469">
        <v>0</v>
      </c>
      <c r="HT9" s="471">
        <v>0</v>
      </c>
      <c r="HU9" s="469">
        <v>0</v>
      </c>
      <c r="HV9" s="471">
        <v>0</v>
      </c>
      <c r="HW9" s="469">
        <v>0</v>
      </c>
      <c r="HX9" s="471">
        <v>0</v>
      </c>
      <c r="HY9" s="472">
        <v>0</v>
      </c>
      <c r="HZ9" s="406">
        <v>547824</v>
      </c>
      <c r="IA9" s="407">
        <v>1785171</v>
      </c>
      <c r="IB9" s="408">
        <v>2332995</v>
      </c>
      <c r="IC9" s="409">
        <v>0</v>
      </c>
      <c r="ID9" s="407">
        <v>49589983</v>
      </c>
      <c r="IE9" s="410">
        <v>65724140</v>
      </c>
      <c r="IF9" s="411">
        <v>77640684</v>
      </c>
      <c r="IG9" s="407">
        <v>59355949</v>
      </c>
      <c r="IH9" s="411">
        <v>42570717</v>
      </c>
      <c r="II9" s="412">
        <v>294881473</v>
      </c>
      <c r="IJ9" s="413">
        <v>297214468</v>
      </c>
      <c r="IK9" s="414">
        <v>0</v>
      </c>
      <c r="IL9" s="415">
        <v>0</v>
      </c>
      <c r="IM9" s="416">
        <v>0</v>
      </c>
      <c r="IN9" s="417">
        <v>0</v>
      </c>
      <c r="IO9" s="418">
        <v>1746258</v>
      </c>
      <c r="IP9" s="418">
        <v>3129750</v>
      </c>
      <c r="IQ9" s="418">
        <v>4414138</v>
      </c>
      <c r="IR9" s="418">
        <v>5707698</v>
      </c>
      <c r="IS9" s="418">
        <v>4724011</v>
      </c>
      <c r="IT9" s="419">
        <v>19721855</v>
      </c>
      <c r="IU9" s="420">
        <v>19721855</v>
      </c>
      <c r="IV9" s="421">
        <v>0</v>
      </c>
      <c r="IW9" s="418">
        <v>0</v>
      </c>
      <c r="IX9" s="422">
        <v>0</v>
      </c>
      <c r="IY9" s="423">
        <v>0</v>
      </c>
      <c r="IZ9" s="418">
        <v>213661</v>
      </c>
      <c r="JA9" s="418">
        <v>434333</v>
      </c>
      <c r="JB9" s="418">
        <v>1065066</v>
      </c>
      <c r="JC9" s="418">
        <v>833533</v>
      </c>
      <c r="JD9" s="418">
        <v>940122</v>
      </c>
      <c r="JE9" s="422">
        <v>3486715</v>
      </c>
      <c r="JF9" s="424">
        <v>3486715</v>
      </c>
      <c r="JG9" s="421">
        <v>0</v>
      </c>
      <c r="JH9" s="418">
        <v>0</v>
      </c>
      <c r="JI9" s="419">
        <v>0</v>
      </c>
      <c r="JJ9" s="425">
        <v>0</v>
      </c>
      <c r="JK9" s="418">
        <v>22726052</v>
      </c>
      <c r="JL9" s="418">
        <v>24003088</v>
      </c>
      <c r="JM9" s="418">
        <v>18939174</v>
      </c>
      <c r="JN9" s="418">
        <v>11291242</v>
      </c>
      <c r="JO9" s="418">
        <v>3620976</v>
      </c>
      <c r="JP9" s="422">
        <v>80580532</v>
      </c>
      <c r="JQ9" s="420">
        <v>80580532</v>
      </c>
      <c r="JR9" s="421">
        <v>16107</v>
      </c>
      <c r="JS9" s="418">
        <v>0</v>
      </c>
      <c r="JT9" s="419">
        <v>16107</v>
      </c>
      <c r="JU9" s="425">
        <v>0</v>
      </c>
      <c r="JV9" s="418">
        <v>2921071</v>
      </c>
      <c r="JW9" s="418">
        <v>5790041</v>
      </c>
      <c r="JX9" s="418">
        <v>6504970</v>
      </c>
      <c r="JY9" s="418">
        <v>3883264</v>
      </c>
      <c r="JZ9" s="418">
        <v>2414423</v>
      </c>
      <c r="KA9" s="422">
        <v>21513769</v>
      </c>
      <c r="KB9" s="420">
        <v>21529876</v>
      </c>
      <c r="KC9" s="426">
        <v>531717</v>
      </c>
      <c r="KD9" s="427">
        <v>1785171</v>
      </c>
      <c r="KE9" s="422">
        <v>2316888</v>
      </c>
      <c r="KF9" s="425">
        <v>0</v>
      </c>
      <c r="KG9" s="418">
        <v>7338083</v>
      </c>
      <c r="KH9" s="418">
        <v>8205090</v>
      </c>
      <c r="KI9" s="418">
        <v>10965159</v>
      </c>
      <c r="KJ9" s="418">
        <v>7877054</v>
      </c>
      <c r="KK9" s="418">
        <v>4384404</v>
      </c>
      <c r="KL9" s="422">
        <v>38769790</v>
      </c>
      <c r="KM9" s="428">
        <v>41086678</v>
      </c>
      <c r="KN9" s="414">
        <v>0</v>
      </c>
      <c r="KO9" s="415">
        <v>0</v>
      </c>
      <c r="KP9" s="416">
        <v>0</v>
      </c>
      <c r="KQ9" s="417">
        <v>0</v>
      </c>
      <c r="KR9" s="418">
        <v>12707693</v>
      </c>
      <c r="KS9" s="418">
        <v>20532085</v>
      </c>
      <c r="KT9" s="418">
        <v>28060883</v>
      </c>
      <c r="KU9" s="418">
        <v>20854467</v>
      </c>
      <c r="KV9" s="418">
        <v>13408772</v>
      </c>
      <c r="KW9" s="422">
        <v>95563900</v>
      </c>
      <c r="KX9" s="420">
        <v>95563900</v>
      </c>
      <c r="KY9" s="421">
        <v>0</v>
      </c>
      <c r="KZ9" s="418">
        <v>0</v>
      </c>
      <c r="LA9" s="422">
        <v>0</v>
      </c>
      <c r="LB9" s="429">
        <v>0</v>
      </c>
      <c r="LC9" s="418">
        <v>502145</v>
      </c>
      <c r="LD9" s="418">
        <v>880926</v>
      </c>
      <c r="LE9" s="418">
        <v>628262</v>
      </c>
      <c r="LF9" s="418">
        <v>830282</v>
      </c>
      <c r="LG9" s="418">
        <v>635974</v>
      </c>
      <c r="LH9" s="422">
        <v>3477589</v>
      </c>
      <c r="LI9" s="424">
        <v>3477589</v>
      </c>
      <c r="LJ9" s="421">
        <v>0</v>
      </c>
      <c r="LK9" s="418">
        <v>0</v>
      </c>
      <c r="LL9" s="422">
        <v>0</v>
      </c>
      <c r="LM9" s="429">
        <v>0</v>
      </c>
      <c r="LN9" s="418">
        <v>179352</v>
      </c>
      <c r="LO9" s="418">
        <v>506897</v>
      </c>
      <c r="LP9" s="418">
        <v>2736110</v>
      </c>
      <c r="LQ9" s="418">
        <v>3371678</v>
      </c>
      <c r="LR9" s="418">
        <v>1941471</v>
      </c>
      <c r="LS9" s="422">
        <v>8735508</v>
      </c>
      <c r="LT9" s="420">
        <v>8735508</v>
      </c>
      <c r="LU9" s="421">
        <v>0</v>
      </c>
      <c r="LV9" s="418">
        <v>0</v>
      </c>
      <c r="LW9" s="422">
        <v>0</v>
      </c>
      <c r="LX9" s="429">
        <v>0</v>
      </c>
      <c r="LY9" s="418">
        <v>1255668</v>
      </c>
      <c r="LZ9" s="418">
        <v>2241930</v>
      </c>
      <c r="MA9" s="418">
        <v>4326922</v>
      </c>
      <c r="MB9" s="418">
        <v>4706731</v>
      </c>
      <c r="MC9" s="418">
        <v>10500564</v>
      </c>
      <c r="MD9" s="422">
        <v>23031815</v>
      </c>
      <c r="ME9" s="424">
        <v>23031815</v>
      </c>
      <c r="MF9" s="421">
        <v>0</v>
      </c>
      <c r="MG9" s="418">
        <v>0</v>
      </c>
      <c r="MH9" s="422">
        <v>0</v>
      </c>
      <c r="MI9" s="429">
        <v>0</v>
      </c>
      <c r="MJ9" s="418">
        <v>9949368</v>
      </c>
      <c r="MK9" s="418">
        <v>32731897</v>
      </c>
      <c r="ML9" s="418">
        <v>92878691</v>
      </c>
      <c r="MM9" s="418">
        <v>150323440</v>
      </c>
      <c r="MN9" s="418">
        <v>107088427</v>
      </c>
      <c r="MO9" s="422">
        <v>392971823</v>
      </c>
      <c r="MP9" s="428">
        <v>392971823</v>
      </c>
      <c r="MQ9" s="421">
        <v>0</v>
      </c>
      <c r="MR9" s="418">
        <v>0</v>
      </c>
      <c r="MS9" s="422">
        <v>0</v>
      </c>
      <c r="MT9" s="429">
        <v>0</v>
      </c>
      <c r="MU9" s="418">
        <v>1062982</v>
      </c>
      <c r="MV9" s="418">
        <v>6712344</v>
      </c>
      <c r="MW9" s="418">
        <v>46297755</v>
      </c>
      <c r="MX9" s="418">
        <v>82550605</v>
      </c>
      <c r="MY9" s="418">
        <v>67040925</v>
      </c>
      <c r="MZ9" s="422">
        <v>203664611</v>
      </c>
      <c r="NA9" s="428">
        <v>203664611</v>
      </c>
      <c r="NB9" s="421">
        <v>0</v>
      </c>
      <c r="NC9" s="418">
        <v>0</v>
      </c>
      <c r="ND9" s="422">
        <v>0</v>
      </c>
      <c r="NE9" s="429">
        <v>0</v>
      </c>
      <c r="NF9" s="418">
        <v>8886386</v>
      </c>
      <c r="NG9" s="418">
        <v>25809051</v>
      </c>
      <c r="NH9" s="418">
        <v>45742525</v>
      </c>
      <c r="NI9" s="418">
        <v>61433458</v>
      </c>
      <c r="NJ9" s="418">
        <v>31096842</v>
      </c>
      <c r="NK9" s="422">
        <v>172968262</v>
      </c>
      <c r="NL9" s="420">
        <v>172968262</v>
      </c>
      <c r="NM9" s="421">
        <v>0</v>
      </c>
      <c r="NN9" s="418">
        <v>0</v>
      </c>
      <c r="NO9" s="422">
        <v>0</v>
      </c>
      <c r="NP9" s="429">
        <v>0</v>
      </c>
      <c r="NQ9" s="418">
        <v>0</v>
      </c>
      <c r="NR9" s="418">
        <v>0</v>
      </c>
      <c r="NS9" s="418">
        <v>0</v>
      </c>
      <c r="NT9" s="418">
        <v>2517803</v>
      </c>
      <c r="NU9" s="418">
        <v>3901930</v>
      </c>
      <c r="NV9" s="422">
        <v>6419733</v>
      </c>
      <c r="NW9" s="424">
        <v>6419733</v>
      </c>
      <c r="NX9" s="421">
        <v>0</v>
      </c>
      <c r="NY9" s="418">
        <v>0</v>
      </c>
      <c r="NZ9" s="422">
        <v>0</v>
      </c>
      <c r="OA9" s="429">
        <v>0</v>
      </c>
      <c r="OB9" s="418">
        <v>0</v>
      </c>
      <c r="OC9" s="418">
        <v>210502</v>
      </c>
      <c r="OD9" s="418">
        <v>838411</v>
      </c>
      <c r="OE9" s="418">
        <v>3821574</v>
      </c>
      <c r="OF9" s="418">
        <v>5048730</v>
      </c>
      <c r="OG9" s="422">
        <v>9919217</v>
      </c>
      <c r="OH9" s="424">
        <v>9919217</v>
      </c>
      <c r="OI9" s="421">
        <v>23179068</v>
      </c>
      <c r="OJ9" s="418">
        <v>40850443</v>
      </c>
      <c r="OK9" s="419">
        <v>64029511</v>
      </c>
      <c r="OL9" s="425">
        <v>0</v>
      </c>
      <c r="OM9" s="418">
        <v>294969948</v>
      </c>
      <c r="ON9" s="418">
        <v>413283007</v>
      </c>
      <c r="OO9" s="418">
        <v>444464593</v>
      </c>
      <c r="OP9" s="418">
        <v>504983717</v>
      </c>
      <c r="OQ9" s="418">
        <v>354112639</v>
      </c>
      <c r="OR9" s="422">
        <v>2011813904</v>
      </c>
      <c r="OS9" s="428">
        <v>2075843415</v>
      </c>
    </row>
    <row r="10" spans="1:409" s="473" customFormat="1" ht="21" customHeight="1" x14ac:dyDescent="0.2">
      <c r="A10" s="44"/>
      <c r="B10" s="474" t="s">
        <v>5</v>
      </c>
      <c r="C10" s="432">
        <v>10236478</v>
      </c>
      <c r="D10" s="433">
        <v>20020841</v>
      </c>
      <c r="E10" s="434">
        <v>30257319</v>
      </c>
      <c r="F10" s="435">
        <v>0</v>
      </c>
      <c r="G10" s="433">
        <v>90175792</v>
      </c>
      <c r="H10" s="433">
        <v>157264107</v>
      </c>
      <c r="I10" s="433">
        <v>124935490</v>
      </c>
      <c r="J10" s="433">
        <v>130068668</v>
      </c>
      <c r="K10" s="433">
        <v>83797004</v>
      </c>
      <c r="L10" s="435">
        <v>586241061</v>
      </c>
      <c r="M10" s="436">
        <v>616498380</v>
      </c>
      <c r="N10" s="432">
        <v>3676543</v>
      </c>
      <c r="O10" s="433">
        <v>7805850</v>
      </c>
      <c r="P10" s="434">
        <v>11482393</v>
      </c>
      <c r="Q10" s="432">
        <v>0</v>
      </c>
      <c r="R10" s="433">
        <v>29016281</v>
      </c>
      <c r="S10" s="433">
        <v>58690118</v>
      </c>
      <c r="T10" s="433">
        <v>41350241</v>
      </c>
      <c r="U10" s="433">
        <v>46923321</v>
      </c>
      <c r="V10" s="433">
        <v>38641035</v>
      </c>
      <c r="W10" s="434">
        <v>214620996</v>
      </c>
      <c r="X10" s="436">
        <v>226103389</v>
      </c>
      <c r="Y10" s="432">
        <v>0</v>
      </c>
      <c r="Z10" s="433">
        <v>0</v>
      </c>
      <c r="AA10" s="434">
        <v>0</v>
      </c>
      <c r="AB10" s="432">
        <v>0</v>
      </c>
      <c r="AC10" s="433">
        <v>11418658</v>
      </c>
      <c r="AD10" s="433">
        <v>23140017</v>
      </c>
      <c r="AE10" s="433">
        <v>18042679</v>
      </c>
      <c r="AF10" s="433">
        <v>23484113</v>
      </c>
      <c r="AG10" s="433">
        <v>18989915</v>
      </c>
      <c r="AH10" s="434">
        <v>95075382</v>
      </c>
      <c r="AI10" s="436">
        <v>95075382</v>
      </c>
      <c r="AJ10" s="432">
        <v>28753</v>
      </c>
      <c r="AK10" s="433">
        <v>28753</v>
      </c>
      <c r="AL10" s="434">
        <v>57506</v>
      </c>
      <c r="AM10" s="432">
        <v>0</v>
      </c>
      <c r="AN10" s="433">
        <v>67360</v>
      </c>
      <c r="AO10" s="433">
        <v>464240</v>
      </c>
      <c r="AP10" s="433">
        <v>1525218</v>
      </c>
      <c r="AQ10" s="433">
        <v>2762048</v>
      </c>
      <c r="AR10" s="433">
        <v>5184314</v>
      </c>
      <c r="AS10" s="434">
        <v>10003180</v>
      </c>
      <c r="AT10" s="436">
        <v>10060686</v>
      </c>
      <c r="AU10" s="432">
        <v>2090042</v>
      </c>
      <c r="AV10" s="433">
        <v>5003179</v>
      </c>
      <c r="AW10" s="434">
        <v>7093221</v>
      </c>
      <c r="AX10" s="432">
        <v>0</v>
      </c>
      <c r="AY10" s="433">
        <v>10956682</v>
      </c>
      <c r="AZ10" s="433">
        <v>24327257</v>
      </c>
      <c r="BA10" s="433">
        <v>13722076</v>
      </c>
      <c r="BB10" s="433">
        <v>11374400</v>
      </c>
      <c r="BC10" s="433">
        <v>8943533</v>
      </c>
      <c r="BD10" s="434">
        <v>69323948</v>
      </c>
      <c r="BE10" s="436">
        <v>76417169</v>
      </c>
      <c r="BF10" s="432">
        <v>124309</v>
      </c>
      <c r="BG10" s="433">
        <v>1083740</v>
      </c>
      <c r="BH10" s="437">
        <v>1208049</v>
      </c>
      <c r="BI10" s="438">
        <v>0</v>
      </c>
      <c r="BJ10" s="433">
        <v>875518</v>
      </c>
      <c r="BK10" s="433">
        <v>2089461</v>
      </c>
      <c r="BL10" s="433">
        <v>1114336</v>
      </c>
      <c r="BM10" s="433">
        <v>1577455</v>
      </c>
      <c r="BN10" s="433">
        <v>703136</v>
      </c>
      <c r="BO10" s="434">
        <v>6359906</v>
      </c>
      <c r="BP10" s="436">
        <v>7567955</v>
      </c>
      <c r="BQ10" s="432">
        <v>1433439</v>
      </c>
      <c r="BR10" s="433">
        <v>1690178</v>
      </c>
      <c r="BS10" s="434">
        <v>3123617</v>
      </c>
      <c r="BT10" s="432">
        <v>0</v>
      </c>
      <c r="BU10" s="433">
        <v>5698063</v>
      </c>
      <c r="BV10" s="433">
        <v>8669143</v>
      </c>
      <c r="BW10" s="433">
        <v>6945932</v>
      </c>
      <c r="BX10" s="433">
        <v>7725305</v>
      </c>
      <c r="BY10" s="433">
        <v>4820137</v>
      </c>
      <c r="BZ10" s="434">
        <v>33858580</v>
      </c>
      <c r="CA10" s="436">
        <v>36982197</v>
      </c>
      <c r="CB10" s="432">
        <v>1061298</v>
      </c>
      <c r="CC10" s="433">
        <v>2509982</v>
      </c>
      <c r="CD10" s="434">
        <v>3571280</v>
      </c>
      <c r="CE10" s="432">
        <v>0</v>
      </c>
      <c r="CF10" s="433">
        <v>21134279</v>
      </c>
      <c r="CG10" s="433">
        <v>32431394</v>
      </c>
      <c r="CH10" s="433">
        <v>21865071</v>
      </c>
      <c r="CI10" s="433">
        <v>14491815</v>
      </c>
      <c r="CJ10" s="433">
        <v>6650005</v>
      </c>
      <c r="CK10" s="434">
        <v>96572564</v>
      </c>
      <c r="CL10" s="436">
        <v>100143844</v>
      </c>
      <c r="CM10" s="432">
        <v>0</v>
      </c>
      <c r="CN10" s="433">
        <v>0</v>
      </c>
      <c r="CO10" s="434">
        <v>0</v>
      </c>
      <c r="CP10" s="438">
        <v>0</v>
      </c>
      <c r="CQ10" s="433">
        <v>17152760</v>
      </c>
      <c r="CR10" s="433">
        <v>22430293</v>
      </c>
      <c r="CS10" s="433">
        <v>14904892</v>
      </c>
      <c r="CT10" s="433">
        <v>8757295</v>
      </c>
      <c r="CU10" s="433">
        <v>3553883</v>
      </c>
      <c r="CV10" s="434">
        <v>66799123</v>
      </c>
      <c r="CW10" s="436">
        <v>66799123</v>
      </c>
      <c r="CX10" s="432">
        <v>1061298</v>
      </c>
      <c r="CY10" s="433">
        <v>2509982</v>
      </c>
      <c r="CZ10" s="434">
        <v>3571280</v>
      </c>
      <c r="DA10" s="432">
        <v>0</v>
      </c>
      <c r="DB10" s="433">
        <v>3981519</v>
      </c>
      <c r="DC10" s="433">
        <v>10001101</v>
      </c>
      <c r="DD10" s="433">
        <v>6960179</v>
      </c>
      <c r="DE10" s="433">
        <v>5734520</v>
      </c>
      <c r="DF10" s="433">
        <v>3096122</v>
      </c>
      <c r="DG10" s="434">
        <v>29773441</v>
      </c>
      <c r="DH10" s="436">
        <v>33344721</v>
      </c>
      <c r="DI10" s="432">
        <v>69517</v>
      </c>
      <c r="DJ10" s="433">
        <v>274365</v>
      </c>
      <c r="DK10" s="437">
        <v>343882</v>
      </c>
      <c r="DL10" s="438">
        <v>0</v>
      </c>
      <c r="DM10" s="433">
        <v>2559365</v>
      </c>
      <c r="DN10" s="433">
        <v>6852070</v>
      </c>
      <c r="DO10" s="433">
        <v>9924475</v>
      </c>
      <c r="DP10" s="433">
        <v>7697503</v>
      </c>
      <c r="DQ10" s="433">
        <v>4896956</v>
      </c>
      <c r="DR10" s="434">
        <v>31930369</v>
      </c>
      <c r="DS10" s="436">
        <v>32274251</v>
      </c>
      <c r="DT10" s="432">
        <v>28140</v>
      </c>
      <c r="DU10" s="433">
        <v>192340</v>
      </c>
      <c r="DV10" s="434">
        <v>220480</v>
      </c>
      <c r="DW10" s="432">
        <v>0</v>
      </c>
      <c r="DX10" s="433">
        <v>2282830</v>
      </c>
      <c r="DY10" s="433">
        <v>5223327</v>
      </c>
      <c r="DZ10" s="433">
        <v>8204484</v>
      </c>
      <c r="EA10" s="433">
        <v>6122636</v>
      </c>
      <c r="EB10" s="433">
        <v>3422185</v>
      </c>
      <c r="EC10" s="434">
        <v>25255462</v>
      </c>
      <c r="ED10" s="436">
        <v>25475942</v>
      </c>
      <c r="EE10" s="432">
        <v>41377</v>
      </c>
      <c r="EF10" s="437">
        <v>82025</v>
      </c>
      <c r="EG10" s="434">
        <v>123402</v>
      </c>
      <c r="EH10" s="432">
        <v>0</v>
      </c>
      <c r="EI10" s="433">
        <v>276535</v>
      </c>
      <c r="EJ10" s="433">
        <v>1628743</v>
      </c>
      <c r="EK10" s="433">
        <v>1719991</v>
      </c>
      <c r="EL10" s="433">
        <v>1574867</v>
      </c>
      <c r="EM10" s="433">
        <v>1474771</v>
      </c>
      <c r="EN10" s="437">
        <v>6674907</v>
      </c>
      <c r="EO10" s="436">
        <v>6798309</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v>0</v>
      </c>
      <c r="FE10" s="433">
        <v>0</v>
      </c>
      <c r="FF10" s="433">
        <v>0</v>
      </c>
      <c r="FG10" s="433">
        <v>0</v>
      </c>
      <c r="FH10" s="433">
        <v>0</v>
      </c>
      <c r="FI10" s="433">
        <v>0</v>
      </c>
      <c r="FJ10" s="434">
        <v>0</v>
      </c>
      <c r="FK10" s="436">
        <v>0</v>
      </c>
      <c r="FL10" s="432">
        <v>1039003</v>
      </c>
      <c r="FM10" s="433">
        <v>3259884</v>
      </c>
      <c r="FN10" s="434">
        <v>4298887</v>
      </c>
      <c r="FO10" s="432">
        <v>0</v>
      </c>
      <c r="FP10" s="433">
        <v>3000903</v>
      </c>
      <c r="FQ10" s="433">
        <v>12777100</v>
      </c>
      <c r="FR10" s="433">
        <v>9444240</v>
      </c>
      <c r="FS10" s="433">
        <v>8533189</v>
      </c>
      <c r="FT10" s="433">
        <v>6026475</v>
      </c>
      <c r="FU10" s="434">
        <v>39781907</v>
      </c>
      <c r="FV10" s="436">
        <v>44080794</v>
      </c>
      <c r="FW10" s="440">
        <v>778225</v>
      </c>
      <c r="FX10" s="433">
        <v>2524312</v>
      </c>
      <c r="FY10" s="437">
        <v>3302537</v>
      </c>
      <c r="FZ10" s="438">
        <v>0</v>
      </c>
      <c r="GA10" s="433">
        <v>2714551</v>
      </c>
      <c r="GB10" s="433">
        <v>12607252</v>
      </c>
      <c r="GC10" s="433">
        <v>9104991</v>
      </c>
      <c r="GD10" s="433">
        <v>8191372</v>
      </c>
      <c r="GE10" s="433">
        <v>5847660</v>
      </c>
      <c r="GF10" s="434">
        <v>38465826</v>
      </c>
      <c r="GG10" s="441">
        <v>41768363</v>
      </c>
      <c r="GH10" s="440">
        <v>20328</v>
      </c>
      <c r="GI10" s="433">
        <v>31464</v>
      </c>
      <c r="GJ10" s="437">
        <v>51792</v>
      </c>
      <c r="GK10" s="438">
        <v>0</v>
      </c>
      <c r="GL10" s="433">
        <v>87314</v>
      </c>
      <c r="GM10" s="433">
        <v>139048</v>
      </c>
      <c r="GN10" s="433">
        <v>87339</v>
      </c>
      <c r="GO10" s="433">
        <v>45507</v>
      </c>
      <c r="GP10" s="433">
        <v>178815</v>
      </c>
      <c r="GQ10" s="434">
        <v>538023</v>
      </c>
      <c r="GR10" s="436">
        <v>589815</v>
      </c>
      <c r="GS10" s="432">
        <v>240450</v>
      </c>
      <c r="GT10" s="433">
        <v>704108</v>
      </c>
      <c r="GU10" s="434">
        <v>944558</v>
      </c>
      <c r="GV10" s="432">
        <v>0</v>
      </c>
      <c r="GW10" s="433">
        <v>199038</v>
      </c>
      <c r="GX10" s="433">
        <v>30800</v>
      </c>
      <c r="GY10" s="433">
        <v>251910</v>
      </c>
      <c r="GZ10" s="433">
        <v>296310</v>
      </c>
      <c r="HA10" s="433">
        <v>0</v>
      </c>
      <c r="HB10" s="437">
        <v>778058</v>
      </c>
      <c r="HC10" s="436">
        <v>1722616</v>
      </c>
      <c r="HD10" s="432">
        <v>4390117</v>
      </c>
      <c r="HE10" s="433">
        <v>6170760</v>
      </c>
      <c r="HF10" s="437">
        <v>10560877</v>
      </c>
      <c r="HG10" s="438">
        <v>0</v>
      </c>
      <c r="HH10" s="433">
        <v>34464964</v>
      </c>
      <c r="HI10" s="433">
        <v>46513425</v>
      </c>
      <c r="HJ10" s="433">
        <v>42351463</v>
      </c>
      <c r="HK10" s="433">
        <v>52422840</v>
      </c>
      <c r="HL10" s="433">
        <v>27582533</v>
      </c>
      <c r="HM10" s="434">
        <v>203335225</v>
      </c>
      <c r="HN10" s="435">
        <v>213896102</v>
      </c>
      <c r="HO10" s="475">
        <v>0</v>
      </c>
      <c r="HP10" s="476">
        <v>0</v>
      </c>
      <c r="HQ10" s="477">
        <v>0</v>
      </c>
      <c r="HR10" s="478">
        <v>0</v>
      </c>
      <c r="HS10" s="476">
        <v>0</v>
      </c>
      <c r="HT10" s="476">
        <v>0</v>
      </c>
      <c r="HU10" s="476">
        <v>0</v>
      </c>
      <c r="HV10" s="476">
        <v>0</v>
      </c>
      <c r="HW10" s="476">
        <v>0</v>
      </c>
      <c r="HX10" s="479">
        <v>0</v>
      </c>
      <c r="HY10" s="480">
        <v>0</v>
      </c>
      <c r="HZ10" s="442">
        <v>356229</v>
      </c>
      <c r="IA10" s="443">
        <v>733756</v>
      </c>
      <c r="IB10" s="444">
        <v>1089985</v>
      </c>
      <c r="IC10" s="445">
        <v>0</v>
      </c>
      <c r="ID10" s="446">
        <v>19762579</v>
      </c>
      <c r="IE10" s="447">
        <v>30030718</v>
      </c>
      <c r="IF10" s="448">
        <v>32291042</v>
      </c>
      <c r="IG10" s="446">
        <v>26561502</v>
      </c>
      <c r="IH10" s="448">
        <v>16415986</v>
      </c>
      <c r="II10" s="449">
        <v>125061827</v>
      </c>
      <c r="IJ10" s="450">
        <v>126151812</v>
      </c>
      <c r="IK10" s="451">
        <v>0</v>
      </c>
      <c r="IL10" s="452">
        <v>0</v>
      </c>
      <c r="IM10" s="453">
        <v>0</v>
      </c>
      <c r="IN10" s="454">
        <v>0</v>
      </c>
      <c r="IO10" s="455">
        <v>607082</v>
      </c>
      <c r="IP10" s="455">
        <v>1509136</v>
      </c>
      <c r="IQ10" s="455">
        <v>2321336</v>
      </c>
      <c r="IR10" s="455">
        <v>2555523</v>
      </c>
      <c r="IS10" s="455">
        <v>1894919</v>
      </c>
      <c r="IT10" s="456">
        <v>8887996</v>
      </c>
      <c r="IU10" s="457">
        <v>8887996</v>
      </c>
      <c r="IV10" s="458">
        <v>0</v>
      </c>
      <c r="IW10" s="455">
        <v>0</v>
      </c>
      <c r="IX10" s="459">
        <v>0</v>
      </c>
      <c r="IY10" s="460">
        <v>0</v>
      </c>
      <c r="IZ10" s="455">
        <v>143113</v>
      </c>
      <c r="JA10" s="455">
        <v>351751</v>
      </c>
      <c r="JB10" s="455">
        <v>875310</v>
      </c>
      <c r="JC10" s="455">
        <v>595992</v>
      </c>
      <c r="JD10" s="455">
        <v>682233</v>
      </c>
      <c r="JE10" s="459">
        <v>2648399</v>
      </c>
      <c r="JF10" s="461">
        <v>2648399</v>
      </c>
      <c r="JG10" s="458">
        <v>0</v>
      </c>
      <c r="JH10" s="455">
        <v>0</v>
      </c>
      <c r="JI10" s="456">
        <v>0</v>
      </c>
      <c r="JJ10" s="462">
        <v>0</v>
      </c>
      <c r="JK10" s="455">
        <v>8458083</v>
      </c>
      <c r="JL10" s="455">
        <v>12368868</v>
      </c>
      <c r="JM10" s="455">
        <v>8758016</v>
      </c>
      <c r="JN10" s="455">
        <v>5860014</v>
      </c>
      <c r="JO10" s="455">
        <v>1903172</v>
      </c>
      <c r="JP10" s="459">
        <v>37348153</v>
      </c>
      <c r="JQ10" s="457">
        <v>37348153</v>
      </c>
      <c r="JR10" s="458">
        <v>16107</v>
      </c>
      <c r="JS10" s="455">
        <v>0</v>
      </c>
      <c r="JT10" s="456">
        <v>16107</v>
      </c>
      <c r="JU10" s="462">
        <v>0</v>
      </c>
      <c r="JV10" s="455">
        <v>1695766</v>
      </c>
      <c r="JW10" s="455">
        <v>3180264</v>
      </c>
      <c r="JX10" s="455">
        <v>2813783</v>
      </c>
      <c r="JY10" s="455">
        <v>2869249</v>
      </c>
      <c r="JZ10" s="455">
        <v>1283872</v>
      </c>
      <c r="KA10" s="459">
        <v>11842934</v>
      </c>
      <c r="KB10" s="457">
        <v>11859041</v>
      </c>
      <c r="KC10" s="463">
        <v>340122</v>
      </c>
      <c r="KD10" s="464">
        <v>733756</v>
      </c>
      <c r="KE10" s="459">
        <v>1073878</v>
      </c>
      <c r="KF10" s="462">
        <v>0</v>
      </c>
      <c r="KG10" s="455">
        <v>2962856</v>
      </c>
      <c r="KH10" s="455">
        <v>3825457</v>
      </c>
      <c r="KI10" s="455">
        <v>5267496</v>
      </c>
      <c r="KJ10" s="455">
        <v>4857218</v>
      </c>
      <c r="KK10" s="455">
        <v>1951420</v>
      </c>
      <c r="KL10" s="459">
        <v>18864447</v>
      </c>
      <c r="KM10" s="465">
        <v>19938325</v>
      </c>
      <c r="KN10" s="451">
        <v>0</v>
      </c>
      <c r="KO10" s="452">
        <v>0</v>
      </c>
      <c r="KP10" s="453">
        <v>0</v>
      </c>
      <c r="KQ10" s="454">
        <v>0</v>
      </c>
      <c r="KR10" s="455">
        <v>5582739</v>
      </c>
      <c r="KS10" s="455">
        <v>7830603</v>
      </c>
      <c r="KT10" s="455">
        <v>11019165</v>
      </c>
      <c r="KU10" s="455">
        <v>8102996</v>
      </c>
      <c r="KV10" s="455">
        <v>4328209</v>
      </c>
      <c r="KW10" s="459">
        <v>36863712</v>
      </c>
      <c r="KX10" s="457">
        <v>36863712</v>
      </c>
      <c r="KY10" s="458">
        <v>0</v>
      </c>
      <c r="KZ10" s="455">
        <v>0</v>
      </c>
      <c r="LA10" s="459">
        <v>0</v>
      </c>
      <c r="LB10" s="466">
        <v>0</v>
      </c>
      <c r="LC10" s="455">
        <v>0</v>
      </c>
      <c r="LD10" s="455">
        <v>0</v>
      </c>
      <c r="LE10" s="455">
        <v>0</v>
      </c>
      <c r="LF10" s="455">
        <v>0</v>
      </c>
      <c r="LG10" s="455">
        <v>0</v>
      </c>
      <c r="LH10" s="459">
        <v>0</v>
      </c>
      <c r="LI10" s="461">
        <v>0</v>
      </c>
      <c r="LJ10" s="458">
        <v>0</v>
      </c>
      <c r="LK10" s="455">
        <v>0</v>
      </c>
      <c r="LL10" s="459">
        <v>0</v>
      </c>
      <c r="LM10" s="466">
        <v>0</v>
      </c>
      <c r="LN10" s="455">
        <v>0</v>
      </c>
      <c r="LO10" s="455">
        <v>197977</v>
      </c>
      <c r="LP10" s="455">
        <v>0</v>
      </c>
      <c r="LQ10" s="455">
        <v>455380</v>
      </c>
      <c r="LR10" s="455">
        <v>0</v>
      </c>
      <c r="LS10" s="459">
        <v>653357</v>
      </c>
      <c r="LT10" s="457">
        <v>653357</v>
      </c>
      <c r="LU10" s="458">
        <v>0</v>
      </c>
      <c r="LV10" s="455">
        <v>0</v>
      </c>
      <c r="LW10" s="459">
        <v>0</v>
      </c>
      <c r="LX10" s="466">
        <v>0</v>
      </c>
      <c r="LY10" s="455">
        <v>312940</v>
      </c>
      <c r="LZ10" s="455">
        <v>766662</v>
      </c>
      <c r="MA10" s="455">
        <v>1235936</v>
      </c>
      <c r="MB10" s="455">
        <v>1265130</v>
      </c>
      <c r="MC10" s="455">
        <v>4372161</v>
      </c>
      <c r="MD10" s="459">
        <v>7952829</v>
      </c>
      <c r="ME10" s="461">
        <v>7952829</v>
      </c>
      <c r="MF10" s="458">
        <v>0</v>
      </c>
      <c r="MG10" s="455">
        <v>0</v>
      </c>
      <c r="MH10" s="459">
        <v>0</v>
      </c>
      <c r="MI10" s="466">
        <v>0</v>
      </c>
      <c r="MJ10" s="455">
        <v>4477840</v>
      </c>
      <c r="MK10" s="455">
        <v>18151051</v>
      </c>
      <c r="ML10" s="455">
        <v>47609634</v>
      </c>
      <c r="MM10" s="455">
        <v>69553173</v>
      </c>
      <c r="MN10" s="455">
        <v>50272197</v>
      </c>
      <c r="MO10" s="459">
        <v>190063895</v>
      </c>
      <c r="MP10" s="465">
        <v>190063895</v>
      </c>
      <c r="MQ10" s="458">
        <v>0</v>
      </c>
      <c r="MR10" s="455">
        <v>0</v>
      </c>
      <c r="MS10" s="459">
        <v>0</v>
      </c>
      <c r="MT10" s="466">
        <v>0</v>
      </c>
      <c r="MU10" s="455">
        <v>676122</v>
      </c>
      <c r="MV10" s="455">
        <v>5269789</v>
      </c>
      <c r="MW10" s="455">
        <v>24984462</v>
      </c>
      <c r="MX10" s="455">
        <v>37843315</v>
      </c>
      <c r="MY10" s="455">
        <v>28725520</v>
      </c>
      <c r="MZ10" s="459">
        <v>97499208</v>
      </c>
      <c r="NA10" s="465">
        <v>97499208</v>
      </c>
      <c r="NB10" s="458">
        <v>0</v>
      </c>
      <c r="NC10" s="455">
        <v>0</v>
      </c>
      <c r="ND10" s="459">
        <v>0</v>
      </c>
      <c r="NE10" s="466">
        <v>0</v>
      </c>
      <c r="NF10" s="455">
        <v>3801718</v>
      </c>
      <c r="NG10" s="455">
        <v>12881262</v>
      </c>
      <c r="NH10" s="455">
        <v>22377875</v>
      </c>
      <c r="NI10" s="455">
        <v>28893082</v>
      </c>
      <c r="NJ10" s="455">
        <v>18228716</v>
      </c>
      <c r="NK10" s="459">
        <v>86182653</v>
      </c>
      <c r="NL10" s="457">
        <v>86182653</v>
      </c>
      <c r="NM10" s="458">
        <v>0</v>
      </c>
      <c r="NN10" s="455">
        <v>0</v>
      </c>
      <c r="NO10" s="459">
        <v>0</v>
      </c>
      <c r="NP10" s="466">
        <v>0</v>
      </c>
      <c r="NQ10" s="455">
        <v>0</v>
      </c>
      <c r="NR10" s="455">
        <v>0</v>
      </c>
      <c r="NS10" s="455">
        <v>0</v>
      </c>
      <c r="NT10" s="455">
        <v>1031127</v>
      </c>
      <c r="NU10" s="455">
        <v>1546161</v>
      </c>
      <c r="NV10" s="459">
        <v>2577288</v>
      </c>
      <c r="NW10" s="461">
        <v>2577288</v>
      </c>
      <c r="NX10" s="458">
        <v>0</v>
      </c>
      <c r="NY10" s="455">
        <v>0</v>
      </c>
      <c r="NZ10" s="459">
        <v>0</v>
      </c>
      <c r="OA10" s="466">
        <v>0</v>
      </c>
      <c r="OB10" s="455">
        <v>0</v>
      </c>
      <c r="OC10" s="455">
        <v>0</v>
      </c>
      <c r="OD10" s="455">
        <v>247297</v>
      </c>
      <c r="OE10" s="455">
        <v>1785649</v>
      </c>
      <c r="OF10" s="455">
        <v>1771800</v>
      </c>
      <c r="OG10" s="459">
        <v>3804746</v>
      </c>
      <c r="OH10" s="461">
        <v>3804746</v>
      </c>
      <c r="OI10" s="458">
        <v>10592707</v>
      </c>
      <c r="OJ10" s="455">
        <v>20754597</v>
      </c>
      <c r="OK10" s="456">
        <v>31347304</v>
      </c>
      <c r="OL10" s="462">
        <v>0</v>
      </c>
      <c r="OM10" s="455">
        <v>114416211</v>
      </c>
      <c r="ON10" s="455">
        <v>205445876</v>
      </c>
      <c r="OO10" s="455">
        <v>204836166</v>
      </c>
      <c r="OP10" s="455">
        <v>226183343</v>
      </c>
      <c r="OQ10" s="455">
        <v>150485187</v>
      </c>
      <c r="OR10" s="459">
        <v>901366783</v>
      </c>
      <c r="OS10" s="465">
        <v>932714087</v>
      </c>
    </row>
    <row r="11" spans="1:409" ht="21" customHeight="1" x14ac:dyDescent="0.2">
      <c r="B11" s="126" t="s">
        <v>6</v>
      </c>
      <c r="C11" s="110">
        <v>3498843</v>
      </c>
      <c r="D11" s="114">
        <v>5379143</v>
      </c>
      <c r="E11" s="113">
        <v>8877986</v>
      </c>
      <c r="F11" s="109">
        <v>0</v>
      </c>
      <c r="G11" s="114">
        <v>46406188</v>
      </c>
      <c r="H11" s="114">
        <v>41894648</v>
      </c>
      <c r="I11" s="114">
        <v>44187757</v>
      </c>
      <c r="J11" s="114">
        <v>47027253</v>
      </c>
      <c r="K11" s="114">
        <v>36524587</v>
      </c>
      <c r="L11" s="109">
        <v>216040433</v>
      </c>
      <c r="M11" s="116">
        <v>224918419</v>
      </c>
      <c r="N11" s="110">
        <v>1071442</v>
      </c>
      <c r="O11" s="114">
        <v>2177950</v>
      </c>
      <c r="P11" s="113">
        <v>3249392</v>
      </c>
      <c r="Q11" s="110">
        <v>0</v>
      </c>
      <c r="R11" s="114">
        <v>16267009</v>
      </c>
      <c r="S11" s="114">
        <v>14143717</v>
      </c>
      <c r="T11" s="114">
        <v>16489005</v>
      </c>
      <c r="U11" s="114">
        <v>20321866</v>
      </c>
      <c r="V11" s="114">
        <v>16410006</v>
      </c>
      <c r="W11" s="113">
        <v>83631603</v>
      </c>
      <c r="X11" s="116">
        <v>86880995</v>
      </c>
      <c r="Y11" s="110">
        <v>0</v>
      </c>
      <c r="Z11" s="114">
        <v>0</v>
      </c>
      <c r="AA11" s="113">
        <v>0</v>
      </c>
      <c r="AB11" s="110">
        <v>0</v>
      </c>
      <c r="AC11" s="114">
        <v>6318699</v>
      </c>
      <c r="AD11" s="114">
        <v>5556631</v>
      </c>
      <c r="AE11" s="114">
        <v>7693145</v>
      </c>
      <c r="AF11" s="114">
        <v>9936727</v>
      </c>
      <c r="AG11" s="114">
        <v>9196442</v>
      </c>
      <c r="AH11" s="113">
        <v>38701644</v>
      </c>
      <c r="AI11" s="116">
        <v>38701644</v>
      </c>
      <c r="AJ11" s="110">
        <v>0</v>
      </c>
      <c r="AK11" s="114">
        <v>0</v>
      </c>
      <c r="AL11" s="113">
        <v>0</v>
      </c>
      <c r="AM11" s="110">
        <v>0</v>
      </c>
      <c r="AN11" s="114">
        <v>131359</v>
      </c>
      <c r="AO11" s="114">
        <v>260470</v>
      </c>
      <c r="AP11" s="114">
        <v>482690</v>
      </c>
      <c r="AQ11" s="114">
        <v>1566837</v>
      </c>
      <c r="AR11" s="114">
        <v>1587006</v>
      </c>
      <c r="AS11" s="113">
        <v>4028362</v>
      </c>
      <c r="AT11" s="116">
        <v>4028362</v>
      </c>
      <c r="AU11" s="110">
        <v>546954</v>
      </c>
      <c r="AV11" s="114">
        <v>1763865</v>
      </c>
      <c r="AW11" s="113">
        <v>2310819</v>
      </c>
      <c r="AX11" s="110">
        <v>0</v>
      </c>
      <c r="AY11" s="114">
        <v>6593757</v>
      </c>
      <c r="AZ11" s="114">
        <v>5405250</v>
      </c>
      <c r="BA11" s="114">
        <v>4755535</v>
      </c>
      <c r="BB11" s="114">
        <v>5314587</v>
      </c>
      <c r="BC11" s="114">
        <v>3003417</v>
      </c>
      <c r="BD11" s="113">
        <v>25072546</v>
      </c>
      <c r="BE11" s="116">
        <v>27383365</v>
      </c>
      <c r="BF11" s="110">
        <v>67647</v>
      </c>
      <c r="BG11" s="114">
        <v>0</v>
      </c>
      <c r="BH11" s="112">
        <v>67647</v>
      </c>
      <c r="BI11" s="111">
        <v>0</v>
      </c>
      <c r="BJ11" s="114">
        <v>479733</v>
      </c>
      <c r="BK11" s="114">
        <v>436310</v>
      </c>
      <c r="BL11" s="114">
        <v>858365</v>
      </c>
      <c r="BM11" s="114">
        <v>442075</v>
      </c>
      <c r="BN11" s="114">
        <v>330872</v>
      </c>
      <c r="BO11" s="113">
        <v>2547355</v>
      </c>
      <c r="BP11" s="116">
        <v>2615002</v>
      </c>
      <c r="BQ11" s="110">
        <v>456841</v>
      </c>
      <c r="BR11" s="114">
        <v>414085</v>
      </c>
      <c r="BS11" s="113">
        <v>870926</v>
      </c>
      <c r="BT11" s="110">
        <v>0</v>
      </c>
      <c r="BU11" s="114">
        <v>2743461</v>
      </c>
      <c r="BV11" s="114">
        <v>2485056</v>
      </c>
      <c r="BW11" s="114">
        <v>2699270</v>
      </c>
      <c r="BX11" s="114">
        <v>3061640</v>
      </c>
      <c r="BY11" s="114">
        <v>2292269</v>
      </c>
      <c r="BZ11" s="113">
        <v>13281696</v>
      </c>
      <c r="CA11" s="116">
        <v>14152622</v>
      </c>
      <c r="CB11" s="110">
        <v>163418</v>
      </c>
      <c r="CC11" s="114">
        <v>419108</v>
      </c>
      <c r="CD11" s="113">
        <v>582526</v>
      </c>
      <c r="CE11" s="110">
        <v>0</v>
      </c>
      <c r="CF11" s="114">
        <v>11646197</v>
      </c>
      <c r="CG11" s="114">
        <v>10500404</v>
      </c>
      <c r="CH11" s="114">
        <v>7775979</v>
      </c>
      <c r="CI11" s="114">
        <v>6555644</v>
      </c>
      <c r="CJ11" s="114">
        <v>2958875</v>
      </c>
      <c r="CK11" s="113">
        <v>39437099</v>
      </c>
      <c r="CL11" s="116">
        <v>40019625</v>
      </c>
      <c r="CM11" s="110">
        <v>0</v>
      </c>
      <c r="CN11" s="114">
        <v>0</v>
      </c>
      <c r="CO11" s="113">
        <v>0</v>
      </c>
      <c r="CP11" s="111">
        <v>0</v>
      </c>
      <c r="CQ11" s="114">
        <v>9794743</v>
      </c>
      <c r="CR11" s="114">
        <v>7781777</v>
      </c>
      <c r="CS11" s="114">
        <v>5316720</v>
      </c>
      <c r="CT11" s="114">
        <v>3994457</v>
      </c>
      <c r="CU11" s="114">
        <v>2338969</v>
      </c>
      <c r="CV11" s="113">
        <v>29226666</v>
      </c>
      <c r="CW11" s="116">
        <v>29226666</v>
      </c>
      <c r="CX11" s="110">
        <v>163418</v>
      </c>
      <c r="CY11" s="114">
        <v>419108</v>
      </c>
      <c r="CZ11" s="113">
        <v>582526</v>
      </c>
      <c r="DA11" s="110">
        <v>0</v>
      </c>
      <c r="DB11" s="114">
        <v>1851454</v>
      </c>
      <c r="DC11" s="114">
        <v>2718627</v>
      </c>
      <c r="DD11" s="114">
        <v>2459259</v>
      </c>
      <c r="DE11" s="114">
        <v>2561187</v>
      </c>
      <c r="DF11" s="114">
        <v>619906</v>
      </c>
      <c r="DG11" s="113">
        <v>10210433</v>
      </c>
      <c r="DH11" s="116">
        <v>10792959</v>
      </c>
      <c r="DI11" s="110">
        <v>0</v>
      </c>
      <c r="DJ11" s="114">
        <v>17889</v>
      </c>
      <c r="DK11" s="112">
        <v>17889</v>
      </c>
      <c r="DL11" s="111">
        <v>0</v>
      </c>
      <c r="DM11" s="114">
        <v>1066462</v>
      </c>
      <c r="DN11" s="114">
        <v>1543411</v>
      </c>
      <c r="DO11" s="114">
        <v>3108854</v>
      </c>
      <c r="DP11" s="114">
        <v>2987413</v>
      </c>
      <c r="DQ11" s="114">
        <v>1982514</v>
      </c>
      <c r="DR11" s="113">
        <v>10688654</v>
      </c>
      <c r="DS11" s="116">
        <v>10706543</v>
      </c>
      <c r="DT11" s="110">
        <v>0</v>
      </c>
      <c r="DU11" s="114">
        <v>17889</v>
      </c>
      <c r="DV11" s="113">
        <v>17889</v>
      </c>
      <c r="DW11" s="110">
        <v>0</v>
      </c>
      <c r="DX11" s="114">
        <v>846832</v>
      </c>
      <c r="DY11" s="114">
        <v>1024384</v>
      </c>
      <c r="DZ11" s="114">
        <v>2586702</v>
      </c>
      <c r="EA11" s="114">
        <v>2753833</v>
      </c>
      <c r="EB11" s="114">
        <v>1559781</v>
      </c>
      <c r="EC11" s="113">
        <v>8771532</v>
      </c>
      <c r="ED11" s="116">
        <v>8789421</v>
      </c>
      <c r="EE11" s="110">
        <v>0</v>
      </c>
      <c r="EF11" s="112">
        <v>0</v>
      </c>
      <c r="EG11" s="113">
        <v>0</v>
      </c>
      <c r="EH11" s="110">
        <v>0</v>
      </c>
      <c r="EI11" s="114">
        <v>219630</v>
      </c>
      <c r="EJ11" s="114">
        <v>519027</v>
      </c>
      <c r="EK11" s="114">
        <v>522152</v>
      </c>
      <c r="EL11" s="114">
        <v>233580</v>
      </c>
      <c r="EM11" s="114">
        <v>422733</v>
      </c>
      <c r="EN11" s="112">
        <v>1917122</v>
      </c>
      <c r="EO11" s="116">
        <v>1917122</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v>0</v>
      </c>
      <c r="FE11" s="114">
        <v>0</v>
      </c>
      <c r="FF11" s="114">
        <v>0</v>
      </c>
      <c r="FG11" s="114">
        <v>0</v>
      </c>
      <c r="FH11" s="114">
        <v>0</v>
      </c>
      <c r="FI11" s="114">
        <v>0</v>
      </c>
      <c r="FJ11" s="113">
        <v>0</v>
      </c>
      <c r="FK11" s="116">
        <v>0</v>
      </c>
      <c r="FL11" s="110">
        <v>755588</v>
      </c>
      <c r="FM11" s="114">
        <v>1151727</v>
      </c>
      <c r="FN11" s="113">
        <v>1907315</v>
      </c>
      <c r="FO11" s="110">
        <v>0</v>
      </c>
      <c r="FP11" s="114">
        <v>2667565</v>
      </c>
      <c r="FQ11" s="114">
        <v>4007741</v>
      </c>
      <c r="FR11" s="114">
        <v>4075144</v>
      </c>
      <c r="FS11" s="114">
        <v>3807214</v>
      </c>
      <c r="FT11" s="114">
        <v>2291737</v>
      </c>
      <c r="FU11" s="113">
        <v>16849401</v>
      </c>
      <c r="FV11" s="116">
        <v>18756716</v>
      </c>
      <c r="FW11" s="115">
        <v>426629</v>
      </c>
      <c r="FX11" s="114">
        <v>911505</v>
      </c>
      <c r="FY11" s="112">
        <v>1338134</v>
      </c>
      <c r="FZ11" s="111">
        <v>0</v>
      </c>
      <c r="GA11" s="114">
        <v>2055221</v>
      </c>
      <c r="GB11" s="114">
        <v>3795414</v>
      </c>
      <c r="GC11" s="114">
        <v>3881017</v>
      </c>
      <c r="GD11" s="114">
        <v>3400334</v>
      </c>
      <c r="GE11" s="114">
        <v>2172324</v>
      </c>
      <c r="GF11" s="113">
        <v>15304310</v>
      </c>
      <c r="GG11" s="318">
        <v>16642444</v>
      </c>
      <c r="GH11" s="115">
        <v>0</v>
      </c>
      <c r="GI11" s="114">
        <v>62510</v>
      </c>
      <c r="GJ11" s="112">
        <v>62510</v>
      </c>
      <c r="GK11" s="111">
        <v>0</v>
      </c>
      <c r="GL11" s="114">
        <v>129360</v>
      </c>
      <c r="GM11" s="114">
        <v>181527</v>
      </c>
      <c r="GN11" s="114">
        <v>160037</v>
      </c>
      <c r="GO11" s="114">
        <v>156383</v>
      </c>
      <c r="GP11" s="114">
        <v>119413</v>
      </c>
      <c r="GQ11" s="113">
        <v>746720</v>
      </c>
      <c r="GR11" s="116">
        <v>809230</v>
      </c>
      <c r="GS11" s="110">
        <v>328959</v>
      </c>
      <c r="GT11" s="114">
        <v>177712</v>
      </c>
      <c r="GU11" s="113">
        <v>506671</v>
      </c>
      <c r="GV11" s="110">
        <v>0</v>
      </c>
      <c r="GW11" s="114">
        <v>482984</v>
      </c>
      <c r="GX11" s="114">
        <v>30800</v>
      </c>
      <c r="GY11" s="114">
        <v>34090</v>
      </c>
      <c r="GZ11" s="114">
        <v>250497</v>
      </c>
      <c r="HA11" s="114">
        <v>0</v>
      </c>
      <c r="HB11" s="112">
        <v>798371</v>
      </c>
      <c r="HC11" s="116">
        <v>1305042</v>
      </c>
      <c r="HD11" s="110">
        <v>1508395</v>
      </c>
      <c r="HE11" s="114">
        <v>1612469</v>
      </c>
      <c r="HF11" s="112">
        <v>3120864</v>
      </c>
      <c r="HG11" s="111">
        <v>0</v>
      </c>
      <c r="HH11" s="114">
        <v>14758955</v>
      </c>
      <c r="HI11" s="114">
        <v>11699375</v>
      </c>
      <c r="HJ11" s="114">
        <v>12738775</v>
      </c>
      <c r="HK11" s="114">
        <v>13355116</v>
      </c>
      <c r="HL11" s="114">
        <v>12881455</v>
      </c>
      <c r="HM11" s="113">
        <v>65433676</v>
      </c>
      <c r="HN11" s="109">
        <v>68554540</v>
      </c>
      <c r="HO11" s="328">
        <v>0</v>
      </c>
      <c r="HP11" s="329">
        <v>0</v>
      </c>
      <c r="HQ11" s="330">
        <v>0</v>
      </c>
      <c r="HR11" s="331">
        <v>0</v>
      </c>
      <c r="HS11" s="329">
        <v>0</v>
      </c>
      <c r="HT11" s="329">
        <v>0</v>
      </c>
      <c r="HU11" s="329">
        <v>0</v>
      </c>
      <c r="HV11" s="329">
        <v>0</v>
      </c>
      <c r="HW11" s="329">
        <v>0</v>
      </c>
      <c r="HX11" s="332">
        <v>0</v>
      </c>
      <c r="HY11" s="333">
        <v>0</v>
      </c>
      <c r="HZ11" s="131">
        <v>78450</v>
      </c>
      <c r="IA11" s="132">
        <v>326212</v>
      </c>
      <c r="IB11" s="133">
        <v>404662</v>
      </c>
      <c r="IC11" s="146">
        <v>0</v>
      </c>
      <c r="ID11" s="132">
        <v>10731022</v>
      </c>
      <c r="IE11" s="147">
        <v>11071192</v>
      </c>
      <c r="IF11" s="133">
        <v>17045787</v>
      </c>
      <c r="IG11" s="132">
        <v>10385665</v>
      </c>
      <c r="IH11" s="133">
        <v>8852827</v>
      </c>
      <c r="II11" s="148">
        <v>58086493</v>
      </c>
      <c r="IJ11" s="139">
        <v>58491155</v>
      </c>
      <c r="IK11" s="232">
        <v>0</v>
      </c>
      <c r="IL11" s="236">
        <v>0</v>
      </c>
      <c r="IM11" s="237">
        <v>0</v>
      </c>
      <c r="IN11" s="140">
        <v>0</v>
      </c>
      <c r="IO11" s="119">
        <v>704153</v>
      </c>
      <c r="IP11" s="119">
        <v>612020</v>
      </c>
      <c r="IQ11" s="119">
        <v>1152614</v>
      </c>
      <c r="IR11" s="119">
        <v>1314626</v>
      </c>
      <c r="IS11" s="119">
        <v>1346246</v>
      </c>
      <c r="IT11" s="141">
        <v>5129659</v>
      </c>
      <c r="IU11" s="320">
        <v>5129659</v>
      </c>
      <c r="IV11" s="142">
        <v>0</v>
      </c>
      <c r="IW11" s="119">
        <v>0</v>
      </c>
      <c r="IX11" s="120">
        <v>0</v>
      </c>
      <c r="IY11" s="144">
        <v>0</v>
      </c>
      <c r="IZ11" s="119">
        <v>46461</v>
      </c>
      <c r="JA11" s="119">
        <v>67850</v>
      </c>
      <c r="JB11" s="119">
        <v>176061</v>
      </c>
      <c r="JC11" s="119">
        <v>214281</v>
      </c>
      <c r="JD11" s="119">
        <v>243542</v>
      </c>
      <c r="JE11" s="120">
        <v>748195</v>
      </c>
      <c r="JF11" s="121">
        <v>748195</v>
      </c>
      <c r="JG11" s="142">
        <v>0</v>
      </c>
      <c r="JH11" s="119">
        <v>0</v>
      </c>
      <c r="JI11" s="141">
        <v>0</v>
      </c>
      <c r="JJ11" s="118">
        <v>0</v>
      </c>
      <c r="JK11" s="119">
        <v>3974873</v>
      </c>
      <c r="JL11" s="119">
        <v>2758931</v>
      </c>
      <c r="JM11" s="119">
        <v>2273021</v>
      </c>
      <c r="JN11" s="119">
        <v>1247370</v>
      </c>
      <c r="JO11" s="119">
        <v>591752</v>
      </c>
      <c r="JP11" s="120">
        <v>10845947</v>
      </c>
      <c r="JQ11" s="320">
        <v>10845947</v>
      </c>
      <c r="JR11" s="142">
        <v>0</v>
      </c>
      <c r="JS11" s="119">
        <v>0</v>
      </c>
      <c r="JT11" s="141">
        <v>0</v>
      </c>
      <c r="JU11" s="118">
        <v>0</v>
      </c>
      <c r="JV11" s="119">
        <v>732889</v>
      </c>
      <c r="JW11" s="119">
        <v>1480653</v>
      </c>
      <c r="JX11" s="119">
        <v>1790852</v>
      </c>
      <c r="JY11" s="119">
        <v>425235</v>
      </c>
      <c r="JZ11" s="119">
        <v>538438</v>
      </c>
      <c r="KA11" s="120">
        <v>4968067</v>
      </c>
      <c r="KB11" s="320">
        <v>4968067</v>
      </c>
      <c r="KC11" s="234">
        <v>78450</v>
      </c>
      <c r="KD11" s="230">
        <v>326212</v>
      </c>
      <c r="KE11" s="120">
        <v>404662</v>
      </c>
      <c r="KF11" s="118">
        <v>0</v>
      </c>
      <c r="KG11" s="119">
        <v>1243402</v>
      </c>
      <c r="KH11" s="119">
        <v>773339</v>
      </c>
      <c r="KI11" s="119">
        <v>1485471</v>
      </c>
      <c r="KJ11" s="119">
        <v>199477</v>
      </c>
      <c r="KK11" s="119">
        <v>508716</v>
      </c>
      <c r="KL11" s="120">
        <v>4210405</v>
      </c>
      <c r="KM11" s="143">
        <v>4615067</v>
      </c>
      <c r="KN11" s="232">
        <v>0</v>
      </c>
      <c r="KO11" s="236">
        <v>0</v>
      </c>
      <c r="KP11" s="237">
        <v>0</v>
      </c>
      <c r="KQ11" s="140">
        <v>0</v>
      </c>
      <c r="KR11" s="119">
        <v>3301871</v>
      </c>
      <c r="KS11" s="119">
        <v>4607312</v>
      </c>
      <c r="KT11" s="119">
        <v>5979803</v>
      </c>
      <c r="KU11" s="119">
        <v>3997079</v>
      </c>
      <c r="KV11" s="119">
        <v>2809948</v>
      </c>
      <c r="KW11" s="120">
        <v>20696013</v>
      </c>
      <c r="KX11" s="320">
        <v>20696013</v>
      </c>
      <c r="KY11" s="142">
        <v>0</v>
      </c>
      <c r="KZ11" s="119">
        <v>0</v>
      </c>
      <c r="LA11" s="120">
        <v>0</v>
      </c>
      <c r="LB11" s="145">
        <v>0</v>
      </c>
      <c r="LC11" s="119">
        <v>0</v>
      </c>
      <c r="LD11" s="119">
        <v>0</v>
      </c>
      <c r="LE11" s="119">
        <v>0</v>
      </c>
      <c r="LF11" s="119">
        <v>0</v>
      </c>
      <c r="LG11" s="119">
        <v>0</v>
      </c>
      <c r="LH11" s="120">
        <v>0</v>
      </c>
      <c r="LI11" s="121">
        <v>0</v>
      </c>
      <c r="LJ11" s="142">
        <v>0</v>
      </c>
      <c r="LK11" s="119">
        <v>0</v>
      </c>
      <c r="LL11" s="120">
        <v>0</v>
      </c>
      <c r="LM11" s="145">
        <v>0</v>
      </c>
      <c r="LN11" s="119">
        <v>179352</v>
      </c>
      <c r="LO11" s="119">
        <v>0</v>
      </c>
      <c r="LP11" s="119">
        <v>2143106</v>
      </c>
      <c r="LQ11" s="119">
        <v>889740</v>
      </c>
      <c r="LR11" s="119">
        <v>773088</v>
      </c>
      <c r="LS11" s="120">
        <v>3985286</v>
      </c>
      <c r="LT11" s="320">
        <v>3985286</v>
      </c>
      <c r="LU11" s="142">
        <v>0</v>
      </c>
      <c r="LV11" s="119">
        <v>0</v>
      </c>
      <c r="LW11" s="120">
        <v>0</v>
      </c>
      <c r="LX11" s="145">
        <v>0</v>
      </c>
      <c r="LY11" s="119">
        <v>548021</v>
      </c>
      <c r="LZ11" s="119">
        <v>771087</v>
      </c>
      <c r="MA11" s="119">
        <v>2044859</v>
      </c>
      <c r="MB11" s="119">
        <v>2097857</v>
      </c>
      <c r="MC11" s="119">
        <v>2041097</v>
      </c>
      <c r="MD11" s="120">
        <v>7502921</v>
      </c>
      <c r="ME11" s="121">
        <v>7502921</v>
      </c>
      <c r="MF11" s="142">
        <v>0</v>
      </c>
      <c r="MG11" s="119">
        <v>0</v>
      </c>
      <c r="MH11" s="120">
        <v>0</v>
      </c>
      <c r="MI11" s="145">
        <v>0</v>
      </c>
      <c r="MJ11" s="119">
        <v>1701084</v>
      </c>
      <c r="MK11" s="119">
        <v>3443317</v>
      </c>
      <c r="ML11" s="119">
        <v>10837983</v>
      </c>
      <c r="MM11" s="119">
        <v>23714914</v>
      </c>
      <c r="MN11" s="119">
        <v>14440646</v>
      </c>
      <c r="MO11" s="120">
        <v>54137944</v>
      </c>
      <c r="MP11" s="143">
        <v>54137944</v>
      </c>
      <c r="MQ11" s="142">
        <v>0</v>
      </c>
      <c r="MR11" s="119">
        <v>0</v>
      </c>
      <c r="MS11" s="120">
        <v>0</v>
      </c>
      <c r="MT11" s="145">
        <v>0</v>
      </c>
      <c r="MU11" s="119">
        <v>161455</v>
      </c>
      <c r="MV11" s="119">
        <v>539768</v>
      </c>
      <c r="MW11" s="119">
        <v>6345041</v>
      </c>
      <c r="MX11" s="119">
        <v>11140210</v>
      </c>
      <c r="MY11" s="119">
        <v>7654593</v>
      </c>
      <c r="MZ11" s="120">
        <v>25841067</v>
      </c>
      <c r="NA11" s="143">
        <v>25841067</v>
      </c>
      <c r="NB11" s="142">
        <v>0</v>
      </c>
      <c r="NC11" s="119">
        <v>0</v>
      </c>
      <c r="ND11" s="120">
        <v>0</v>
      </c>
      <c r="NE11" s="145">
        <v>0</v>
      </c>
      <c r="NF11" s="119">
        <v>1539629</v>
      </c>
      <c r="NG11" s="119">
        <v>2903549</v>
      </c>
      <c r="NH11" s="119">
        <v>4492942</v>
      </c>
      <c r="NI11" s="119">
        <v>10973893</v>
      </c>
      <c r="NJ11" s="119">
        <v>4579347</v>
      </c>
      <c r="NK11" s="120">
        <v>24489360</v>
      </c>
      <c r="NL11" s="320">
        <v>24489360</v>
      </c>
      <c r="NM11" s="142">
        <v>0</v>
      </c>
      <c r="NN11" s="119">
        <v>0</v>
      </c>
      <c r="NO11" s="120">
        <v>0</v>
      </c>
      <c r="NP11" s="145">
        <v>0</v>
      </c>
      <c r="NQ11" s="119">
        <v>0</v>
      </c>
      <c r="NR11" s="119">
        <v>0</v>
      </c>
      <c r="NS11" s="119">
        <v>0</v>
      </c>
      <c r="NT11" s="119">
        <v>1257496</v>
      </c>
      <c r="NU11" s="119">
        <v>1618027</v>
      </c>
      <c r="NV11" s="120">
        <v>2875523</v>
      </c>
      <c r="NW11" s="121">
        <v>2875523</v>
      </c>
      <c r="NX11" s="142">
        <v>0</v>
      </c>
      <c r="NY11" s="119">
        <v>0</v>
      </c>
      <c r="NZ11" s="120">
        <v>0</v>
      </c>
      <c r="OA11" s="145">
        <v>0</v>
      </c>
      <c r="OB11" s="119">
        <v>0</v>
      </c>
      <c r="OC11" s="119">
        <v>0</v>
      </c>
      <c r="OD11" s="119">
        <v>0</v>
      </c>
      <c r="OE11" s="119">
        <v>343315</v>
      </c>
      <c r="OF11" s="119">
        <v>588679</v>
      </c>
      <c r="OG11" s="120">
        <v>931994</v>
      </c>
      <c r="OH11" s="121">
        <v>931994</v>
      </c>
      <c r="OI11" s="142">
        <v>3577293</v>
      </c>
      <c r="OJ11" s="119">
        <v>5705355</v>
      </c>
      <c r="OK11" s="141">
        <v>9282648</v>
      </c>
      <c r="OL11" s="118">
        <v>0</v>
      </c>
      <c r="OM11" s="119">
        <v>58838294</v>
      </c>
      <c r="ON11" s="119">
        <v>56409157</v>
      </c>
      <c r="OO11" s="119">
        <v>72071527</v>
      </c>
      <c r="OP11" s="119">
        <v>81127832</v>
      </c>
      <c r="OQ11" s="119">
        <v>59818060</v>
      </c>
      <c r="OR11" s="120">
        <v>328264870</v>
      </c>
      <c r="OS11" s="143">
        <v>337547518</v>
      </c>
    </row>
    <row r="12" spans="1:409" ht="21" customHeight="1" x14ac:dyDescent="0.2">
      <c r="B12" s="126" t="s">
        <v>14</v>
      </c>
      <c r="C12" s="110">
        <v>900088</v>
      </c>
      <c r="D12" s="114">
        <v>2552912</v>
      </c>
      <c r="E12" s="113">
        <v>3453000</v>
      </c>
      <c r="F12" s="109">
        <v>0</v>
      </c>
      <c r="G12" s="114">
        <v>11765575</v>
      </c>
      <c r="H12" s="114">
        <v>19653474</v>
      </c>
      <c r="I12" s="114">
        <v>17621476</v>
      </c>
      <c r="J12" s="114">
        <v>16943952</v>
      </c>
      <c r="K12" s="114">
        <v>11708287</v>
      </c>
      <c r="L12" s="112">
        <v>77692764</v>
      </c>
      <c r="M12" s="116">
        <v>81145764</v>
      </c>
      <c r="N12" s="110">
        <v>171259</v>
      </c>
      <c r="O12" s="114">
        <v>808740</v>
      </c>
      <c r="P12" s="113">
        <v>979999</v>
      </c>
      <c r="Q12" s="110">
        <v>0</v>
      </c>
      <c r="R12" s="114">
        <v>2923932</v>
      </c>
      <c r="S12" s="114">
        <v>6450483</v>
      </c>
      <c r="T12" s="114">
        <v>5808686</v>
      </c>
      <c r="U12" s="114">
        <v>6575264</v>
      </c>
      <c r="V12" s="114">
        <v>6068845</v>
      </c>
      <c r="W12" s="113">
        <v>27827210</v>
      </c>
      <c r="X12" s="116">
        <v>28807209</v>
      </c>
      <c r="Y12" s="110">
        <v>0</v>
      </c>
      <c r="Z12" s="114">
        <v>0</v>
      </c>
      <c r="AA12" s="113">
        <v>0</v>
      </c>
      <c r="AB12" s="110">
        <v>0</v>
      </c>
      <c r="AC12" s="114">
        <v>1303201</v>
      </c>
      <c r="AD12" s="114">
        <v>2461548</v>
      </c>
      <c r="AE12" s="114">
        <v>3063071</v>
      </c>
      <c r="AF12" s="114">
        <v>3449809</v>
      </c>
      <c r="AG12" s="114">
        <v>2949976</v>
      </c>
      <c r="AH12" s="113">
        <v>13227605</v>
      </c>
      <c r="AI12" s="116">
        <v>13227605</v>
      </c>
      <c r="AJ12" s="110">
        <v>0</v>
      </c>
      <c r="AK12" s="114">
        <v>0</v>
      </c>
      <c r="AL12" s="113">
        <v>0</v>
      </c>
      <c r="AM12" s="110">
        <v>0</v>
      </c>
      <c r="AN12" s="114">
        <v>12102</v>
      </c>
      <c r="AO12" s="114">
        <v>127665</v>
      </c>
      <c r="AP12" s="114">
        <v>165817</v>
      </c>
      <c r="AQ12" s="114">
        <v>477119</v>
      </c>
      <c r="AR12" s="114">
        <v>1057912</v>
      </c>
      <c r="AS12" s="113">
        <v>1840615</v>
      </c>
      <c r="AT12" s="116">
        <v>1840615</v>
      </c>
      <c r="AU12" s="110">
        <v>108588</v>
      </c>
      <c r="AV12" s="114">
        <v>520196</v>
      </c>
      <c r="AW12" s="113">
        <v>628784</v>
      </c>
      <c r="AX12" s="110">
        <v>0</v>
      </c>
      <c r="AY12" s="114">
        <v>803653</v>
      </c>
      <c r="AZ12" s="114">
        <v>2715496</v>
      </c>
      <c r="BA12" s="114">
        <v>1543014</v>
      </c>
      <c r="BB12" s="114">
        <v>1690608</v>
      </c>
      <c r="BC12" s="114">
        <v>1333650</v>
      </c>
      <c r="BD12" s="113">
        <v>8086421</v>
      </c>
      <c r="BE12" s="116">
        <v>8715205</v>
      </c>
      <c r="BF12" s="110">
        <v>0</v>
      </c>
      <c r="BG12" s="114">
        <v>93440</v>
      </c>
      <c r="BH12" s="112">
        <v>93440</v>
      </c>
      <c r="BI12" s="111">
        <v>0</v>
      </c>
      <c r="BJ12" s="114">
        <v>75065</v>
      </c>
      <c r="BK12" s="114">
        <v>202118</v>
      </c>
      <c r="BL12" s="114">
        <v>171199</v>
      </c>
      <c r="BM12" s="114">
        <v>82129</v>
      </c>
      <c r="BN12" s="114">
        <v>10920</v>
      </c>
      <c r="BO12" s="113">
        <v>541431</v>
      </c>
      <c r="BP12" s="116">
        <v>634871</v>
      </c>
      <c r="BQ12" s="110">
        <v>62671</v>
      </c>
      <c r="BR12" s="114">
        <v>195104</v>
      </c>
      <c r="BS12" s="113">
        <v>257775</v>
      </c>
      <c r="BT12" s="110">
        <v>0</v>
      </c>
      <c r="BU12" s="114">
        <v>729911</v>
      </c>
      <c r="BV12" s="114">
        <v>943656</v>
      </c>
      <c r="BW12" s="114">
        <v>865585</v>
      </c>
      <c r="BX12" s="114">
        <v>875599</v>
      </c>
      <c r="BY12" s="114">
        <v>716387</v>
      </c>
      <c r="BZ12" s="113">
        <v>4131138</v>
      </c>
      <c r="CA12" s="116">
        <v>4388913</v>
      </c>
      <c r="CB12" s="110">
        <v>55178</v>
      </c>
      <c r="CC12" s="114">
        <v>195149</v>
      </c>
      <c r="CD12" s="113">
        <v>250327</v>
      </c>
      <c r="CE12" s="110">
        <v>0</v>
      </c>
      <c r="CF12" s="114">
        <v>3865718</v>
      </c>
      <c r="CG12" s="114">
        <v>5877556</v>
      </c>
      <c r="CH12" s="114">
        <v>4640694</v>
      </c>
      <c r="CI12" s="114">
        <v>2346404</v>
      </c>
      <c r="CJ12" s="114">
        <v>968912</v>
      </c>
      <c r="CK12" s="113">
        <v>17699284</v>
      </c>
      <c r="CL12" s="116">
        <v>17949611</v>
      </c>
      <c r="CM12" s="110">
        <v>0</v>
      </c>
      <c r="CN12" s="114">
        <v>0</v>
      </c>
      <c r="CO12" s="113">
        <v>0</v>
      </c>
      <c r="CP12" s="111">
        <v>0</v>
      </c>
      <c r="CQ12" s="114">
        <v>3525811</v>
      </c>
      <c r="CR12" s="114">
        <v>4996956</v>
      </c>
      <c r="CS12" s="114">
        <v>4031560</v>
      </c>
      <c r="CT12" s="114">
        <v>1696390</v>
      </c>
      <c r="CU12" s="114">
        <v>942933</v>
      </c>
      <c r="CV12" s="113">
        <v>15193650</v>
      </c>
      <c r="CW12" s="116">
        <v>15193650</v>
      </c>
      <c r="CX12" s="110">
        <v>55178</v>
      </c>
      <c r="CY12" s="114">
        <v>195149</v>
      </c>
      <c r="CZ12" s="113">
        <v>250327</v>
      </c>
      <c r="DA12" s="110">
        <v>0</v>
      </c>
      <c r="DB12" s="114">
        <v>339907</v>
      </c>
      <c r="DC12" s="114">
        <v>880600</v>
      </c>
      <c r="DD12" s="114">
        <v>609134</v>
      </c>
      <c r="DE12" s="114">
        <v>650014</v>
      </c>
      <c r="DF12" s="114">
        <v>25979</v>
      </c>
      <c r="DG12" s="113">
        <v>2505634</v>
      </c>
      <c r="DH12" s="116">
        <v>2755961</v>
      </c>
      <c r="DI12" s="110">
        <v>0</v>
      </c>
      <c r="DJ12" s="114">
        <v>36719</v>
      </c>
      <c r="DK12" s="112">
        <v>36719</v>
      </c>
      <c r="DL12" s="111">
        <v>0</v>
      </c>
      <c r="DM12" s="114">
        <v>581756</v>
      </c>
      <c r="DN12" s="114">
        <v>1245983</v>
      </c>
      <c r="DO12" s="114">
        <v>1922761</v>
      </c>
      <c r="DP12" s="114">
        <v>1304942</v>
      </c>
      <c r="DQ12" s="114">
        <v>720451</v>
      </c>
      <c r="DR12" s="113">
        <v>5775893</v>
      </c>
      <c r="DS12" s="116">
        <v>5812612</v>
      </c>
      <c r="DT12" s="110">
        <v>0</v>
      </c>
      <c r="DU12" s="114">
        <v>36719</v>
      </c>
      <c r="DV12" s="113">
        <v>36719</v>
      </c>
      <c r="DW12" s="110">
        <v>0</v>
      </c>
      <c r="DX12" s="114">
        <v>581756</v>
      </c>
      <c r="DY12" s="114">
        <v>1108952</v>
      </c>
      <c r="DZ12" s="114">
        <v>1862968</v>
      </c>
      <c r="EA12" s="114">
        <v>1304942</v>
      </c>
      <c r="EB12" s="114">
        <v>720451</v>
      </c>
      <c r="EC12" s="113">
        <v>5579069</v>
      </c>
      <c r="ED12" s="116">
        <v>5615788</v>
      </c>
      <c r="EE12" s="110">
        <v>0</v>
      </c>
      <c r="EF12" s="112">
        <v>0</v>
      </c>
      <c r="EG12" s="113">
        <v>0</v>
      </c>
      <c r="EH12" s="110">
        <v>0</v>
      </c>
      <c r="EI12" s="114">
        <v>0</v>
      </c>
      <c r="EJ12" s="114">
        <v>137031</v>
      </c>
      <c r="EK12" s="114">
        <v>59793</v>
      </c>
      <c r="EL12" s="114">
        <v>0</v>
      </c>
      <c r="EM12" s="114">
        <v>0</v>
      </c>
      <c r="EN12" s="112">
        <v>196824</v>
      </c>
      <c r="EO12" s="116">
        <v>196824</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v>0</v>
      </c>
      <c r="FE12" s="114">
        <v>0</v>
      </c>
      <c r="FF12" s="114">
        <v>0</v>
      </c>
      <c r="FG12" s="114">
        <v>0</v>
      </c>
      <c r="FH12" s="114">
        <v>0</v>
      </c>
      <c r="FI12" s="114">
        <v>0</v>
      </c>
      <c r="FJ12" s="113">
        <v>0</v>
      </c>
      <c r="FK12" s="116">
        <v>0</v>
      </c>
      <c r="FL12" s="110">
        <v>303408</v>
      </c>
      <c r="FM12" s="114">
        <v>773031</v>
      </c>
      <c r="FN12" s="113">
        <v>1076439</v>
      </c>
      <c r="FO12" s="110">
        <v>0</v>
      </c>
      <c r="FP12" s="114">
        <v>525197</v>
      </c>
      <c r="FQ12" s="114">
        <v>2040227</v>
      </c>
      <c r="FR12" s="114">
        <v>1682464</v>
      </c>
      <c r="FS12" s="114">
        <v>1591626</v>
      </c>
      <c r="FT12" s="114">
        <v>1059849</v>
      </c>
      <c r="FU12" s="113">
        <v>6899363</v>
      </c>
      <c r="FV12" s="116">
        <v>7975802</v>
      </c>
      <c r="FW12" s="115">
        <v>142653</v>
      </c>
      <c r="FX12" s="114">
        <v>489531</v>
      </c>
      <c r="FY12" s="112">
        <v>632184</v>
      </c>
      <c r="FZ12" s="111">
        <v>0</v>
      </c>
      <c r="GA12" s="114">
        <v>385197</v>
      </c>
      <c r="GB12" s="114">
        <v>1853628</v>
      </c>
      <c r="GC12" s="114">
        <v>1544830</v>
      </c>
      <c r="GD12" s="114">
        <v>1435666</v>
      </c>
      <c r="GE12" s="114">
        <v>1059849</v>
      </c>
      <c r="GF12" s="113">
        <v>6279170</v>
      </c>
      <c r="GG12" s="318">
        <v>6911354</v>
      </c>
      <c r="GH12" s="115">
        <v>8855</v>
      </c>
      <c r="GI12" s="114">
        <v>18900</v>
      </c>
      <c r="GJ12" s="112">
        <v>27755</v>
      </c>
      <c r="GK12" s="111">
        <v>0</v>
      </c>
      <c r="GL12" s="114">
        <v>0</v>
      </c>
      <c r="GM12" s="114">
        <v>8085</v>
      </c>
      <c r="GN12" s="114">
        <v>55083</v>
      </c>
      <c r="GO12" s="114">
        <v>86660</v>
      </c>
      <c r="GP12" s="114">
        <v>0</v>
      </c>
      <c r="GQ12" s="113">
        <v>149828</v>
      </c>
      <c r="GR12" s="116">
        <v>177583</v>
      </c>
      <c r="GS12" s="110">
        <v>151900</v>
      </c>
      <c r="GT12" s="114">
        <v>264600</v>
      </c>
      <c r="GU12" s="113">
        <v>416500</v>
      </c>
      <c r="GV12" s="110">
        <v>0</v>
      </c>
      <c r="GW12" s="114">
        <v>140000</v>
      </c>
      <c r="GX12" s="114">
        <v>178514</v>
      </c>
      <c r="GY12" s="114">
        <v>82551</v>
      </c>
      <c r="GZ12" s="114">
        <v>69300</v>
      </c>
      <c r="HA12" s="114">
        <v>0</v>
      </c>
      <c r="HB12" s="112">
        <v>470365</v>
      </c>
      <c r="HC12" s="116">
        <v>886865</v>
      </c>
      <c r="HD12" s="110">
        <v>370243</v>
      </c>
      <c r="HE12" s="114">
        <v>739273</v>
      </c>
      <c r="HF12" s="112">
        <v>1109516</v>
      </c>
      <c r="HG12" s="111">
        <v>0</v>
      </c>
      <c r="HH12" s="114">
        <v>3868972</v>
      </c>
      <c r="HI12" s="114">
        <v>4039225</v>
      </c>
      <c r="HJ12" s="114">
        <v>3566871</v>
      </c>
      <c r="HK12" s="114">
        <v>5125716</v>
      </c>
      <c r="HL12" s="114">
        <v>2890230</v>
      </c>
      <c r="HM12" s="113">
        <v>19491014</v>
      </c>
      <c r="HN12" s="109">
        <v>20600530</v>
      </c>
      <c r="HO12" s="328">
        <v>0</v>
      </c>
      <c r="HP12" s="329">
        <v>0</v>
      </c>
      <c r="HQ12" s="330">
        <v>0</v>
      </c>
      <c r="HR12" s="331">
        <v>0</v>
      </c>
      <c r="HS12" s="329">
        <v>0</v>
      </c>
      <c r="HT12" s="329">
        <v>0</v>
      </c>
      <c r="HU12" s="329">
        <v>0</v>
      </c>
      <c r="HV12" s="329">
        <v>0</v>
      </c>
      <c r="HW12" s="329">
        <v>0</v>
      </c>
      <c r="HX12" s="332">
        <v>0</v>
      </c>
      <c r="HY12" s="333">
        <v>0</v>
      </c>
      <c r="HZ12" s="131">
        <v>0</v>
      </c>
      <c r="IA12" s="132">
        <v>139344</v>
      </c>
      <c r="IB12" s="133">
        <v>139344</v>
      </c>
      <c r="IC12" s="134">
        <v>0</v>
      </c>
      <c r="ID12" s="135">
        <v>2951160</v>
      </c>
      <c r="IE12" s="136">
        <v>4791991</v>
      </c>
      <c r="IF12" s="137">
        <v>5269471</v>
      </c>
      <c r="IG12" s="135">
        <v>2651307</v>
      </c>
      <c r="IH12" s="137">
        <v>2406344</v>
      </c>
      <c r="II12" s="138">
        <v>18070273</v>
      </c>
      <c r="IJ12" s="139">
        <v>18209617</v>
      </c>
      <c r="IK12" s="232">
        <v>0</v>
      </c>
      <c r="IL12" s="236">
        <v>0</v>
      </c>
      <c r="IM12" s="237">
        <v>0</v>
      </c>
      <c r="IN12" s="140">
        <v>0</v>
      </c>
      <c r="IO12" s="119">
        <v>104941</v>
      </c>
      <c r="IP12" s="119">
        <v>176996</v>
      </c>
      <c r="IQ12" s="119">
        <v>0</v>
      </c>
      <c r="IR12" s="119">
        <v>259903</v>
      </c>
      <c r="IS12" s="119">
        <v>219254</v>
      </c>
      <c r="IT12" s="141">
        <v>761094</v>
      </c>
      <c r="IU12" s="320">
        <v>761094</v>
      </c>
      <c r="IV12" s="142">
        <v>0</v>
      </c>
      <c r="IW12" s="119">
        <v>0</v>
      </c>
      <c r="IX12" s="120">
        <v>0</v>
      </c>
      <c r="IY12" s="144">
        <v>0</v>
      </c>
      <c r="IZ12" s="119">
        <v>0</v>
      </c>
      <c r="JA12" s="119">
        <v>0</v>
      </c>
      <c r="JB12" s="119">
        <v>0</v>
      </c>
      <c r="JC12" s="119">
        <v>0</v>
      </c>
      <c r="JD12" s="119">
        <v>0</v>
      </c>
      <c r="JE12" s="120">
        <v>0</v>
      </c>
      <c r="JF12" s="121">
        <v>0</v>
      </c>
      <c r="JG12" s="142">
        <v>0</v>
      </c>
      <c r="JH12" s="119">
        <v>0</v>
      </c>
      <c r="JI12" s="141">
        <v>0</v>
      </c>
      <c r="JJ12" s="118">
        <v>0</v>
      </c>
      <c r="JK12" s="119">
        <v>1222705</v>
      </c>
      <c r="JL12" s="119">
        <v>1751428</v>
      </c>
      <c r="JM12" s="119">
        <v>1654603</v>
      </c>
      <c r="JN12" s="119">
        <v>182188</v>
      </c>
      <c r="JO12" s="119">
        <v>166025</v>
      </c>
      <c r="JP12" s="120">
        <v>4976949</v>
      </c>
      <c r="JQ12" s="320">
        <v>4976949</v>
      </c>
      <c r="JR12" s="142">
        <v>0</v>
      </c>
      <c r="JS12" s="119">
        <v>0</v>
      </c>
      <c r="JT12" s="141">
        <v>0</v>
      </c>
      <c r="JU12" s="118">
        <v>0</v>
      </c>
      <c r="JV12" s="119">
        <v>38264</v>
      </c>
      <c r="JW12" s="119">
        <v>124473</v>
      </c>
      <c r="JX12" s="119">
        <v>0</v>
      </c>
      <c r="JY12" s="119">
        <v>0</v>
      </c>
      <c r="JZ12" s="119">
        <v>123600</v>
      </c>
      <c r="KA12" s="120">
        <v>286337</v>
      </c>
      <c r="KB12" s="320">
        <v>286337</v>
      </c>
      <c r="KC12" s="234">
        <v>0</v>
      </c>
      <c r="KD12" s="230">
        <v>139344</v>
      </c>
      <c r="KE12" s="120">
        <v>139344</v>
      </c>
      <c r="KF12" s="118">
        <v>0</v>
      </c>
      <c r="KG12" s="119">
        <v>206307</v>
      </c>
      <c r="KH12" s="119">
        <v>1008052</v>
      </c>
      <c r="KI12" s="119">
        <v>991106</v>
      </c>
      <c r="KJ12" s="119">
        <v>631866</v>
      </c>
      <c r="KK12" s="119">
        <v>252491</v>
      </c>
      <c r="KL12" s="120">
        <v>3089822</v>
      </c>
      <c r="KM12" s="143">
        <v>3229166</v>
      </c>
      <c r="KN12" s="232">
        <v>0</v>
      </c>
      <c r="KO12" s="236">
        <v>0</v>
      </c>
      <c r="KP12" s="237">
        <v>0</v>
      </c>
      <c r="KQ12" s="140">
        <v>0</v>
      </c>
      <c r="KR12" s="119">
        <v>1129722</v>
      </c>
      <c r="KS12" s="119">
        <v>1566602</v>
      </c>
      <c r="KT12" s="119">
        <v>2442987</v>
      </c>
      <c r="KU12" s="119">
        <v>1249017</v>
      </c>
      <c r="KV12" s="119">
        <v>1056224</v>
      </c>
      <c r="KW12" s="120">
        <v>7444552</v>
      </c>
      <c r="KX12" s="320">
        <v>7444552</v>
      </c>
      <c r="KY12" s="142">
        <v>0</v>
      </c>
      <c r="KZ12" s="119">
        <v>0</v>
      </c>
      <c r="LA12" s="120">
        <v>0</v>
      </c>
      <c r="LB12" s="145">
        <v>0</v>
      </c>
      <c r="LC12" s="119">
        <v>0</v>
      </c>
      <c r="LD12" s="119">
        <v>0</v>
      </c>
      <c r="LE12" s="119">
        <v>0</v>
      </c>
      <c r="LF12" s="119">
        <v>0</v>
      </c>
      <c r="LG12" s="119">
        <v>0</v>
      </c>
      <c r="LH12" s="120">
        <v>0</v>
      </c>
      <c r="LI12" s="121">
        <v>0</v>
      </c>
      <c r="LJ12" s="142">
        <v>0</v>
      </c>
      <c r="LK12" s="119">
        <v>0</v>
      </c>
      <c r="LL12" s="120">
        <v>0</v>
      </c>
      <c r="LM12" s="145">
        <v>0</v>
      </c>
      <c r="LN12" s="119">
        <v>0</v>
      </c>
      <c r="LO12" s="119">
        <v>164440</v>
      </c>
      <c r="LP12" s="119">
        <v>180775</v>
      </c>
      <c r="LQ12" s="119">
        <v>0</v>
      </c>
      <c r="LR12" s="119">
        <v>0</v>
      </c>
      <c r="LS12" s="120">
        <v>345215</v>
      </c>
      <c r="LT12" s="320">
        <v>345215</v>
      </c>
      <c r="LU12" s="142">
        <v>0</v>
      </c>
      <c r="LV12" s="119">
        <v>0</v>
      </c>
      <c r="LW12" s="120">
        <v>0</v>
      </c>
      <c r="LX12" s="145">
        <v>0</v>
      </c>
      <c r="LY12" s="119">
        <v>249221</v>
      </c>
      <c r="LZ12" s="119">
        <v>0</v>
      </c>
      <c r="MA12" s="119">
        <v>0</v>
      </c>
      <c r="MB12" s="119">
        <v>328333</v>
      </c>
      <c r="MC12" s="119">
        <v>588750</v>
      </c>
      <c r="MD12" s="120">
        <v>1166304</v>
      </c>
      <c r="ME12" s="121">
        <v>1166304</v>
      </c>
      <c r="MF12" s="142">
        <v>0</v>
      </c>
      <c r="MG12" s="119">
        <v>0</v>
      </c>
      <c r="MH12" s="120">
        <v>0</v>
      </c>
      <c r="MI12" s="145">
        <v>0</v>
      </c>
      <c r="MJ12" s="119">
        <v>136204</v>
      </c>
      <c r="MK12" s="119">
        <v>1849489</v>
      </c>
      <c r="ML12" s="119">
        <v>5610979</v>
      </c>
      <c r="MM12" s="119">
        <v>10547117</v>
      </c>
      <c r="MN12" s="119">
        <v>6224891</v>
      </c>
      <c r="MO12" s="120">
        <v>24368680</v>
      </c>
      <c r="MP12" s="143">
        <v>24368680</v>
      </c>
      <c r="MQ12" s="142">
        <v>0</v>
      </c>
      <c r="MR12" s="119">
        <v>0</v>
      </c>
      <c r="MS12" s="120">
        <v>0</v>
      </c>
      <c r="MT12" s="145">
        <v>0</v>
      </c>
      <c r="MU12" s="119">
        <v>0</v>
      </c>
      <c r="MV12" s="119">
        <v>0</v>
      </c>
      <c r="MW12" s="119">
        <v>3217059</v>
      </c>
      <c r="MX12" s="119">
        <v>6654604</v>
      </c>
      <c r="MY12" s="119">
        <v>4907961</v>
      </c>
      <c r="MZ12" s="120">
        <v>14779624</v>
      </c>
      <c r="NA12" s="143">
        <v>14779624</v>
      </c>
      <c r="NB12" s="142">
        <v>0</v>
      </c>
      <c r="NC12" s="119">
        <v>0</v>
      </c>
      <c r="ND12" s="120">
        <v>0</v>
      </c>
      <c r="NE12" s="145">
        <v>0</v>
      </c>
      <c r="NF12" s="119">
        <v>136204</v>
      </c>
      <c r="NG12" s="119">
        <v>1849489</v>
      </c>
      <c r="NH12" s="119">
        <v>2130914</v>
      </c>
      <c r="NI12" s="119">
        <v>3040680</v>
      </c>
      <c r="NJ12" s="119">
        <v>484143</v>
      </c>
      <c r="NK12" s="120">
        <v>7641430</v>
      </c>
      <c r="NL12" s="320">
        <v>7641430</v>
      </c>
      <c r="NM12" s="142">
        <v>0</v>
      </c>
      <c r="NN12" s="119">
        <v>0</v>
      </c>
      <c r="NO12" s="120">
        <v>0</v>
      </c>
      <c r="NP12" s="145">
        <v>0</v>
      </c>
      <c r="NQ12" s="119">
        <v>0</v>
      </c>
      <c r="NR12" s="119">
        <v>0</v>
      </c>
      <c r="NS12" s="119">
        <v>0</v>
      </c>
      <c r="NT12" s="119">
        <v>0</v>
      </c>
      <c r="NU12" s="119">
        <v>491828</v>
      </c>
      <c r="NV12" s="120">
        <v>491828</v>
      </c>
      <c r="NW12" s="121">
        <v>491828</v>
      </c>
      <c r="NX12" s="142">
        <v>0</v>
      </c>
      <c r="NY12" s="119">
        <v>0</v>
      </c>
      <c r="NZ12" s="120">
        <v>0</v>
      </c>
      <c r="OA12" s="145">
        <v>0</v>
      </c>
      <c r="OB12" s="119">
        <v>0</v>
      </c>
      <c r="OC12" s="119">
        <v>0</v>
      </c>
      <c r="OD12" s="119">
        <v>263006</v>
      </c>
      <c r="OE12" s="119">
        <v>851833</v>
      </c>
      <c r="OF12" s="119">
        <v>340959</v>
      </c>
      <c r="OG12" s="120">
        <v>1455798</v>
      </c>
      <c r="OH12" s="121">
        <v>1455798</v>
      </c>
      <c r="OI12" s="142">
        <v>900088</v>
      </c>
      <c r="OJ12" s="119">
        <v>2692256</v>
      </c>
      <c r="OK12" s="141">
        <v>3592344</v>
      </c>
      <c r="OL12" s="118">
        <v>0</v>
      </c>
      <c r="OM12" s="119">
        <v>14852939</v>
      </c>
      <c r="ON12" s="119">
        <v>26294954</v>
      </c>
      <c r="OO12" s="119">
        <v>28501926</v>
      </c>
      <c r="OP12" s="119">
        <v>30142376</v>
      </c>
      <c r="OQ12" s="119">
        <v>20339522</v>
      </c>
      <c r="OR12" s="120">
        <v>120131717</v>
      </c>
      <c r="OS12" s="143">
        <v>123724061</v>
      </c>
    </row>
    <row r="13" spans="1:409" ht="21" customHeight="1" x14ac:dyDescent="0.2">
      <c r="B13" s="126" t="s">
        <v>7</v>
      </c>
      <c r="C13" s="110">
        <v>488134</v>
      </c>
      <c r="D13" s="114">
        <v>640062</v>
      </c>
      <c r="E13" s="113">
        <v>1128196</v>
      </c>
      <c r="F13" s="109">
        <v>0</v>
      </c>
      <c r="G13" s="114">
        <v>11105006</v>
      </c>
      <c r="H13" s="114">
        <v>9129495</v>
      </c>
      <c r="I13" s="114">
        <v>8496378</v>
      </c>
      <c r="J13" s="114">
        <v>10769016</v>
      </c>
      <c r="K13" s="114">
        <v>5064111</v>
      </c>
      <c r="L13" s="109">
        <v>44564006</v>
      </c>
      <c r="M13" s="116">
        <v>45692202</v>
      </c>
      <c r="N13" s="110">
        <v>124060</v>
      </c>
      <c r="O13" s="114">
        <v>41272</v>
      </c>
      <c r="P13" s="113">
        <v>165332</v>
      </c>
      <c r="Q13" s="110">
        <v>0</v>
      </c>
      <c r="R13" s="114">
        <v>3119883</v>
      </c>
      <c r="S13" s="114">
        <v>2815705</v>
      </c>
      <c r="T13" s="114">
        <v>3157559</v>
      </c>
      <c r="U13" s="114">
        <v>2991993</v>
      </c>
      <c r="V13" s="114">
        <v>2829508</v>
      </c>
      <c r="W13" s="113">
        <v>14914648</v>
      </c>
      <c r="X13" s="116">
        <v>15079980</v>
      </c>
      <c r="Y13" s="110">
        <v>0</v>
      </c>
      <c r="Z13" s="114">
        <v>0</v>
      </c>
      <c r="AA13" s="113">
        <v>0</v>
      </c>
      <c r="AB13" s="110">
        <v>0</v>
      </c>
      <c r="AC13" s="114">
        <v>1490843</v>
      </c>
      <c r="AD13" s="114">
        <v>1000884</v>
      </c>
      <c r="AE13" s="114">
        <v>1804424</v>
      </c>
      <c r="AF13" s="114">
        <v>1467020</v>
      </c>
      <c r="AG13" s="114">
        <v>1382207</v>
      </c>
      <c r="AH13" s="113">
        <v>7145378</v>
      </c>
      <c r="AI13" s="116">
        <v>7145378</v>
      </c>
      <c r="AJ13" s="110">
        <v>0</v>
      </c>
      <c r="AK13" s="114">
        <v>0</v>
      </c>
      <c r="AL13" s="113">
        <v>0</v>
      </c>
      <c r="AM13" s="110">
        <v>0</v>
      </c>
      <c r="AN13" s="114">
        <v>40917</v>
      </c>
      <c r="AO13" s="114">
        <v>207817</v>
      </c>
      <c r="AP13" s="114">
        <v>40917</v>
      </c>
      <c r="AQ13" s="114">
        <v>165309</v>
      </c>
      <c r="AR13" s="114">
        <v>468506</v>
      </c>
      <c r="AS13" s="113">
        <v>923466</v>
      </c>
      <c r="AT13" s="116">
        <v>923466</v>
      </c>
      <c r="AU13" s="110">
        <v>25616</v>
      </c>
      <c r="AV13" s="114">
        <v>0</v>
      </c>
      <c r="AW13" s="113">
        <v>25616</v>
      </c>
      <c r="AX13" s="110">
        <v>0</v>
      </c>
      <c r="AY13" s="114">
        <v>882912</v>
      </c>
      <c r="AZ13" s="114">
        <v>967074</v>
      </c>
      <c r="BA13" s="114">
        <v>772491</v>
      </c>
      <c r="BB13" s="114">
        <v>697985</v>
      </c>
      <c r="BC13" s="114">
        <v>704079</v>
      </c>
      <c r="BD13" s="113">
        <v>4024541</v>
      </c>
      <c r="BE13" s="116">
        <v>4050157</v>
      </c>
      <c r="BF13" s="110">
        <v>18196</v>
      </c>
      <c r="BG13" s="114">
        <v>0</v>
      </c>
      <c r="BH13" s="112">
        <v>18196</v>
      </c>
      <c r="BI13" s="111">
        <v>0</v>
      </c>
      <c r="BJ13" s="114">
        <v>106858</v>
      </c>
      <c r="BK13" s="114">
        <v>150098</v>
      </c>
      <c r="BL13" s="114">
        <v>37484</v>
      </c>
      <c r="BM13" s="114">
        <v>62409</v>
      </c>
      <c r="BN13" s="114">
        <v>54412</v>
      </c>
      <c r="BO13" s="113">
        <v>411261</v>
      </c>
      <c r="BP13" s="116">
        <v>429457</v>
      </c>
      <c r="BQ13" s="110">
        <v>80248</v>
      </c>
      <c r="BR13" s="114">
        <v>41272</v>
      </c>
      <c r="BS13" s="113">
        <v>121520</v>
      </c>
      <c r="BT13" s="110">
        <v>0</v>
      </c>
      <c r="BU13" s="114">
        <v>598353</v>
      </c>
      <c r="BV13" s="114">
        <v>489832</v>
      </c>
      <c r="BW13" s="114">
        <v>502243</v>
      </c>
      <c r="BX13" s="114">
        <v>599270</v>
      </c>
      <c r="BY13" s="114">
        <v>220304</v>
      </c>
      <c r="BZ13" s="113">
        <v>2410002</v>
      </c>
      <c r="CA13" s="116">
        <v>2531522</v>
      </c>
      <c r="CB13" s="110">
        <v>15161</v>
      </c>
      <c r="CC13" s="114">
        <v>72031</v>
      </c>
      <c r="CD13" s="113">
        <v>87192</v>
      </c>
      <c r="CE13" s="110">
        <v>0</v>
      </c>
      <c r="CF13" s="114">
        <v>3282209</v>
      </c>
      <c r="CG13" s="114">
        <v>1944801</v>
      </c>
      <c r="CH13" s="114">
        <v>1502671</v>
      </c>
      <c r="CI13" s="114">
        <v>868229</v>
      </c>
      <c r="CJ13" s="114">
        <v>490078</v>
      </c>
      <c r="CK13" s="113">
        <v>8087988</v>
      </c>
      <c r="CL13" s="116">
        <v>8175180</v>
      </c>
      <c r="CM13" s="110">
        <v>0</v>
      </c>
      <c r="CN13" s="114">
        <v>0</v>
      </c>
      <c r="CO13" s="113">
        <v>0</v>
      </c>
      <c r="CP13" s="111">
        <v>0</v>
      </c>
      <c r="CQ13" s="114">
        <v>2511037</v>
      </c>
      <c r="CR13" s="114">
        <v>1611185</v>
      </c>
      <c r="CS13" s="114">
        <v>1197587</v>
      </c>
      <c r="CT13" s="114">
        <v>562324</v>
      </c>
      <c r="CU13" s="114">
        <v>270747</v>
      </c>
      <c r="CV13" s="113">
        <v>6152880</v>
      </c>
      <c r="CW13" s="116">
        <v>6152880</v>
      </c>
      <c r="CX13" s="110">
        <v>15161</v>
      </c>
      <c r="CY13" s="114">
        <v>72031</v>
      </c>
      <c r="CZ13" s="113">
        <v>87192</v>
      </c>
      <c r="DA13" s="110">
        <v>0</v>
      </c>
      <c r="DB13" s="114">
        <v>771172</v>
      </c>
      <c r="DC13" s="114">
        <v>333616</v>
      </c>
      <c r="DD13" s="114">
        <v>305084</v>
      </c>
      <c r="DE13" s="114">
        <v>305905</v>
      </c>
      <c r="DF13" s="114">
        <v>219331</v>
      </c>
      <c r="DG13" s="113">
        <v>1935108</v>
      </c>
      <c r="DH13" s="116">
        <v>2022300</v>
      </c>
      <c r="DI13" s="110">
        <v>0</v>
      </c>
      <c r="DJ13" s="114">
        <v>0</v>
      </c>
      <c r="DK13" s="112">
        <v>0</v>
      </c>
      <c r="DL13" s="111">
        <v>0</v>
      </c>
      <c r="DM13" s="114">
        <v>230480</v>
      </c>
      <c r="DN13" s="114">
        <v>850238</v>
      </c>
      <c r="DO13" s="114">
        <v>567910</v>
      </c>
      <c r="DP13" s="114">
        <v>717802</v>
      </c>
      <c r="DQ13" s="114">
        <v>205810</v>
      </c>
      <c r="DR13" s="113">
        <v>2572240</v>
      </c>
      <c r="DS13" s="116">
        <v>2572240</v>
      </c>
      <c r="DT13" s="110">
        <v>0</v>
      </c>
      <c r="DU13" s="114">
        <v>0</v>
      </c>
      <c r="DV13" s="113">
        <v>0</v>
      </c>
      <c r="DW13" s="110">
        <v>0</v>
      </c>
      <c r="DX13" s="114">
        <v>230480</v>
      </c>
      <c r="DY13" s="114">
        <v>693625</v>
      </c>
      <c r="DZ13" s="114">
        <v>567910</v>
      </c>
      <c r="EA13" s="114">
        <v>508221</v>
      </c>
      <c r="EB13" s="114">
        <v>205810</v>
      </c>
      <c r="EC13" s="113">
        <v>2206046</v>
      </c>
      <c r="ED13" s="116">
        <v>2206046</v>
      </c>
      <c r="EE13" s="110">
        <v>0</v>
      </c>
      <c r="EF13" s="112">
        <v>0</v>
      </c>
      <c r="EG13" s="113">
        <v>0</v>
      </c>
      <c r="EH13" s="110">
        <v>0</v>
      </c>
      <c r="EI13" s="114">
        <v>0</v>
      </c>
      <c r="EJ13" s="114">
        <v>156613</v>
      </c>
      <c r="EK13" s="114">
        <v>0</v>
      </c>
      <c r="EL13" s="114">
        <v>209581</v>
      </c>
      <c r="EM13" s="114">
        <v>0</v>
      </c>
      <c r="EN13" s="112">
        <v>366194</v>
      </c>
      <c r="EO13" s="116">
        <v>366194</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v>0</v>
      </c>
      <c r="FE13" s="114">
        <v>0</v>
      </c>
      <c r="FF13" s="114">
        <v>0</v>
      </c>
      <c r="FG13" s="114">
        <v>0</v>
      </c>
      <c r="FH13" s="114">
        <v>0</v>
      </c>
      <c r="FI13" s="114">
        <v>0</v>
      </c>
      <c r="FJ13" s="113">
        <v>0</v>
      </c>
      <c r="FK13" s="116">
        <v>0</v>
      </c>
      <c r="FL13" s="110">
        <v>69566</v>
      </c>
      <c r="FM13" s="114">
        <v>233156</v>
      </c>
      <c r="FN13" s="113">
        <v>302722</v>
      </c>
      <c r="FO13" s="110">
        <v>0</v>
      </c>
      <c r="FP13" s="114">
        <v>557396</v>
      </c>
      <c r="FQ13" s="114">
        <v>1082774</v>
      </c>
      <c r="FR13" s="114">
        <v>600932</v>
      </c>
      <c r="FS13" s="114">
        <v>470344</v>
      </c>
      <c r="FT13" s="114">
        <v>389249</v>
      </c>
      <c r="FU13" s="113">
        <v>3100695</v>
      </c>
      <c r="FV13" s="116">
        <v>3403417</v>
      </c>
      <c r="FW13" s="115">
        <v>58016</v>
      </c>
      <c r="FX13" s="114">
        <v>88522</v>
      </c>
      <c r="FY13" s="112">
        <v>146538</v>
      </c>
      <c r="FZ13" s="111">
        <v>0</v>
      </c>
      <c r="GA13" s="114">
        <v>353276</v>
      </c>
      <c r="GB13" s="114">
        <v>917840</v>
      </c>
      <c r="GC13" s="114">
        <v>551232</v>
      </c>
      <c r="GD13" s="114">
        <v>439005</v>
      </c>
      <c r="GE13" s="114">
        <v>389249</v>
      </c>
      <c r="GF13" s="113">
        <v>2650602</v>
      </c>
      <c r="GG13" s="318">
        <v>2797140</v>
      </c>
      <c r="GH13" s="115">
        <v>11550</v>
      </c>
      <c r="GI13" s="114">
        <v>0</v>
      </c>
      <c r="GJ13" s="112">
        <v>11550</v>
      </c>
      <c r="GK13" s="111">
        <v>0</v>
      </c>
      <c r="GL13" s="114">
        <v>0</v>
      </c>
      <c r="GM13" s="114">
        <v>25256</v>
      </c>
      <c r="GN13" s="114">
        <v>0</v>
      </c>
      <c r="GO13" s="114">
        <v>0</v>
      </c>
      <c r="GP13" s="114">
        <v>0</v>
      </c>
      <c r="GQ13" s="113">
        <v>25256</v>
      </c>
      <c r="GR13" s="116">
        <v>36806</v>
      </c>
      <c r="GS13" s="110">
        <v>0</v>
      </c>
      <c r="GT13" s="114">
        <v>144634</v>
      </c>
      <c r="GU13" s="113">
        <v>144634</v>
      </c>
      <c r="GV13" s="110">
        <v>0</v>
      </c>
      <c r="GW13" s="114">
        <v>204120</v>
      </c>
      <c r="GX13" s="114">
        <v>139678</v>
      </c>
      <c r="GY13" s="114">
        <v>49700</v>
      </c>
      <c r="GZ13" s="114">
        <v>31339</v>
      </c>
      <c r="HA13" s="114">
        <v>0</v>
      </c>
      <c r="HB13" s="112">
        <v>424837</v>
      </c>
      <c r="HC13" s="116">
        <v>569471</v>
      </c>
      <c r="HD13" s="110">
        <v>279347</v>
      </c>
      <c r="HE13" s="114">
        <v>293603</v>
      </c>
      <c r="HF13" s="112">
        <v>572950</v>
      </c>
      <c r="HG13" s="111">
        <v>0</v>
      </c>
      <c r="HH13" s="114">
        <v>3915038</v>
      </c>
      <c r="HI13" s="114">
        <v>2435977</v>
      </c>
      <c r="HJ13" s="114">
        <v>2667306</v>
      </c>
      <c r="HK13" s="114">
        <v>5720648</v>
      </c>
      <c r="HL13" s="114">
        <v>1149466</v>
      </c>
      <c r="HM13" s="113">
        <v>15888435</v>
      </c>
      <c r="HN13" s="109">
        <v>16461385</v>
      </c>
      <c r="HO13" s="328">
        <v>0</v>
      </c>
      <c r="HP13" s="329">
        <v>0</v>
      </c>
      <c r="HQ13" s="330">
        <v>0</v>
      </c>
      <c r="HR13" s="331">
        <v>0</v>
      </c>
      <c r="HS13" s="329">
        <v>0</v>
      </c>
      <c r="HT13" s="329">
        <v>0</v>
      </c>
      <c r="HU13" s="329">
        <v>0</v>
      </c>
      <c r="HV13" s="329">
        <v>0</v>
      </c>
      <c r="HW13" s="329">
        <v>0</v>
      </c>
      <c r="HX13" s="332">
        <v>0</v>
      </c>
      <c r="HY13" s="333">
        <v>0</v>
      </c>
      <c r="HZ13" s="131">
        <v>0</v>
      </c>
      <c r="IA13" s="132">
        <v>0</v>
      </c>
      <c r="IB13" s="133">
        <v>0</v>
      </c>
      <c r="IC13" s="146">
        <v>0</v>
      </c>
      <c r="ID13" s="132">
        <v>1798717</v>
      </c>
      <c r="IE13" s="147">
        <v>2280036</v>
      </c>
      <c r="IF13" s="133">
        <v>2524269</v>
      </c>
      <c r="IG13" s="132">
        <v>1397786</v>
      </c>
      <c r="IH13" s="133">
        <v>535554</v>
      </c>
      <c r="II13" s="148">
        <v>8536362</v>
      </c>
      <c r="IJ13" s="139">
        <v>8536362</v>
      </c>
      <c r="IK13" s="232">
        <v>0</v>
      </c>
      <c r="IL13" s="236">
        <v>0</v>
      </c>
      <c r="IM13" s="237">
        <v>0</v>
      </c>
      <c r="IN13" s="140">
        <v>0</v>
      </c>
      <c r="IO13" s="119">
        <v>0</v>
      </c>
      <c r="IP13" s="119">
        <v>96621</v>
      </c>
      <c r="IQ13" s="119">
        <v>147867</v>
      </c>
      <c r="IR13" s="119">
        <v>0</v>
      </c>
      <c r="IS13" s="119">
        <v>0</v>
      </c>
      <c r="IT13" s="141">
        <v>244488</v>
      </c>
      <c r="IU13" s="320">
        <v>244488</v>
      </c>
      <c r="IV13" s="142">
        <v>0</v>
      </c>
      <c r="IW13" s="119">
        <v>0</v>
      </c>
      <c r="IX13" s="120">
        <v>0</v>
      </c>
      <c r="IY13" s="144">
        <v>0</v>
      </c>
      <c r="IZ13" s="119">
        <v>0</v>
      </c>
      <c r="JA13" s="119">
        <v>0</v>
      </c>
      <c r="JB13" s="119">
        <v>0</v>
      </c>
      <c r="JC13" s="119">
        <v>0</v>
      </c>
      <c r="JD13" s="119">
        <v>0</v>
      </c>
      <c r="JE13" s="120">
        <v>0</v>
      </c>
      <c r="JF13" s="121">
        <v>0</v>
      </c>
      <c r="JG13" s="142">
        <v>0</v>
      </c>
      <c r="JH13" s="119">
        <v>0</v>
      </c>
      <c r="JI13" s="141">
        <v>0</v>
      </c>
      <c r="JJ13" s="118">
        <v>0</v>
      </c>
      <c r="JK13" s="119">
        <v>923187</v>
      </c>
      <c r="JL13" s="119">
        <v>935062</v>
      </c>
      <c r="JM13" s="119">
        <v>584641</v>
      </c>
      <c r="JN13" s="119">
        <v>297416</v>
      </c>
      <c r="JO13" s="119">
        <v>74546</v>
      </c>
      <c r="JP13" s="120">
        <v>2814852</v>
      </c>
      <c r="JQ13" s="320">
        <v>2814852</v>
      </c>
      <c r="JR13" s="142">
        <v>0</v>
      </c>
      <c r="JS13" s="119">
        <v>0</v>
      </c>
      <c r="JT13" s="141">
        <v>0</v>
      </c>
      <c r="JU13" s="118">
        <v>0</v>
      </c>
      <c r="JV13" s="119">
        <v>203594</v>
      </c>
      <c r="JW13" s="119">
        <v>195250</v>
      </c>
      <c r="JX13" s="119">
        <v>594030</v>
      </c>
      <c r="JY13" s="119">
        <v>264935</v>
      </c>
      <c r="JZ13" s="119">
        <v>95923</v>
      </c>
      <c r="KA13" s="120">
        <v>1353732</v>
      </c>
      <c r="KB13" s="320">
        <v>1353732</v>
      </c>
      <c r="KC13" s="234">
        <v>0</v>
      </c>
      <c r="KD13" s="230">
        <v>0</v>
      </c>
      <c r="KE13" s="120">
        <v>0</v>
      </c>
      <c r="KF13" s="118">
        <v>0</v>
      </c>
      <c r="KG13" s="119">
        <v>95406</v>
      </c>
      <c r="KH13" s="119">
        <v>277098</v>
      </c>
      <c r="KI13" s="119">
        <v>181345</v>
      </c>
      <c r="KJ13" s="119">
        <v>0</v>
      </c>
      <c r="KK13" s="119">
        <v>0</v>
      </c>
      <c r="KL13" s="120">
        <v>553849</v>
      </c>
      <c r="KM13" s="143">
        <v>553849</v>
      </c>
      <c r="KN13" s="232">
        <v>0</v>
      </c>
      <c r="KO13" s="236">
        <v>0</v>
      </c>
      <c r="KP13" s="237">
        <v>0</v>
      </c>
      <c r="KQ13" s="140">
        <v>0</v>
      </c>
      <c r="KR13" s="119">
        <v>576530</v>
      </c>
      <c r="KS13" s="119">
        <v>420662</v>
      </c>
      <c r="KT13" s="119">
        <v>1016386</v>
      </c>
      <c r="KU13" s="119">
        <v>835435</v>
      </c>
      <c r="KV13" s="119">
        <v>205090</v>
      </c>
      <c r="KW13" s="120">
        <v>3054103</v>
      </c>
      <c r="KX13" s="320">
        <v>3054103</v>
      </c>
      <c r="KY13" s="142">
        <v>0</v>
      </c>
      <c r="KZ13" s="119">
        <v>0</v>
      </c>
      <c r="LA13" s="120">
        <v>0</v>
      </c>
      <c r="LB13" s="145">
        <v>0</v>
      </c>
      <c r="LC13" s="119">
        <v>0</v>
      </c>
      <c r="LD13" s="119">
        <v>0</v>
      </c>
      <c r="LE13" s="119">
        <v>0</v>
      </c>
      <c r="LF13" s="119">
        <v>0</v>
      </c>
      <c r="LG13" s="119">
        <v>0</v>
      </c>
      <c r="LH13" s="120">
        <v>0</v>
      </c>
      <c r="LI13" s="121">
        <v>0</v>
      </c>
      <c r="LJ13" s="142">
        <v>0</v>
      </c>
      <c r="LK13" s="119">
        <v>0</v>
      </c>
      <c r="LL13" s="120">
        <v>0</v>
      </c>
      <c r="LM13" s="145">
        <v>0</v>
      </c>
      <c r="LN13" s="119">
        <v>0</v>
      </c>
      <c r="LO13" s="119">
        <v>0</v>
      </c>
      <c r="LP13" s="119">
        <v>0</v>
      </c>
      <c r="LQ13" s="119">
        <v>0</v>
      </c>
      <c r="LR13" s="119">
        <v>0</v>
      </c>
      <c r="LS13" s="120">
        <v>0</v>
      </c>
      <c r="LT13" s="320">
        <v>0</v>
      </c>
      <c r="LU13" s="142">
        <v>0</v>
      </c>
      <c r="LV13" s="119">
        <v>0</v>
      </c>
      <c r="LW13" s="120">
        <v>0</v>
      </c>
      <c r="LX13" s="145">
        <v>0</v>
      </c>
      <c r="LY13" s="119">
        <v>0</v>
      </c>
      <c r="LZ13" s="119">
        <v>355343</v>
      </c>
      <c r="MA13" s="119">
        <v>0</v>
      </c>
      <c r="MB13" s="119">
        <v>0</v>
      </c>
      <c r="MC13" s="119">
        <v>159995</v>
      </c>
      <c r="MD13" s="120">
        <v>515338</v>
      </c>
      <c r="ME13" s="121">
        <v>515338</v>
      </c>
      <c r="MF13" s="142">
        <v>0</v>
      </c>
      <c r="MG13" s="119">
        <v>0</v>
      </c>
      <c r="MH13" s="120">
        <v>0</v>
      </c>
      <c r="MI13" s="145">
        <v>0</v>
      </c>
      <c r="MJ13" s="119">
        <v>305956</v>
      </c>
      <c r="MK13" s="119">
        <v>277436</v>
      </c>
      <c r="ML13" s="119">
        <v>1081637</v>
      </c>
      <c r="MM13" s="119">
        <v>5904747</v>
      </c>
      <c r="MN13" s="119">
        <v>2900103</v>
      </c>
      <c r="MO13" s="120">
        <v>10469879</v>
      </c>
      <c r="MP13" s="143">
        <v>10469879</v>
      </c>
      <c r="MQ13" s="142">
        <v>0</v>
      </c>
      <c r="MR13" s="119">
        <v>0</v>
      </c>
      <c r="MS13" s="120">
        <v>0</v>
      </c>
      <c r="MT13" s="145">
        <v>0</v>
      </c>
      <c r="MU13" s="119">
        <v>0</v>
      </c>
      <c r="MV13" s="119">
        <v>0</v>
      </c>
      <c r="MW13" s="119">
        <v>390364</v>
      </c>
      <c r="MX13" s="119">
        <v>3819261</v>
      </c>
      <c r="MY13" s="119">
        <v>2900103</v>
      </c>
      <c r="MZ13" s="120">
        <v>7109728</v>
      </c>
      <c r="NA13" s="143">
        <v>7109728</v>
      </c>
      <c r="NB13" s="142">
        <v>0</v>
      </c>
      <c r="NC13" s="119">
        <v>0</v>
      </c>
      <c r="ND13" s="120">
        <v>0</v>
      </c>
      <c r="NE13" s="145">
        <v>0</v>
      </c>
      <c r="NF13" s="119">
        <v>305956</v>
      </c>
      <c r="NG13" s="119">
        <v>277436</v>
      </c>
      <c r="NH13" s="119">
        <v>691273</v>
      </c>
      <c r="NI13" s="119">
        <v>2085486</v>
      </c>
      <c r="NJ13" s="119">
        <v>0</v>
      </c>
      <c r="NK13" s="120">
        <v>3360151</v>
      </c>
      <c r="NL13" s="320">
        <v>3360151</v>
      </c>
      <c r="NM13" s="142">
        <v>0</v>
      </c>
      <c r="NN13" s="119">
        <v>0</v>
      </c>
      <c r="NO13" s="120">
        <v>0</v>
      </c>
      <c r="NP13" s="145">
        <v>0</v>
      </c>
      <c r="NQ13" s="119">
        <v>0</v>
      </c>
      <c r="NR13" s="119">
        <v>0</v>
      </c>
      <c r="NS13" s="119">
        <v>0</v>
      </c>
      <c r="NT13" s="119">
        <v>0</v>
      </c>
      <c r="NU13" s="119">
        <v>0</v>
      </c>
      <c r="NV13" s="120">
        <v>0</v>
      </c>
      <c r="NW13" s="121">
        <v>0</v>
      </c>
      <c r="NX13" s="142">
        <v>0</v>
      </c>
      <c r="NY13" s="119">
        <v>0</v>
      </c>
      <c r="NZ13" s="120">
        <v>0</v>
      </c>
      <c r="OA13" s="145">
        <v>0</v>
      </c>
      <c r="OB13" s="119">
        <v>0</v>
      </c>
      <c r="OC13" s="119">
        <v>0</v>
      </c>
      <c r="OD13" s="119">
        <v>0</v>
      </c>
      <c r="OE13" s="119">
        <v>0</v>
      </c>
      <c r="OF13" s="119">
        <v>0</v>
      </c>
      <c r="OG13" s="120">
        <v>0</v>
      </c>
      <c r="OH13" s="121">
        <v>0</v>
      </c>
      <c r="OI13" s="142">
        <v>488134</v>
      </c>
      <c r="OJ13" s="119">
        <v>640062</v>
      </c>
      <c r="OK13" s="141">
        <v>1128196</v>
      </c>
      <c r="OL13" s="118">
        <v>0</v>
      </c>
      <c r="OM13" s="119">
        <v>13209679</v>
      </c>
      <c r="ON13" s="119">
        <v>11686967</v>
      </c>
      <c r="OO13" s="119">
        <v>12102284</v>
      </c>
      <c r="OP13" s="119">
        <v>18071549</v>
      </c>
      <c r="OQ13" s="119">
        <v>8499768</v>
      </c>
      <c r="OR13" s="120">
        <v>63570247</v>
      </c>
      <c r="OS13" s="143">
        <v>64698443</v>
      </c>
    </row>
    <row r="14" spans="1:409" ht="21" customHeight="1" x14ac:dyDescent="0.2">
      <c r="B14" s="126" t="s">
        <v>8</v>
      </c>
      <c r="C14" s="110">
        <v>728603</v>
      </c>
      <c r="D14" s="114">
        <v>466547</v>
      </c>
      <c r="E14" s="113">
        <v>1195150</v>
      </c>
      <c r="F14" s="109">
        <v>0</v>
      </c>
      <c r="G14" s="114">
        <v>4876406</v>
      </c>
      <c r="H14" s="114">
        <v>5527367</v>
      </c>
      <c r="I14" s="114">
        <v>3424735</v>
      </c>
      <c r="J14" s="114">
        <v>6883107</v>
      </c>
      <c r="K14" s="114">
        <v>3471014</v>
      </c>
      <c r="L14" s="109">
        <v>24182629</v>
      </c>
      <c r="M14" s="116">
        <v>25377779</v>
      </c>
      <c r="N14" s="110">
        <v>179054</v>
      </c>
      <c r="O14" s="114">
        <v>127808</v>
      </c>
      <c r="P14" s="113">
        <v>306862</v>
      </c>
      <c r="Q14" s="110">
        <v>0</v>
      </c>
      <c r="R14" s="114">
        <v>1544657</v>
      </c>
      <c r="S14" s="114">
        <v>1781792</v>
      </c>
      <c r="T14" s="114">
        <v>1132257</v>
      </c>
      <c r="U14" s="114">
        <v>1707871</v>
      </c>
      <c r="V14" s="114">
        <v>1888730</v>
      </c>
      <c r="W14" s="113">
        <v>8055307</v>
      </c>
      <c r="X14" s="116">
        <v>8362169</v>
      </c>
      <c r="Y14" s="110">
        <v>0</v>
      </c>
      <c r="Z14" s="114">
        <v>0</v>
      </c>
      <c r="AA14" s="113">
        <v>0</v>
      </c>
      <c r="AB14" s="110">
        <v>0</v>
      </c>
      <c r="AC14" s="114">
        <v>755752</v>
      </c>
      <c r="AD14" s="114">
        <v>757159</v>
      </c>
      <c r="AE14" s="114">
        <v>563256</v>
      </c>
      <c r="AF14" s="114">
        <v>575771</v>
      </c>
      <c r="AG14" s="114">
        <v>924644</v>
      </c>
      <c r="AH14" s="113">
        <v>3576582</v>
      </c>
      <c r="AI14" s="116">
        <v>3576582</v>
      </c>
      <c r="AJ14" s="110">
        <v>0</v>
      </c>
      <c r="AK14" s="114">
        <v>0</v>
      </c>
      <c r="AL14" s="113">
        <v>0</v>
      </c>
      <c r="AM14" s="110">
        <v>0</v>
      </c>
      <c r="AN14" s="114">
        <v>0</v>
      </c>
      <c r="AO14" s="114">
        <v>0</v>
      </c>
      <c r="AP14" s="114">
        <v>40348</v>
      </c>
      <c r="AQ14" s="114">
        <v>225646</v>
      </c>
      <c r="AR14" s="114">
        <v>183898</v>
      </c>
      <c r="AS14" s="113">
        <v>449892</v>
      </c>
      <c r="AT14" s="116">
        <v>449892</v>
      </c>
      <c r="AU14" s="110">
        <v>87981</v>
      </c>
      <c r="AV14" s="114">
        <v>87315</v>
      </c>
      <c r="AW14" s="113">
        <v>175296</v>
      </c>
      <c r="AX14" s="110">
        <v>0</v>
      </c>
      <c r="AY14" s="114">
        <v>509325</v>
      </c>
      <c r="AZ14" s="114">
        <v>680531</v>
      </c>
      <c r="BA14" s="114">
        <v>366498</v>
      </c>
      <c r="BB14" s="114">
        <v>485129</v>
      </c>
      <c r="BC14" s="114">
        <v>577657</v>
      </c>
      <c r="BD14" s="113">
        <v>2619140</v>
      </c>
      <c r="BE14" s="116">
        <v>2794436</v>
      </c>
      <c r="BF14" s="110">
        <v>27737</v>
      </c>
      <c r="BG14" s="114">
        <v>9245</v>
      </c>
      <c r="BH14" s="112">
        <v>36982</v>
      </c>
      <c r="BI14" s="111">
        <v>0</v>
      </c>
      <c r="BJ14" s="114">
        <v>165032</v>
      </c>
      <c r="BK14" s="114">
        <v>111919</v>
      </c>
      <c r="BL14" s="114">
        <v>50386</v>
      </c>
      <c r="BM14" s="114">
        <v>135711</v>
      </c>
      <c r="BN14" s="114">
        <v>27650</v>
      </c>
      <c r="BO14" s="113">
        <v>490698</v>
      </c>
      <c r="BP14" s="116">
        <v>527680</v>
      </c>
      <c r="BQ14" s="110">
        <v>63336</v>
      </c>
      <c r="BR14" s="114">
        <v>31248</v>
      </c>
      <c r="BS14" s="113">
        <v>94584</v>
      </c>
      <c r="BT14" s="110">
        <v>0</v>
      </c>
      <c r="BU14" s="114">
        <v>114548</v>
      </c>
      <c r="BV14" s="114">
        <v>232183</v>
      </c>
      <c r="BW14" s="114">
        <v>111769</v>
      </c>
      <c r="BX14" s="114">
        <v>285614</v>
      </c>
      <c r="BY14" s="114">
        <v>174881</v>
      </c>
      <c r="BZ14" s="113">
        <v>918995</v>
      </c>
      <c r="CA14" s="116">
        <v>1013579</v>
      </c>
      <c r="CB14" s="110">
        <v>0</v>
      </c>
      <c r="CC14" s="114">
        <v>101209</v>
      </c>
      <c r="CD14" s="113">
        <v>101209</v>
      </c>
      <c r="CE14" s="110">
        <v>0</v>
      </c>
      <c r="CF14" s="114">
        <v>1416460</v>
      </c>
      <c r="CG14" s="114">
        <v>1699443</v>
      </c>
      <c r="CH14" s="114">
        <v>640026</v>
      </c>
      <c r="CI14" s="114">
        <v>1002066</v>
      </c>
      <c r="CJ14" s="114">
        <v>475780</v>
      </c>
      <c r="CK14" s="113">
        <v>5233775</v>
      </c>
      <c r="CL14" s="116">
        <v>5334984</v>
      </c>
      <c r="CM14" s="110">
        <v>0</v>
      </c>
      <c r="CN14" s="114">
        <v>0</v>
      </c>
      <c r="CO14" s="113">
        <v>0</v>
      </c>
      <c r="CP14" s="111">
        <v>0</v>
      </c>
      <c r="CQ14" s="114">
        <v>1094909</v>
      </c>
      <c r="CR14" s="114">
        <v>1327748</v>
      </c>
      <c r="CS14" s="114">
        <v>188558</v>
      </c>
      <c r="CT14" s="114">
        <v>662117</v>
      </c>
      <c r="CU14" s="114">
        <v>270272</v>
      </c>
      <c r="CV14" s="113">
        <v>3543604</v>
      </c>
      <c r="CW14" s="116">
        <v>3543604</v>
      </c>
      <c r="CX14" s="110">
        <v>0</v>
      </c>
      <c r="CY14" s="114">
        <v>101209</v>
      </c>
      <c r="CZ14" s="113">
        <v>101209</v>
      </c>
      <c r="DA14" s="110">
        <v>0</v>
      </c>
      <c r="DB14" s="114">
        <v>321551</v>
      </c>
      <c r="DC14" s="114">
        <v>371695</v>
      </c>
      <c r="DD14" s="114">
        <v>451468</v>
      </c>
      <c r="DE14" s="114">
        <v>339949</v>
      </c>
      <c r="DF14" s="114">
        <v>205508</v>
      </c>
      <c r="DG14" s="113">
        <v>1690171</v>
      </c>
      <c r="DH14" s="116">
        <v>1791380</v>
      </c>
      <c r="DI14" s="110">
        <v>0</v>
      </c>
      <c r="DJ14" s="114">
        <v>39095</v>
      </c>
      <c r="DK14" s="112">
        <v>39095</v>
      </c>
      <c r="DL14" s="111">
        <v>0</v>
      </c>
      <c r="DM14" s="114">
        <v>88052</v>
      </c>
      <c r="DN14" s="114">
        <v>167872</v>
      </c>
      <c r="DO14" s="114">
        <v>351069</v>
      </c>
      <c r="DP14" s="114">
        <v>379193</v>
      </c>
      <c r="DQ14" s="114">
        <v>0</v>
      </c>
      <c r="DR14" s="113">
        <v>986186</v>
      </c>
      <c r="DS14" s="116">
        <v>1025281</v>
      </c>
      <c r="DT14" s="110">
        <v>0</v>
      </c>
      <c r="DU14" s="114">
        <v>39095</v>
      </c>
      <c r="DV14" s="113">
        <v>39095</v>
      </c>
      <c r="DW14" s="110">
        <v>0</v>
      </c>
      <c r="DX14" s="114">
        <v>88052</v>
      </c>
      <c r="DY14" s="114">
        <v>167872</v>
      </c>
      <c r="DZ14" s="114">
        <v>351069</v>
      </c>
      <c r="EA14" s="114">
        <v>379193</v>
      </c>
      <c r="EB14" s="114">
        <v>0</v>
      </c>
      <c r="EC14" s="113">
        <v>986186</v>
      </c>
      <c r="ED14" s="116">
        <v>1025281</v>
      </c>
      <c r="EE14" s="110">
        <v>0</v>
      </c>
      <c r="EF14" s="112">
        <v>0</v>
      </c>
      <c r="EG14" s="113">
        <v>0</v>
      </c>
      <c r="EH14" s="110">
        <v>0</v>
      </c>
      <c r="EI14" s="114">
        <v>0</v>
      </c>
      <c r="EJ14" s="114">
        <v>0</v>
      </c>
      <c r="EK14" s="114">
        <v>0</v>
      </c>
      <c r="EL14" s="114">
        <v>0</v>
      </c>
      <c r="EM14" s="114">
        <v>0</v>
      </c>
      <c r="EN14" s="112">
        <v>0</v>
      </c>
      <c r="EO14" s="116">
        <v>0</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v>0</v>
      </c>
      <c r="FE14" s="114">
        <v>0</v>
      </c>
      <c r="FF14" s="114">
        <v>0</v>
      </c>
      <c r="FG14" s="114">
        <v>0</v>
      </c>
      <c r="FH14" s="114">
        <v>0</v>
      </c>
      <c r="FI14" s="114">
        <v>0</v>
      </c>
      <c r="FJ14" s="113">
        <v>0</v>
      </c>
      <c r="FK14" s="116">
        <v>0</v>
      </c>
      <c r="FL14" s="110">
        <v>327922</v>
      </c>
      <c r="FM14" s="114">
        <v>54894</v>
      </c>
      <c r="FN14" s="113">
        <v>382816</v>
      </c>
      <c r="FO14" s="110">
        <v>0</v>
      </c>
      <c r="FP14" s="114">
        <v>687015</v>
      </c>
      <c r="FQ14" s="114">
        <v>607117</v>
      </c>
      <c r="FR14" s="114">
        <v>356909</v>
      </c>
      <c r="FS14" s="114">
        <v>600708</v>
      </c>
      <c r="FT14" s="114">
        <v>399581</v>
      </c>
      <c r="FU14" s="113">
        <v>2651330</v>
      </c>
      <c r="FV14" s="116">
        <v>3034146</v>
      </c>
      <c r="FW14" s="115">
        <v>63602</v>
      </c>
      <c r="FX14" s="114">
        <v>54894</v>
      </c>
      <c r="FY14" s="112">
        <v>118496</v>
      </c>
      <c r="FZ14" s="111">
        <v>0</v>
      </c>
      <c r="GA14" s="114">
        <v>240037</v>
      </c>
      <c r="GB14" s="114">
        <v>527807</v>
      </c>
      <c r="GC14" s="114">
        <v>276619</v>
      </c>
      <c r="GD14" s="114">
        <v>503419</v>
      </c>
      <c r="GE14" s="114">
        <v>338135</v>
      </c>
      <c r="GF14" s="113">
        <v>1886017</v>
      </c>
      <c r="GG14" s="318">
        <v>2004513</v>
      </c>
      <c r="GH14" s="115">
        <v>39270</v>
      </c>
      <c r="GI14" s="114">
        <v>0</v>
      </c>
      <c r="GJ14" s="112">
        <v>39270</v>
      </c>
      <c r="GK14" s="111">
        <v>0</v>
      </c>
      <c r="GL14" s="114">
        <v>49588</v>
      </c>
      <c r="GM14" s="114">
        <v>79310</v>
      </c>
      <c r="GN14" s="114">
        <v>12600</v>
      </c>
      <c r="GO14" s="114">
        <v>43120</v>
      </c>
      <c r="GP14" s="114">
        <v>31416</v>
      </c>
      <c r="GQ14" s="113">
        <v>216034</v>
      </c>
      <c r="GR14" s="116">
        <v>255304</v>
      </c>
      <c r="GS14" s="110">
        <v>225050</v>
      </c>
      <c r="GT14" s="114">
        <v>0</v>
      </c>
      <c r="GU14" s="113">
        <v>225050</v>
      </c>
      <c r="GV14" s="110">
        <v>0</v>
      </c>
      <c r="GW14" s="114">
        <v>397390</v>
      </c>
      <c r="GX14" s="114">
        <v>0</v>
      </c>
      <c r="GY14" s="114">
        <v>67690</v>
      </c>
      <c r="GZ14" s="114">
        <v>54169</v>
      </c>
      <c r="HA14" s="114">
        <v>30030</v>
      </c>
      <c r="HB14" s="112">
        <v>549279</v>
      </c>
      <c r="HC14" s="116">
        <v>774329</v>
      </c>
      <c r="HD14" s="110">
        <v>221627</v>
      </c>
      <c r="HE14" s="114">
        <v>143541</v>
      </c>
      <c r="HF14" s="112">
        <v>365168</v>
      </c>
      <c r="HG14" s="111">
        <v>0</v>
      </c>
      <c r="HH14" s="114">
        <v>1140222</v>
      </c>
      <c r="HI14" s="114">
        <v>1271143</v>
      </c>
      <c r="HJ14" s="114">
        <v>944474</v>
      </c>
      <c r="HK14" s="114">
        <v>3193269</v>
      </c>
      <c r="HL14" s="114">
        <v>706923</v>
      </c>
      <c r="HM14" s="113">
        <v>7256031</v>
      </c>
      <c r="HN14" s="109">
        <v>7621199</v>
      </c>
      <c r="HO14" s="328">
        <v>0</v>
      </c>
      <c r="HP14" s="329">
        <v>0</v>
      </c>
      <c r="HQ14" s="330">
        <v>0</v>
      </c>
      <c r="HR14" s="331">
        <v>0</v>
      </c>
      <c r="HS14" s="329">
        <v>0</v>
      </c>
      <c r="HT14" s="329">
        <v>0</v>
      </c>
      <c r="HU14" s="329">
        <v>0</v>
      </c>
      <c r="HV14" s="329">
        <v>0</v>
      </c>
      <c r="HW14" s="329">
        <v>0</v>
      </c>
      <c r="HX14" s="332">
        <v>0</v>
      </c>
      <c r="HY14" s="333">
        <v>0</v>
      </c>
      <c r="HZ14" s="131">
        <v>0</v>
      </c>
      <c r="IA14" s="132">
        <v>0</v>
      </c>
      <c r="IB14" s="133">
        <v>0</v>
      </c>
      <c r="IC14" s="134">
        <v>0</v>
      </c>
      <c r="ID14" s="135">
        <v>1249624</v>
      </c>
      <c r="IE14" s="136">
        <v>1148791</v>
      </c>
      <c r="IF14" s="137">
        <v>594215</v>
      </c>
      <c r="IG14" s="135">
        <v>1683164</v>
      </c>
      <c r="IH14" s="137">
        <v>706422</v>
      </c>
      <c r="II14" s="138">
        <v>5382216</v>
      </c>
      <c r="IJ14" s="139">
        <v>5382216</v>
      </c>
      <c r="IK14" s="232">
        <v>0</v>
      </c>
      <c r="IL14" s="236">
        <v>0</v>
      </c>
      <c r="IM14" s="237">
        <v>0</v>
      </c>
      <c r="IN14" s="140">
        <v>0</v>
      </c>
      <c r="IO14" s="119">
        <v>0</v>
      </c>
      <c r="IP14" s="119">
        <v>0</v>
      </c>
      <c r="IQ14" s="119">
        <v>0</v>
      </c>
      <c r="IR14" s="119">
        <v>221951</v>
      </c>
      <c r="IS14" s="119">
        <v>0</v>
      </c>
      <c r="IT14" s="141">
        <v>221951</v>
      </c>
      <c r="IU14" s="320">
        <v>221951</v>
      </c>
      <c r="IV14" s="142">
        <v>0</v>
      </c>
      <c r="IW14" s="119">
        <v>0</v>
      </c>
      <c r="IX14" s="120">
        <v>0</v>
      </c>
      <c r="IY14" s="144">
        <v>0</v>
      </c>
      <c r="IZ14" s="119">
        <v>0</v>
      </c>
      <c r="JA14" s="119">
        <v>0</v>
      </c>
      <c r="JB14" s="119">
        <v>0</v>
      </c>
      <c r="JC14" s="119">
        <v>0</v>
      </c>
      <c r="JD14" s="119">
        <v>0</v>
      </c>
      <c r="JE14" s="120">
        <v>0</v>
      </c>
      <c r="JF14" s="121">
        <v>0</v>
      </c>
      <c r="JG14" s="142">
        <v>0</v>
      </c>
      <c r="JH14" s="119">
        <v>0</v>
      </c>
      <c r="JI14" s="141">
        <v>0</v>
      </c>
      <c r="JJ14" s="118">
        <v>0</v>
      </c>
      <c r="JK14" s="119">
        <v>962386</v>
      </c>
      <c r="JL14" s="119">
        <v>751610</v>
      </c>
      <c r="JM14" s="119">
        <v>381136</v>
      </c>
      <c r="JN14" s="119">
        <v>387947</v>
      </c>
      <c r="JO14" s="119">
        <v>0</v>
      </c>
      <c r="JP14" s="120">
        <v>2483079</v>
      </c>
      <c r="JQ14" s="320">
        <v>2483079</v>
      </c>
      <c r="JR14" s="142">
        <v>0</v>
      </c>
      <c r="JS14" s="119">
        <v>0</v>
      </c>
      <c r="JT14" s="141">
        <v>0</v>
      </c>
      <c r="JU14" s="118">
        <v>0</v>
      </c>
      <c r="JV14" s="119">
        <v>0</v>
      </c>
      <c r="JW14" s="119">
        <v>0</v>
      </c>
      <c r="JX14" s="119">
        <v>0</v>
      </c>
      <c r="JY14" s="119">
        <v>0</v>
      </c>
      <c r="JZ14" s="119">
        <v>0</v>
      </c>
      <c r="KA14" s="120">
        <v>0</v>
      </c>
      <c r="KB14" s="320">
        <v>0</v>
      </c>
      <c r="KC14" s="234">
        <v>0</v>
      </c>
      <c r="KD14" s="230">
        <v>0</v>
      </c>
      <c r="KE14" s="120">
        <v>0</v>
      </c>
      <c r="KF14" s="118">
        <v>0</v>
      </c>
      <c r="KG14" s="119">
        <v>287238</v>
      </c>
      <c r="KH14" s="119">
        <v>0</v>
      </c>
      <c r="KI14" s="119">
        <v>213079</v>
      </c>
      <c r="KJ14" s="119">
        <v>0</v>
      </c>
      <c r="KK14" s="119">
        <v>253135</v>
      </c>
      <c r="KL14" s="120">
        <v>753452</v>
      </c>
      <c r="KM14" s="143">
        <v>753452</v>
      </c>
      <c r="KN14" s="232">
        <v>0</v>
      </c>
      <c r="KO14" s="236">
        <v>0</v>
      </c>
      <c r="KP14" s="237">
        <v>0</v>
      </c>
      <c r="KQ14" s="140">
        <v>0</v>
      </c>
      <c r="KR14" s="119">
        <v>0</v>
      </c>
      <c r="KS14" s="119">
        <v>397181</v>
      </c>
      <c r="KT14" s="119">
        <v>0</v>
      </c>
      <c r="KU14" s="119">
        <v>821830</v>
      </c>
      <c r="KV14" s="119">
        <v>214336</v>
      </c>
      <c r="KW14" s="120">
        <v>1433347</v>
      </c>
      <c r="KX14" s="320">
        <v>1433347</v>
      </c>
      <c r="KY14" s="142">
        <v>0</v>
      </c>
      <c r="KZ14" s="119">
        <v>0</v>
      </c>
      <c r="LA14" s="120">
        <v>0</v>
      </c>
      <c r="LB14" s="145">
        <v>0</v>
      </c>
      <c r="LC14" s="119">
        <v>0</v>
      </c>
      <c r="LD14" s="119">
        <v>0</v>
      </c>
      <c r="LE14" s="119">
        <v>0</v>
      </c>
      <c r="LF14" s="119">
        <v>173606</v>
      </c>
      <c r="LG14" s="119">
        <v>0</v>
      </c>
      <c r="LH14" s="120">
        <v>173606</v>
      </c>
      <c r="LI14" s="121">
        <v>173606</v>
      </c>
      <c r="LJ14" s="142">
        <v>0</v>
      </c>
      <c r="LK14" s="119">
        <v>0</v>
      </c>
      <c r="LL14" s="120">
        <v>0</v>
      </c>
      <c r="LM14" s="145">
        <v>0</v>
      </c>
      <c r="LN14" s="119">
        <v>0</v>
      </c>
      <c r="LO14" s="119">
        <v>0</v>
      </c>
      <c r="LP14" s="119">
        <v>0</v>
      </c>
      <c r="LQ14" s="119">
        <v>0</v>
      </c>
      <c r="LR14" s="119">
        <v>238951</v>
      </c>
      <c r="LS14" s="120">
        <v>238951</v>
      </c>
      <c r="LT14" s="320">
        <v>238951</v>
      </c>
      <c r="LU14" s="142">
        <v>0</v>
      </c>
      <c r="LV14" s="119">
        <v>0</v>
      </c>
      <c r="LW14" s="120">
        <v>0</v>
      </c>
      <c r="LX14" s="145">
        <v>0</v>
      </c>
      <c r="LY14" s="119">
        <v>0</v>
      </c>
      <c r="LZ14" s="119">
        <v>0</v>
      </c>
      <c r="MA14" s="119">
        <v>0</v>
      </c>
      <c r="MB14" s="119">
        <v>77830</v>
      </c>
      <c r="MC14" s="119">
        <v>0</v>
      </c>
      <c r="MD14" s="120">
        <v>77830</v>
      </c>
      <c r="ME14" s="121">
        <v>77830</v>
      </c>
      <c r="MF14" s="142">
        <v>0</v>
      </c>
      <c r="MG14" s="119">
        <v>0</v>
      </c>
      <c r="MH14" s="120">
        <v>0</v>
      </c>
      <c r="MI14" s="145">
        <v>0</v>
      </c>
      <c r="MJ14" s="119">
        <v>-234</v>
      </c>
      <c r="MK14" s="119">
        <v>1068520</v>
      </c>
      <c r="ML14" s="119">
        <v>2921694</v>
      </c>
      <c r="MM14" s="119">
        <v>3449794</v>
      </c>
      <c r="MN14" s="119">
        <v>2220526</v>
      </c>
      <c r="MO14" s="120">
        <v>9660300</v>
      </c>
      <c r="MP14" s="143">
        <v>9660300</v>
      </c>
      <c r="MQ14" s="142">
        <v>0</v>
      </c>
      <c r="MR14" s="119">
        <v>0</v>
      </c>
      <c r="MS14" s="120">
        <v>0</v>
      </c>
      <c r="MT14" s="145">
        <v>0</v>
      </c>
      <c r="MU14" s="119">
        <v>-234</v>
      </c>
      <c r="MV14" s="119">
        <v>-482</v>
      </c>
      <c r="MW14" s="119">
        <v>1345114</v>
      </c>
      <c r="MX14" s="119">
        <v>2036094</v>
      </c>
      <c r="MY14" s="119">
        <v>1127406</v>
      </c>
      <c r="MZ14" s="120">
        <v>4507898</v>
      </c>
      <c r="NA14" s="143">
        <v>4507898</v>
      </c>
      <c r="NB14" s="142">
        <v>0</v>
      </c>
      <c r="NC14" s="119">
        <v>0</v>
      </c>
      <c r="ND14" s="120">
        <v>0</v>
      </c>
      <c r="NE14" s="145">
        <v>0</v>
      </c>
      <c r="NF14" s="119">
        <v>0</v>
      </c>
      <c r="NG14" s="119">
        <v>858500</v>
      </c>
      <c r="NH14" s="119">
        <v>1576580</v>
      </c>
      <c r="NI14" s="119">
        <v>1413700</v>
      </c>
      <c r="NJ14" s="119">
        <v>1093120</v>
      </c>
      <c r="NK14" s="120">
        <v>4941900</v>
      </c>
      <c r="NL14" s="320">
        <v>4941900</v>
      </c>
      <c r="NM14" s="142">
        <v>0</v>
      </c>
      <c r="NN14" s="119">
        <v>0</v>
      </c>
      <c r="NO14" s="120">
        <v>0</v>
      </c>
      <c r="NP14" s="145">
        <v>0</v>
      </c>
      <c r="NQ14" s="119">
        <v>0</v>
      </c>
      <c r="NR14" s="119">
        <v>0</v>
      </c>
      <c r="NS14" s="119">
        <v>0</v>
      </c>
      <c r="NT14" s="119">
        <v>0</v>
      </c>
      <c r="NU14" s="119">
        <v>0</v>
      </c>
      <c r="NV14" s="120">
        <v>0</v>
      </c>
      <c r="NW14" s="121">
        <v>0</v>
      </c>
      <c r="NX14" s="142">
        <v>0</v>
      </c>
      <c r="NY14" s="119">
        <v>0</v>
      </c>
      <c r="NZ14" s="120">
        <v>0</v>
      </c>
      <c r="OA14" s="145">
        <v>0</v>
      </c>
      <c r="OB14" s="119">
        <v>0</v>
      </c>
      <c r="OC14" s="119">
        <v>210502</v>
      </c>
      <c r="OD14" s="119">
        <v>0</v>
      </c>
      <c r="OE14" s="119">
        <v>0</v>
      </c>
      <c r="OF14" s="119">
        <v>0</v>
      </c>
      <c r="OG14" s="120">
        <v>210502</v>
      </c>
      <c r="OH14" s="121">
        <v>210502</v>
      </c>
      <c r="OI14" s="142">
        <v>728603</v>
      </c>
      <c r="OJ14" s="119">
        <v>466547</v>
      </c>
      <c r="OK14" s="141">
        <v>1195150</v>
      </c>
      <c r="OL14" s="118">
        <v>0</v>
      </c>
      <c r="OM14" s="119">
        <v>6125796</v>
      </c>
      <c r="ON14" s="119">
        <v>7744678</v>
      </c>
      <c r="OO14" s="119">
        <v>6940644</v>
      </c>
      <c r="OP14" s="119">
        <v>12016065</v>
      </c>
      <c r="OQ14" s="119">
        <v>6397962</v>
      </c>
      <c r="OR14" s="120">
        <v>39225145</v>
      </c>
      <c r="OS14" s="143">
        <v>40420295</v>
      </c>
    </row>
    <row r="15" spans="1:409" ht="21" customHeight="1" x14ac:dyDescent="0.2">
      <c r="B15" s="126" t="s">
        <v>9</v>
      </c>
      <c r="C15" s="110">
        <v>1228664</v>
      </c>
      <c r="D15" s="114">
        <v>1464888</v>
      </c>
      <c r="E15" s="113">
        <v>2693552</v>
      </c>
      <c r="F15" s="111">
        <v>0</v>
      </c>
      <c r="G15" s="114">
        <v>11862989</v>
      </c>
      <c r="H15" s="114">
        <v>11706718</v>
      </c>
      <c r="I15" s="114">
        <v>9947896</v>
      </c>
      <c r="J15" s="114">
        <v>13630488</v>
      </c>
      <c r="K15" s="114">
        <v>11123252</v>
      </c>
      <c r="L15" s="109">
        <v>58271343</v>
      </c>
      <c r="M15" s="116">
        <v>60964895</v>
      </c>
      <c r="N15" s="110">
        <v>294285</v>
      </c>
      <c r="O15" s="114">
        <v>392432</v>
      </c>
      <c r="P15" s="113">
        <v>686717</v>
      </c>
      <c r="Q15" s="110">
        <v>0</v>
      </c>
      <c r="R15" s="114">
        <v>3845517</v>
      </c>
      <c r="S15" s="114">
        <v>4152618</v>
      </c>
      <c r="T15" s="114">
        <v>4224984</v>
      </c>
      <c r="U15" s="114">
        <v>4909715</v>
      </c>
      <c r="V15" s="114">
        <v>6237521</v>
      </c>
      <c r="W15" s="113">
        <v>23370355</v>
      </c>
      <c r="X15" s="116">
        <v>24057072</v>
      </c>
      <c r="Y15" s="110">
        <v>0</v>
      </c>
      <c r="Z15" s="114">
        <v>0</v>
      </c>
      <c r="AA15" s="113">
        <v>0</v>
      </c>
      <c r="AB15" s="110">
        <v>0</v>
      </c>
      <c r="AC15" s="114">
        <v>1312201</v>
      </c>
      <c r="AD15" s="114">
        <v>2012539</v>
      </c>
      <c r="AE15" s="114">
        <v>2245321</v>
      </c>
      <c r="AF15" s="114">
        <v>2514800</v>
      </c>
      <c r="AG15" s="114">
        <v>3432866</v>
      </c>
      <c r="AH15" s="113">
        <v>11517727</v>
      </c>
      <c r="AI15" s="116">
        <v>11517727</v>
      </c>
      <c r="AJ15" s="110">
        <v>0</v>
      </c>
      <c r="AK15" s="114">
        <v>0</v>
      </c>
      <c r="AL15" s="113">
        <v>0</v>
      </c>
      <c r="AM15" s="110">
        <v>0</v>
      </c>
      <c r="AN15" s="114">
        <v>84520</v>
      </c>
      <c r="AO15" s="114">
        <v>42256</v>
      </c>
      <c r="AP15" s="114">
        <v>160152</v>
      </c>
      <c r="AQ15" s="114">
        <v>492040</v>
      </c>
      <c r="AR15" s="114">
        <v>803468</v>
      </c>
      <c r="AS15" s="113">
        <v>1582436</v>
      </c>
      <c r="AT15" s="116">
        <v>1582436</v>
      </c>
      <c r="AU15" s="110">
        <v>145507</v>
      </c>
      <c r="AV15" s="114">
        <v>279196</v>
      </c>
      <c r="AW15" s="113">
        <v>424703</v>
      </c>
      <c r="AX15" s="110">
        <v>0</v>
      </c>
      <c r="AY15" s="114">
        <v>1629369</v>
      </c>
      <c r="AZ15" s="114">
        <v>1131291</v>
      </c>
      <c r="BA15" s="114">
        <v>1067265</v>
      </c>
      <c r="BB15" s="114">
        <v>951375</v>
      </c>
      <c r="BC15" s="114">
        <v>1257066</v>
      </c>
      <c r="BD15" s="113">
        <v>6036366</v>
      </c>
      <c r="BE15" s="116">
        <v>6461069</v>
      </c>
      <c r="BF15" s="110">
        <v>0</v>
      </c>
      <c r="BG15" s="114">
        <v>29383</v>
      </c>
      <c r="BH15" s="112">
        <v>29383</v>
      </c>
      <c r="BI15" s="111">
        <v>0</v>
      </c>
      <c r="BJ15" s="114">
        <v>74767</v>
      </c>
      <c r="BK15" s="114">
        <v>254863</v>
      </c>
      <c r="BL15" s="114">
        <v>79203</v>
      </c>
      <c r="BM15" s="114">
        <v>232733</v>
      </c>
      <c r="BN15" s="114">
        <v>144508</v>
      </c>
      <c r="BO15" s="113">
        <v>786074</v>
      </c>
      <c r="BP15" s="116">
        <v>815457</v>
      </c>
      <c r="BQ15" s="110">
        <v>148778</v>
      </c>
      <c r="BR15" s="114">
        <v>83853</v>
      </c>
      <c r="BS15" s="113">
        <v>232631</v>
      </c>
      <c r="BT15" s="110">
        <v>0</v>
      </c>
      <c r="BU15" s="114">
        <v>744660</v>
      </c>
      <c r="BV15" s="114">
        <v>711669</v>
      </c>
      <c r="BW15" s="114">
        <v>673043</v>
      </c>
      <c r="BX15" s="114">
        <v>718767</v>
      </c>
      <c r="BY15" s="114">
        <v>599613</v>
      </c>
      <c r="BZ15" s="113">
        <v>3447752</v>
      </c>
      <c r="CA15" s="116">
        <v>3680383</v>
      </c>
      <c r="CB15" s="110">
        <v>53651</v>
      </c>
      <c r="CC15" s="114">
        <v>304580</v>
      </c>
      <c r="CD15" s="113">
        <v>358231</v>
      </c>
      <c r="CE15" s="110">
        <v>0</v>
      </c>
      <c r="CF15" s="114">
        <v>2663522</v>
      </c>
      <c r="CG15" s="114">
        <v>2791422</v>
      </c>
      <c r="CH15" s="114">
        <v>1555437</v>
      </c>
      <c r="CI15" s="114">
        <v>1682871</v>
      </c>
      <c r="CJ15" s="114">
        <v>255050</v>
      </c>
      <c r="CK15" s="113">
        <v>8948302</v>
      </c>
      <c r="CL15" s="116">
        <v>9306533</v>
      </c>
      <c r="CM15" s="110">
        <v>0</v>
      </c>
      <c r="CN15" s="114">
        <v>0</v>
      </c>
      <c r="CO15" s="113">
        <v>0</v>
      </c>
      <c r="CP15" s="111">
        <v>0</v>
      </c>
      <c r="CQ15" s="114">
        <v>2311204</v>
      </c>
      <c r="CR15" s="114">
        <v>1587440</v>
      </c>
      <c r="CS15" s="114">
        <v>1205692</v>
      </c>
      <c r="CT15" s="114">
        <v>1113153</v>
      </c>
      <c r="CU15" s="114">
        <v>245855</v>
      </c>
      <c r="CV15" s="113">
        <v>6463344</v>
      </c>
      <c r="CW15" s="116">
        <v>6463344</v>
      </c>
      <c r="CX15" s="110">
        <v>53651</v>
      </c>
      <c r="CY15" s="114">
        <v>304580</v>
      </c>
      <c r="CZ15" s="113">
        <v>358231</v>
      </c>
      <c r="DA15" s="110">
        <v>0</v>
      </c>
      <c r="DB15" s="114">
        <v>352318</v>
      </c>
      <c r="DC15" s="114">
        <v>1203982</v>
      </c>
      <c r="DD15" s="114">
        <v>349745</v>
      </c>
      <c r="DE15" s="114">
        <v>569718</v>
      </c>
      <c r="DF15" s="114">
        <v>9195</v>
      </c>
      <c r="DG15" s="113">
        <v>2484958</v>
      </c>
      <c r="DH15" s="116">
        <v>2843189</v>
      </c>
      <c r="DI15" s="110">
        <v>27526</v>
      </c>
      <c r="DJ15" s="114">
        <v>0</v>
      </c>
      <c r="DK15" s="112">
        <v>27526</v>
      </c>
      <c r="DL15" s="111">
        <v>0</v>
      </c>
      <c r="DM15" s="114">
        <v>353904</v>
      </c>
      <c r="DN15" s="114">
        <v>861321</v>
      </c>
      <c r="DO15" s="114">
        <v>910194</v>
      </c>
      <c r="DP15" s="114">
        <v>651102</v>
      </c>
      <c r="DQ15" s="114">
        <v>583796</v>
      </c>
      <c r="DR15" s="113">
        <v>3360317</v>
      </c>
      <c r="DS15" s="116">
        <v>3387843</v>
      </c>
      <c r="DT15" s="110">
        <v>27526</v>
      </c>
      <c r="DU15" s="114">
        <v>0</v>
      </c>
      <c r="DV15" s="113">
        <v>27526</v>
      </c>
      <c r="DW15" s="110">
        <v>0</v>
      </c>
      <c r="DX15" s="114">
        <v>353904</v>
      </c>
      <c r="DY15" s="114">
        <v>693038</v>
      </c>
      <c r="DZ15" s="114">
        <v>850073</v>
      </c>
      <c r="EA15" s="114">
        <v>611211</v>
      </c>
      <c r="EB15" s="114">
        <v>462247</v>
      </c>
      <c r="EC15" s="113">
        <v>2970473</v>
      </c>
      <c r="ED15" s="116">
        <v>2997999</v>
      </c>
      <c r="EE15" s="110">
        <v>0</v>
      </c>
      <c r="EF15" s="112">
        <v>0</v>
      </c>
      <c r="EG15" s="113">
        <v>0</v>
      </c>
      <c r="EH15" s="110">
        <v>0</v>
      </c>
      <c r="EI15" s="114">
        <v>0</v>
      </c>
      <c r="EJ15" s="114">
        <v>168283</v>
      </c>
      <c r="EK15" s="114">
        <v>60121</v>
      </c>
      <c r="EL15" s="114">
        <v>39891</v>
      </c>
      <c r="EM15" s="114">
        <v>121549</v>
      </c>
      <c r="EN15" s="112">
        <v>389844</v>
      </c>
      <c r="EO15" s="116">
        <v>389844</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v>0</v>
      </c>
      <c r="FE15" s="114">
        <v>0</v>
      </c>
      <c r="FF15" s="114">
        <v>0</v>
      </c>
      <c r="FG15" s="114">
        <v>0</v>
      </c>
      <c r="FH15" s="114">
        <v>0</v>
      </c>
      <c r="FI15" s="114">
        <v>0</v>
      </c>
      <c r="FJ15" s="113">
        <v>0</v>
      </c>
      <c r="FK15" s="116">
        <v>0</v>
      </c>
      <c r="FL15" s="110">
        <v>396466</v>
      </c>
      <c r="FM15" s="114">
        <v>239743</v>
      </c>
      <c r="FN15" s="113">
        <v>636209</v>
      </c>
      <c r="FO15" s="110">
        <v>0</v>
      </c>
      <c r="FP15" s="114">
        <v>532714</v>
      </c>
      <c r="FQ15" s="114">
        <v>1299620</v>
      </c>
      <c r="FR15" s="114">
        <v>880614</v>
      </c>
      <c r="FS15" s="114">
        <v>1004213</v>
      </c>
      <c r="FT15" s="114">
        <v>901481</v>
      </c>
      <c r="FU15" s="113">
        <v>4618642</v>
      </c>
      <c r="FV15" s="116">
        <v>5254851</v>
      </c>
      <c r="FW15" s="115">
        <v>162806</v>
      </c>
      <c r="FX15" s="114">
        <v>153643</v>
      </c>
      <c r="FY15" s="112">
        <v>316449</v>
      </c>
      <c r="FZ15" s="111">
        <v>0</v>
      </c>
      <c r="GA15" s="114">
        <v>509614</v>
      </c>
      <c r="GB15" s="114">
        <v>1059520</v>
      </c>
      <c r="GC15" s="114">
        <v>830914</v>
      </c>
      <c r="GD15" s="114">
        <v>1004213</v>
      </c>
      <c r="GE15" s="114">
        <v>781081</v>
      </c>
      <c r="GF15" s="113">
        <v>4185342</v>
      </c>
      <c r="GG15" s="318">
        <v>4501791</v>
      </c>
      <c r="GH15" s="115">
        <v>0</v>
      </c>
      <c r="GI15" s="114">
        <v>15400</v>
      </c>
      <c r="GJ15" s="112">
        <v>15400</v>
      </c>
      <c r="GK15" s="111">
        <v>0</v>
      </c>
      <c r="GL15" s="114">
        <v>23100</v>
      </c>
      <c r="GM15" s="114">
        <v>69300</v>
      </c>
      <c r="GN15" s="114">
        <v>0</v>
      </c>
      <c r="GO15" s="114">
        <v>0</v>
      </c>
      <c r="GP15" s="114">
        <v>0</v>
      </c>
      <c r="GQ15" s="113">
        <v>92400</v>
      </c>
      <c r="GR15" s="116">
        <v>107800</v>
      </c>
      <c r="GS15" s="110">
        <v>233660</v>
      </c>
      <c r="GT15" s="114">
        <v>70700</v>
      </c>
      <c r="GU15" s="113">
        <v>304360</v>
      </c>
      <c r="GV15" s="110">
        <v>0</v>
      </c>
      <c r="GW15" s="114">
        <v>0</v>
      </c>
      <c r="GX15" s="114">
        <v>170800</v>
      </c>
      <c r="GY15" s="114">
        <v>49700</v>
      </c>
      <c r="GZ15" s="114">
        <v>0</v>
      </c>
      <c r="HA15" s="114">
        <v>120400</v>
      </c>
      <c r="HB15" s="112">
        <v>340900</v>
      </c>
      <c r="HC15" s="116">
        <v>645260</v>
      </c>
      <c r="HD15" s="110">
        <v>456736</v>
      </c>
      <c r="HE15" s="114">
        <v>528133</v>
      </c>
      <c r="HF15" s="112">
        <v>984869</v>
      </c>
      <c r="HG15" s="111">
        <v>0</v>
      </c>
      <c r="HH15" s="114">
        <v>4467332</v>
      </c>
      <c r="HI15" s="114">
        <v>2601737</v>
      </c>
      <c r="HJ15" s="114">
        <v>2376667</v>
      </c>
      <c r="HK15" s="114">
        <v>5382587</v>
      </c>
      <c r="HL15" s="114">
        <v>3145404</v>
      </c>
      <c r="HM15" s="113">
        <v>17973727</v>
      </c>
      <c r="HN15" s="109">
        <v>18958596</v>
      </c>
      <c r="HO15" s="328">
        <v>0</v>
      </c>
      <c r="HP15" s="329">
        <v>0</v>
      </c>
      <c r="HQ15" s="330">
        <v>0</v>
      </c>
      <c r="HR15" s="331">
        <v>0</v>
      </c>
      <c r="HS15" s="329">
        <v>0</v>
      </c>
      <c r="HT15" s="329">
        <v>0</v>
      </c>
      <c r="HU15" s="329">
        <v>0</v>
      </c>
      <c r="HV15" s="329">
        <v>0</v>
      </c>
      <c r="HW15" s="329">
        <v>0</v>
      </c>
      <c r="HX15" s="332">
        <v>0</v>
      </c>
      <c r="HY15" s="333">
        <v>0</v>
      </c>
      <c r="HZ15" s="128">
        <v>72746</v>
      </c>
      <c r="IA15" s="149">
        <v>141976</v>
      </c>
      <c r="IB15" s="129">
        <v>214722</v>
      </c>
      <c r="IC15" s="146">
        <v>0</v>
      </c>
      <c r="ID15" s="132">
        <v>1957157</v>
      </c>
      <c r="IE15" s="147">
        <v>2464522</v>
      </c>
      <c r="IF15" s="133">
        <v>4044083</v>
      </c>
      <c r="IG15" s="132">
        <v>2105944</v>
      </c>
      <c r="IH15" s="133">
        <v>1628979</v>
      </c>
      <c r="II15" s="148">
        <v>12200685</v>
      </c>
      <c r="IJ15" s="130">
        <v>12415407</v>
      </c>
      <c r="IK15" s="232">
        <v>0</v>
      </c>
      <c r="IL15" s="236">
        <v>0</v>
      </c>
      <c r="IM15" s="237">
        <v>0</v>
      </c>
      <c r="IN15" s="140">
        <v>0</v>
      </c>
      <c r="IO15" s="119">
        <v>61067</v>
      </c>
      <c r="IP15" s="119">
        <v>101846</v>
      </c>
      <c r="IQ15" s="119">
        <v>175375</v>
      </c>
      <c r="IR15" s="119">
        <v>411184</v>
      </c>
      <c r="IS15" s="119">
        <v>0</v>
      </c>
      <c r="IT15" s="141">
        <v>749472</v>
      </c>
      <c r="IU15" s="320">
        <v>749472</v>
      </c>
      <c r="IV15" s="142">
        <v>0</v>
      </c>
      <c r="IW15" s="119">
        <v>0</v>
      </c>
      <c r="IX15" s="120">
        <v>0</v>
      </c>
      <c r="IY15" s="144">
        <v>0</v>
      </c>
      <c r="IZ15" s="119">
        <v>0</v>
      </c>
      <c r="JA15" s="119">
        <v>0</v>
      </c>
      <c r="JB15" s="119">
        <v>0</v>
      </c>
      <c r="JC15" s="119">
        <v>0</v>
      </c>
      <c r="JD15" s="119">
        <v>0</v>
      </c>
      <c r="JE15" s="120">
        <v>0</v>
      </c>
      <c r="JF15" s="121">
        <v>0</v>
      </c>
      <c r="JG15" s="142">
        <v>0</v>
      </c>
      <c r="JH15" s="119">
        <v>0</v>
      </c>
      <c r="JI15" s="141">
        <v>0</v>
      </c>
      <c r="JJ15" s="118">
        <v>0</v>
      </c>
      <c r="JK15" s="119">
        <v>1381859</v>
      </c>
      <c r="JL15" s="119">
        <v>932627</v>
      </c>
      <c r="JM15" s="119">
        <v>1290193</v>
      </c>
      <c r="JN15" s="119">
        <v>465021</v>
      </c>
      <c r="JO15" s="119">
        <v>261718</v>
      </c>
      <c r="JP15" s="120">
        <v>4331418</v>
      </c>
      <c r="JQ15" s="320">
        <v>4331418</v>
      </c>
      <c r="JR15" s="142">
        <v>0</v>
      </c>
      <c r="JS15" s="119">
        <v>0</v>
      </c>
      <c r="JT15" s="141">
        <v>0</v>
      </c>
      <c r="JU15" s="118">
        <v>0</v>
      </c>
      <c r="JV15" s="119">
        <v>0</v>
      </c>
      <c r="JW15" s="119">
        <v>0</v>
      </c>
      <c r="JX15" s="119">
        <v>235388</v>
      </c>
      <c r="JY15" s="119">
        <v>175030</v>
      </c>
      <c r="JZ15" s="119">
        <v>102191</v>
      </c>
      <c r="KA15" s="120">
        <v>512609</v>
      </c>
      <c r="KB15" s="320">
        <v>512609</v>
      </c>
      <c r="KC15" s="234">
        <v>72746</v>
      </c>
      <c r="KD15" s="230">
        <v>141976</v>
      </c>
      <c r="KE15" s="120">
        <v>214722</v>
      </c>
      <c r="KF15" s="118">
        <v>0</v>
      </c>
      <c r="KG15" s="119">
        <v>514231</v>
      </c>
      <c r="KH15" s="119">
        <v>0</v>
      </c>
      <c r="KI15" s="119">
        <v>229218</v>
      </c>
      <c r="KJ15" s="119">
        <v>561954</v>
      </c>
      <c r="KK15" s="119">
        <v>241075</v>
      </c>
      <c r="KL15" s="120">
        <v>1546478</v>
      </c>
      <c r="KM15" s="143">
        <v>1761200</v>
      </c>
      <c r="KN15" s="232">
        <v>0</v>
      </c>
      <c r="KO15" s="236">
        <v>0</v>
      </c>
      <c r="KP15" s="237">
        <v>0</v>
      </c>
      <c r="KQ15" s="140">
        <v>0</v>
      </c>
      <c r="KR15" s="119">
        <v>0</v>
      </c>
      <c r="KS15" s="119">
        <v>995979</v>
      </c>
      <c r="KT15" s="119">
        <v>1629288</v>
      </c>
      <c r="KU15" s="119">
        <v>316726</v>
      </c>
      <c r="KV15" s="119">
        <v>450630</v>
      </c>
      <c r="KW15" s="120">
        <v>3392623</v>
      </c>
      <c r="KX15" s="320">
        <v>3392623</v>
      </c>
      <c r="KY15" s="142">
        <v>0</v>
      </c>
      <c r="KZ15" s="119">
        <v>0</v>
      </c>
      <c r="LA15" s="120">
        <v>0</v>
      </c>
      <c r="LB15" s="145">
        <v>0</v>
      </c>
      <c r="LC15" s="119">
        <v>0</v>
      </c>
      <c r="LD15" s="119">
        <v>434070</v>
      </c>
      <c r="LE15" s="119">
        <v>0</v>
      </c>
      <c r="LF15" s="119">
        <v>176029</v>
      </c>
      <c r="LG15" s="119">
        <v>0</v>
      </c>
      <c r="LH15" s="120">
        <v>610099</v>
      </c>
      <c r="LI15" s="121">
        <v>610099</v>
      </c>
      <c r="LJ15" s="142">
        <v>0</v>
      </c>
      <c r="LK15" s="119">
        <v>0</v>
      </c>
      <c r="LL15" s="120">
        <v>0</v>
      </c>
      <c r="LM15" s="145">
        <v>0</v>
      </c>
      <c r="LN15" s="119">
        <v>0</v>
      </c>
      <c r="LO15" s="119">
        <v>0</v>
      </c>
      <c r="LP15" s="119">
        <v>0</v>
      </c>
      <c r="LQ15" s="119">
        <v>0</v>
      </c>
      <c r="LR15" s="119">
        <v>0</v>
      </c>
      <c r="LS15" s="120">
        <v>0</v>
      </c>
      <c r="LT15" s="320">
        <v>0</v>
      </c>
      <c r="LU15" s="142">
        <v>0</v>
      </c>
      <c r="LV15" s="119">
        <v>0</v>
      </c>
      <c r="LW15" s="120">
        <v>0</v>
      </c>
      <c r="LX15" s="145">
        <v>0</v>
      </c>
      <c r="LY15" s="119">
        <v>0</v>
      </c>
      <c r="LZ15" s="119">
        <v>0</v>
      </c>
      <c r="MA15" s="119">
        <v>484621</v>
      </c>
      <c r="MB15" s="119">
        <v>0</v>
      </c>
      <c r="MC15" s="119">
        <v>573365</v>
      </c>
      <c r="MD15" s="120">
        <v>1057986</v>
      </c>
      <c r="ME15" s="121">
        <v>1057986</v>
      </c>
      <c r="MF15" s="142">
        <v>0</v>
      </c>
      <c r="MG15" s="119">
        <v>0</v>
      </c>
      <c r="MH15" s="120">
        <v>0</v>
      </c>
      <c r="MI15" s="145">
        <v>0</v>
      </c>
      <c r="MJ15" s="119">
        <v>234120</v>
      </c>
      <c r="MK15" s="119">
        <v>1324795</v>
      </c>
      <c r="ML15" s="119">
        <v>3487280</v>
      </c>
      <c r="MM15" s="119">
        <v>4791713</v>
      </c>
      <c r="MN15" s="119">
        <v>3906128</v>
      </c>
      <c r="MO15" s="120">
        <v>13744036</v>
      </c>
      <c r="MP15" s="143">
        <v>13744036</v>
      </c>
      <c r="MQ15" s="142">
        <v>0</v>
      </c>
      <c r="MR15" s="119">
        <v>0</v>
      </c>
      <c r="MS15" s="120">
        <v>0</v>
      </c>
      <c r="MT15" s="145">
        <v>0</v>
      </c>
      <c r="MU15" s="119">
        <v>175132</v>
      </c>
      <c r="MV15" s="119">
        <v>0</v>
      </c>
      <c r="MW15" s="119">
        <v>421093</v>
      </c>
      <c r="MX15" s="119">
        <v>3617459</v>
      </c>
      <c r="MY15" s="119">
        <v>2533381</v>
      </c>
      <c r="MZ15" s="120">
        <v>6747065</v>
      </c>
      <c r="NA15" s="143">
        <v>6747065</v>
      </c>
      <c r="NB15" s="142">
        <v>0</v>
      </c>
      <c r="NC15" s="119">
        <v>0</v>
      </c>
      <c r="ND15" s="120">
        <v>0</v>
      </c>
      <c r="NE15" s="145">
        <v>0</v>
      </c>
      <c r="NF15" s="119">
        <v>58988</v>
      </c>
      <c r="NG15" s="119">
        <v>1324795</v>
      </c>
      <c r="NH15" s="119">
        <v>3066187</v>
      </c>
      <c r="NI15" s="119">
        <v>1174254</v>
      </c>
      <c r="NJ15" s="119">
        <v>1063569</v>
      </c>
      <c r="NK15" s="120">
        <v>6687793</v>
      </c>
      <c r="NL15" s="320">
        <v>6687793</v>
      </c>
      <c r="NM15" s="142">
        <v>0</v>
      </c>
      <c r="NN15" s="119">
        <v>0</v>
      </c>
      <c r="NO15" s="120">
        <v>0</v>
      </c>
      <c r="NP15" s="145">
        <v>0</v>
      </c>
      <c r="NQ15" s="119">
        <v>0</v>
      </c>
      <c r="NR15" s="119">
        <v>0</v>
      </c>
      <c r="NS15" s="119">
        <v>0</v>
      </c>
      <c r="NT15" s="119">
        <v>0</v>
      </c>
      <c r="NU15" s="119">
        <v>0</v>
      </c>
      <c r="NV15" s="120">
        <v>0</v>
      </c>
      <c r="NW15" s="121">
        <v>0</v>
      </c>
      <c r="NX15" s="142">
        <v>0</v>
      </c>
      <c r="NY15" s="119">
        <v>0</v>
      </c>
      <c r="NZ15" s="120">
        <v>0</v>
      </c>
      <c r="OA15" s="145">
        <v>0</v>
      </c>
      <c r="OB15" s="119">
        <v>0</v>
      </c>
      <c r="OC15" s="119">
        <v>0</v>
      </c>
      <c r="OD15" s="119">
        <v>0</v>
      </c>
      <c r="OE15" s="119">
        <v>0</v>
      </c>
      <c r="OF15" s="119">
        <v>309178</v>
      </c>
      <c r="OG15" s="120">
        <v>309178</v>
      </c>
      <c r="OH15" s="121">
        <v>309178</v>
      </c>
      <c r="OI15" s="142">
        <v>1301410</v>
      </c>
      <c r="OJ15" s="119">
        <v>1606864</v>
      </c>
      <c r="OK15" s="141">
        <v>2908274</v>
      </c>
      <c r="OL15" s="118">
        <v>0</v>
      </c>
      <c r="OM15" s="119">
        <v>14054266</v>
      </c>
      <c r="ON15" s="119">
        <v>15496035</v>
      </c>
      <c r="OO15" s="119">
        <v>17479259</v>
      </c>
      <c r="OP15" s="119">
        <v>20528145</v>
      </c>
      <c r="OQ15" s="119">
        <v>16658359</v>
      </c>
      <c r="OR15" s="120">
        <v>84216064</v>
      </c>
      <c r="OS15" s="143">
        <v>87124338</v>
      </c>
    </row>
    <row r="16" spans="1:409" ht="21" customHeight="1" x14ac:dyDescent="0.2">
      <c r="B16" s="126" t="s">
        <v>10</v>
      </c>
      <c r="C16" s="110">
        <v>1406651</v>
      </c>
      <c r="D16" s="114">
        <v>2056257</v>
      </c>
      <c r="E16" s="113">
        <v>3462908</v>
      </c>
      <c r="F16" s="172">
        <v>0</v>
      </c>
      <c r="G16" s="114">
        <v>14941208</v>
      </c>
      <c r="H16" s="114">
        <v>13783235</v>
      </c>
      <c r="I16" s="114">
        <v>13551116</v>
      </c>
      <c r="J16" s="114">
        <v>12972902</v>
      </c>
      <c r="K16" s="114">
        <v>12431213</v>
      </c>
      <c r="L16" s="109">
        <v>67679674</v>
      </c>
      <c r="M16" s="116">
        <v>71142582</v>
      </c>
      <c r="N16" s="110">
        <v>443674</v>
      </c>
      <c r="O16" s="114">
        <v>850274</v>
      </c>
      <c r="P16" s="113">
        <v>1293948</v>
      </c>
      <c r="Q16" s="110">
        <v>0</v>
      </c>
      <c r="R16" s="114">
        <v>5114656</v>
      </c>
      <c r="S16" s="114">
        <v>3921925</v>
      </c>
      <c r="T16" s="114">
        <v>4819221</v>
      </c>
      <c r="U16" s="114">
        <v>5686623</v>
      </c>
      <c r="V16" s="114">
        <v>5899904</v>
      </c>
      <c r="W16" s="113">
        <v>25442329</v>
      </c>
      <c r="X16" s="116">
        <v>26736277</v>
      </c>
      <c r="Y16" s="110">
        <v>0</v>
      </c>
      <c r="Z16" s="114">
        <v>0</v>
      </c>
      <c r="AA16" s="113">
        <v>0</v>
      </c>
      <c r="AB16" s="110">
        <v>0</v>
      </c>
      <c r="AC16" s="114">
        <v>2582690</v>
      </c>
      <c r="AD16" s="114">
        <v>1718871</v>
      </c>
      <c r="AE16" s="114">
        <v>3021643</v>
      </c>
      <c r="AF16" s="114">
        <v>4020016</v>
      </c>
      <c r="AG16" s="114">
        <v>3553320</v>
      </c>
      <c r="AH16" s="113">
        <v>14896540</v>
      </c>
      <c r="AI16" s="116">
        <v>14896540</v>
      </c>
      <c r="AJ16" s="110">
        <v>0</v>
      </c>
      <c r="AK16" s="114">
        <v>0</v>
      </c>
      <c r="AL16" s="113">
        <v>0</v>
      </c>
      <c r="AM16" s="110">
        <v>0</v>
      </c>
      <c r="AN16" s="114">
        <v>82913</v>
      </c>
      <c r="AO16" s="114">
        <v>63828</v>
      </c>
      <c r="AP16" s="114">
        <v>94923</v>
      </c>
      <c r="AQ16" s="114">
        <v>208354</v>
      </c>
      <c r="AR16" s="114">
        <v>533309</v>
      </c>
      <c r="AS16" s="113">
        <v>983327</v>
      </c>
      <c r="AT16" s="116">
        <v>983327</v>
      </c>
      <c r="AU16" s="110">
        <v>201903</v>
      </c>
      <c r="AV16" s="114">
        <v>596368</v>
      </c>
      <c r="AW16" s="113">
        <v>798271</v>
      </c>
      <c r="AX16" s="110">
        <v>0</v>
      </c>
      <c r="AY16" s="114">
        <v>1235900</v>
      </c>
      <c r="AZ16" s="114">
        <v>1021995</v>
      </c>
      <c r="BA16" s="114">
        <v>757368</v>
      </c>
      <c r="BB16" s="114">
        <v>630639</v>
      </c>
      <c r="BC16" s="114">
        <v>831357</v>
      </c>
      <c r="BD16" s="113">
        <v>4477259</v>
      </c>
      <c r="BE16" s="116">
        <v>5275530</v>
      </c>
      <c r="BF16" s="110">
        <v>47248</v>
      </c>
      <c r="BG16" s="114">
        <v>111211</v>
      </c>
      <c r="BH16" s="112">
        <v>158459</v>
      </c>
      <c r="BI16" s="111">
        <v>0</v>
      </c>
      <c r="BJ16" s="114">
        <v>232075</v>
      </c>
      <c r="BK16" s="114">
        <v>264246</v>
      </c>
      <c r="BL16" s="114">
        <v>94143</v>
      </c>
      <c r="BM16" s="114">
        <v>18505</v>
      </c>
      <c r="BN16" s="114">
        <v>55874</v>
      </c>
      <c r="BO16" s="113">
        <v>664843</v>
      </c>
      <c r="BP16" s="116">
        <v>823302</v>
      </c>
      <c r="BQ16" s="110">
        <v>194523</v>
      </c>
      <c r="BR16" s="114">
        <v>142695</v>
      </c>
      <c r="BS16" s="113">
        <v>337218</v>
      </c>
      <c r="BT16" s="110">
        <v>0</v>
      </c>
      <c r="BU16" s="114">
        <v>981078</v>
      </c>
      <c r="BV16" s="114">
        <v>852985</v>
      </c>
      <c r="BW16" s="114">
        <v>851144</v>
      </c>
      <c r="BX16" s="114">
        <v>809109</v>
      </c>
      <c r="BY16" s="114">
        <v>926044</v>
      </c>
      <c r="BZ16" s="113">
        <v>4420360</v>
      </c>
      <c r="CA16" s="116">
        <v>4757578</v>
      </c>
      <c r="CB16" s="110">
        <v>88544</v>
      </c>
      <c r="CC16" s="114">
        <v>237956</v>
      </c>
      <c r="CD16" s="113">
        <v>326500</v>
      </c>
      <c r="CE16" s="110">
        <v>0</v>
      </c>
      <c r="CF16" s="114">
        <v>4901854</v>
      </c>
      <c r="CG16" s="114">
        <v>3567821</v>
      </c>
      <c r="CH16" s="114">
        <v>2771218</v>
      </c>
      <c r="CI16" s="114">
        <v>1139405</v>
      </c>
      <c r="CJ16" s="114">
        <v>210210</v>
      </c>
      <c r="CK16" s="113">
        <v>12590508</v>
      </c>
      <c r="CL16" s="116">
        <v>12917008</v>
      </c>
      <c r="CM16" s="110">
        <v>0</v>
      </c>
      <c r="CN16" s="114">
        <v>0</v>
      </c>
      <c r="CO16" s="113">
        <v>0</v>
      </c>
      <c r="CP16" s="111">
        <v>0</v>
      </c>
      <c r="CQ16" s="114">
        <v>4244184</v>
      </c>
      <c r="CR16" s="114">
        <v>2847654</v>
      </c>
      <c r="CS16" s="114">
        <v>2530068</v>
      </c>
      <c r="CT16" s="114">
        <v>980019</v>
      </c>
      <c r="CU16" s="114">
        <v>210210</v>
      </c>
      <c r="CV16" s="113">
        <v>10812135</v>
      </c>
      <c r="CW16" s="116">
        <v>10812135</v>
      </c>
      <c r="CX16" s="110">
        <v>88544</v>
      </c>
      <c r="CY16" s="114">
        <v>237956</v>
      </c>
      <c r="CZ16" s="113">
        <v>326500</v>
      </c>
      <c r="DA16" s="110">
        <v>0</v>
      </c>
      <c r="DB16" s="114">
        <v>657670</v>
      </c>
      <c r="DC16" s="114">
        <v>720167</v>
      </c>
      <c r="DD16" s="114">
        <v>241150</v>
      </c>
      <c r="DE16" s="114">
        <v>159386</v>
      </c>
      <c r="DF16" s="114">
        <v>0</v>
      </c>
      <c r="DG16" s="113">
        <v>1778373</v>
      </c>
      <c r="DH16" s="116">
        <v>2104873</v>
      </c>
      <c r="DI16" s="110">
        <v>0</v>
      </c>
      <c r="DJ16" s="114">
        <v>34041</v>
      </c>
      <c r="DK16" s="112">
        <v>34041</v>
      </c>
      <c r="DL16" s="111">
        <v>0</v>
      </c>
      <c r="DM16" s="114">
        <v>313099</v>
      </c>
      <c r="DN16" s="114">
        <v>286645</v>
      </c>
      <c r="DO16" s="114">
        <v>1354160</v>
      </c>
      <c r="DP16" s="114">
        <v>1229855</v>
      </c>
      <c r="DQ16" s="114">
        <v>269772</v>
      </c>
      <c r="DR16" s="113">
        <v>3453531</v>
      </c>
      <c r="DS16" s="116">
        <v>3487572</v>
      </c>
      <c r="DT16" s="110">
        <v>0</v>
      </c>
      <c r="DU16" s="114">
        <v>34041</v>
      </c>
      <c r="DV16" s="113">
        <v>34041</v>
      </c>
      <c r="DW16" s="110">
        <v>0</v>
      </c>
      <c r="DX16" s="114">
        <v>238235</v>
      </c>
      <c r="DY16" s="114">
        <v>286645</v>
      </c>
      <c r="DZ16" s="114">
        <v>1354160</v>
      </c>
      <c r="EA16" s="114">
        <v>1229855</v>
      </c>
      <c r="EB16" s="114">
        <v>269772</v>
      </c>
      <c r="EC16" s="113">
        <v>3378667</v>
      </c>
      <c r="ED16" s="116">
        <v>3412708</v>
      </c>
      <c r="EE16" s="110">
        <v>0</v>
      </c>
      <c r="EF16" s="112">
        <v>0</v>
      </c>
      <c r="EG16" s="113">
        <v>0</v>
      </c>
      <c r="EH16" s="110">
        <v>0</v>
      </c>
      <c r="EI16" s="114">
        <v>74864</v>
      </c>
      <c r="EJ16" s="114">
        <v>0</v>
      </c>
      <c r="EK16" s="114">
        <v>0</v>
      </c>
      <c r="EL16" s="114">
        <v>0</v>
      </c>
      <c r="EM16" s="114">
        <v>0</v>
      </c>
      <c r="EN16" s="112">
        <v>74864</v>
      </c>
      <c r="EO16" s="116">
        <v>74864</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v>0</v>
      </c>
      <c r="FE16" s="114">
        <v>0</v>
      </c>
      <c r="FF16" s="114">
        <v>0</v>
      </c>
      <c r="FG16" s="114">
        <v>0</v>
      </c>
      <c r="FH16" s="114">
        <v>0</v>
      </c>
      <c r="FI16" s="114">
        <v>0</v>
      </c>
      <c r="FJ16" s="113">
        <v>0</v>
      </c>
      <c r="FK16" s="116">
        <v>0</v>
      </c>
      <c r="FL16" s="110">
        <v>330232</v>
      </c>
      <c r="FM16" s="114">
        <v>581847</v>
      </c>
      <c r="FN16" s="113">
        <v>912079</v>
      </c>
      <c r="FO16" s="110">
        <v>0</v>
      </c>
      <c r="FP16" s="114">
        <v>639008</v>
      </c>
      <c r="FQ16" s="114">
        <v>1252664</v>
      </c>
      <c r="FR16" s="114">
        <v>1081491</v>
      </c>
      <c r="FS16" s="114">
        <v>686427</v>
      </c>
      <c r="FT16" s="114">
        <v>821254</v>
      </c>
      <c r="FU16" s="113">
        <v>4480844</v>
      </c>
      <c r="FV16" s="116">
        <v>5392923</v>
      </c>
      <c r="FW16" s="115">
        <v>205184</v>
      </c>
      <c r="FX16" s="114">
        <v>489027</v>
      </c>
      <c r="FY16" s="112">
        <v>694211</v>
      </c>
      <c r="FZ16" s="111">
        <v>0</v>
      </c>
      <c r="GA16" s="114">
        <v>436384</v>
      </c>
      <c r="GB16" s="114">
        <v>1130514</v>
      </c>
      <c r="GC16" s="114">
        <v>961947</v>
      </c>
      <c r="GD16" s="114">
        <v>686427</v>
      </c>
      <c r="GE16" s="114">
        <v>802354</v>
      </c>
      <c r="GF16" s="113">
        <v>4017626</v>
      </c>
      <c r="GG16" s="318">
        <v>4711837</v>
      </c>
      <c r="GH16" s="115">
        <v>28770</v>
      </c>
      <c r="GI16" s="114">
        <v>25410</v>
      </c>
      <c r="GJ16" s="112">
        <v>54180</v>
      </c>
      <c r="GK16" s="111">
        <v>0</v>
      </c>
      <c r="GL16" s="114">
        <v>9590</v>
      </c>
      <c r="GM16" s="114">
        <v>122150</v>
      </c>
      <c r="GN16" s="114">
        <v>67744</v>
      </c>
      <c r="GO16" s="114">
        <v>0</v>
      </c>
      <c r="GP16" s="114">
        <v>18900</v>
      </c>
      <c r="GQ16" s="113">
        <v>218384</v>
      </c>
      <c r="GR16" s="116">
        <v>272564</v>
      </c>
      <c r="GS16" s="110">
        <v>96278</v>
      </c>
      <c r="GT16" s="114">
        <v>67410</v>
      </c>
      <c r="GU16" s="113">
        <v>163688</v>
      </c>
      <c r="GV16" s="110">
        <v>0</v>
      </c>
      <c r="GW16" s="114">
        <v>193034</v>
      </c>
      <c r="GX16" s="114">
        <v>0</v>
      </c>
      <c r="GY16" s="114">
        <v>51800</v>
      </c>
      <c r="GZ16" s="114">
        <v>0</v>
      </c>
      <c r="HA16" s="114">
        <v>0</v>
      </c>
      <c r="HB16" s="112">
        <v>244834</v>
      </c>
      <c r="HC16" s="116">
        <v>408522</v>
      </c>
      <c r="HD16" s="110">
        <v>544201</v>
      </c>
      <c r="HE16" s="114">
        <v>352139</v>
      </c>
      <c r="HF16" s="112">
        <v>896340</v>
      </c>
      <c r="HG16" s="111">
        <v>0</v>
      </c>
      <c r="HH16" s="114">
        <v>3972591</v>
      </c>
      <c r="HI16" s="114">
        <v>4754180</v>
      </c>
      <c r="HJ16" s="114">
        <v>3525026</v>
      </c>
      <c r="HK16" s="114">
        <v>4230592</v>
      </c>
      <c r="HL16" s="114">
        <v>5230073</v>
      </c>
      <c r="HM16" s="113">
        <v>21712462</v>
      </c>
      <c r="HN16" s="109">
        <v>22608802</v>
      </c>
      <c r="HO16" s="328">
        <v>0</v>
      </c>
      <c r="HP16" s="329">
        <v>0</v>
      </c>
      <c r="HQ16" s="330">
        <v>0</v>
      </c>
      <c r="HR16" s="331">
        <v>0</v>
      </c>
      <c r="HS16" s="329">
        <v>0</v>
      </c>
      <c r="HT16" s="329">
        <v>0</v>
      </c>
      <c r="HU16" s="329">
        <v>0</v>
      </c>
      <c r="HV16" s="329">
        <v>0</v>
      </c>
      <c r="HW16" s="329">
        <v>0</v>
      </c>
      <c r="HX16" s="332">
        <v>0</v>
      </c>
      <c r="HY16" s="333">
        <v>0</v>
      </c>
      <c r="HZ16" s="150">
        <v>40399</v>
      </c>
      <c r="IA16" s="135">
        <v>210627</v>
      </c>
      <c r="IB16" s="150">
        <v>251026</v>
      </c>
      <c r="IC16" s="134">
        <v>0</v>
      </c>
      <c r="ID16" s="135">
        <v>2894946</v>
      </c>
      <c r="IE16" s="136">
        <v>2710213</v>
      </c>
      <c r="IF16" s="137">
        <v>3876328</v>
      </c>
      <c r="IG16" s="135">
        <v>3143777</v>
      </c>
      <c r="IH16" s="137">
        <v>2920546</v>
      </c>
      <c r="II16" s="138">
        <v>15545810</v>
      </c>
      <c r="IJ16" s="150">
        <v>15796836</v>
      </c>
      <c r="IK16" s="232">
        <v>0</v>
      </c>
      <c r="IL16" s="236">
        <v>0</v>
      </c>
      <c r="IM16" s="237">
        <v>0</v>
      </c>
      <c r="IN16" s="140">
        <v>0</v>
      </c>
      <c r="IO16" s="119">
        <v>0</v>
      </c>
      <c r="IP16" s="119">
        <v>92011</v>
      </c>
      <c r="IQ16" s="119">
        <v>277074</v>
      </c>
      <c r="IR16" s="119">
        <v>0</v>
      </c>
      <c r="IS16" s="119">
        <v>0</v>
      </c>
      <c r="IT16" s="141">
        <v>369085</v>
      </c>
      <c r="IU16" s="320">
        <v>369085</v>
      </c>
      <c r="IV16" s="142">
        <v>0</v>
      </c>
      <c r="IW16" s="119">
        <v>0</v>
      </c>
      <c r="IX16" s="120">
        <v>0</v>
      </c>
      <c r="IY16" s="144">
        <v>0</v>
      </c>
      <c r="IZ16" s="119">
        <v>9355</v>
      </c>
      <c r="JA16" s="119">
        <v>0</v>
      </c>
      <c r="JB16" s="119">
        <v>13695</v>
      </c>
      <c r="JC16" s="119">
        <v>0</v>
      </c>
      <c r="JD16" s="119">
        <v>0</v>
      </c>
      <c r="JE16" s="120">
        <v>23050</v>
      </c>
      <c r="JF16" s="121">
        <v>23050</v>
      </c>
      <c r="JG16" s="142">
        <v>0</v>
      </c>
      <c r="JH16" s="119">
        <v>0</v>
      </c>
      <c r="JI16" s="141">
        <v>0</v>
      </c>
      <c r="JJ16" s="118">
        <v>0</v>
      </c>
      <c r="JK16" s="119">
        <v>1338163</v>
      </c>
      <c r="JL16" s="119">
        <v>814041</v>
      </c>
      <c r="JM16" s="119">
        <v>151947</v>
      </c>
      <c r="JN16" s="119">
        <v>738269</v>
      </c>
      <c r="JO16" s="119">
        <v>0</v>
      </c>
      <c r="JP16" s="120">
        <v>3042420</v>
      </c>
      <c r="JQ16" s="320">
        <v>3042420</v>
      </c>
      <c r="JR16" s="142">
        <v>0</v>
      </c>
      <c r="JS16" s="119">
        <v>0</v>
      </c>
      <c r="JT16" s="141">
        <v>0</v>
      </c>
      <c r="JU16" s="118">
        <v>0</v>
      </c>
      <c r="JV16" s="119">
        <v>0</v>
      </c>
      <c r="JW16" s="119">
        <v>328878</v>
      </c>
      <c r="JX16" s="119">
        <v>351927</v>
      </c>
      <c r="JY16" s="119">
        <v>0</v>
      </c>
      <c r="JZ16" s="119">
        <v>9811</v>
      </c>
      <c r="KA16" s="120">
        <v>690616</v>
      </c>
      <c r="KB16" s="320">
        <v>690616</v>
      </c>
      <c r="KC16" s="234">
        <v>40399</v>
      </c>
      <c r="KD16" s="230">
        <v>210627</v>
      </c>
      <c r="KE16" s="120">
        <v>251026</v>
      </c>
      <c r="KF16" s="118">
        <v>0</v>
      </c>
      <c r="KG16" s="119">
        <v>510439</v>
      </c>
      <c r="KH16" s="119">
        <v>0</v>
      </c>
      <c r="KI16" s="119">
        <v>632969</v>
      </c>
      <c r="KJ16" s="119">
        <v>214308</v>
      </c>
      <c r="KK16" s="119">
        <v>455233</v>
      </c>
      <c r="KL16" s="120">
        <v>1812949</v>
      </c>
      <c r="KM16" s="143">
        <v>2063975</v>
      </c>
      <c r="KN16" s="232">
        <v>0</v>
      </c>
      <c r="KO16" s="236">
        <v>0</v>
      </c>
      <c r="KP16" s="237">
        <v>0</v>
      </c>
      <c r="KQ16" s="140">
        <v>0</v>
      </c>
      <c r="KR16" s="119">
        <v>389358</v>
      </c>
      <c r="KS16" s="119">
        <v>1173768</v>
      </c>
      <c r="KT16" s="119">
        <v>1649803</v>
      </c>
      <c r="KU16" s="119">
        <v>1195742</v>
      </c>
      <c r="KV16" s="119">
        <v>1273704</v>
      </c>
      <c r="KW16" s="120">
        <v>5682375</v>
      </c>
      <c r="KX16" s="320">
        <v>5682375</v>
      </c>
      <c r="KY16" s="142">
        <v>0</v>
      </c>
      <c r="KZ16" s="119">
        <v>0</v>
      </c>
      <c r="LA16" s="120">
        <v>0</v>
      </c>
      <c r="LB16" s="145">
        <v>0</v>
      </c>
      <c r="LC16" s="119">
        <v>502145</v>
      </c>
      <c r="LD16" s="119">
        <v>301515</v>
      </c>
      <c r="LE16" s="119">
        <v>470676</v>
      </c>
      <c r="LF16" s="119">
        <v>172482</v>
      </c>
      <c r="LG16" s="119">
        <v>635974</v>
      </c>
      <c r="LH16" s="120">
        <v>2082792</v>
      </c>
      <c r="LI16" s="121">
        <v>2082792</v>
      </c>
      <c r="LJ16" s="142">
        <v>0</v>
      </c>
      <c r="LK16" s="119">
        <v>0</v>
      </c>
      <c r="LL16" s="120">
        <v>0</v>
      </c>
      <c r="LM16" s="145">
        <v>0</v>
      </c>
      <c r="LN16" s="119">
        <v>0</v>
      </c>
      <c r="LO16" s="119">
        <v>0</v>
      </c>
      <c r="LP16" s="119">
        <v>0</v>
      </c>
      <c r="LQ16" s="119">
        <v>822976</v>
      </c>
      <c r="LR16" s="119">
        <v>241599</v>
      </c>
      <c r="LS16" s="120">
        <v>1064575</v>
      </c>
      <c r="LT16" s="320">
        <v>1064575</v>
      </c>
      <c r="LU16" s="142">
        <v>0</v>
      </c>
      <c r="LV16" s="119">
        <v>0</v>
      </c>
      <c r="LW16" s="120">
        <v>0</v>
      </c>
      <c r="LX16" s="145">
        <v>0</v>
      </c>
      <c r="LY16" s="119">
        <v>145486</v>
      </c>
      <c r="LZ16" s="119">
        <v>0</v>
      </c>
      <c r="MA16" s="119">
        <v>328237</v>
      </c>
      <c r="MB16" s="119">
        <v>0</v>
      </c>
      <c r="MC16" s="119">
        <v>304225</v>
      </c>
      <c r="MD16" s="120">
        <v>777948</v>
      </c>
      <c r="ME16" s="121">
        <v>777948</v>
      </c>
      <c r="MF16" s="142">
        <v>0</v>
      </c>
      <c r="MG16" s="119">
        <v>0</v>
      </c>
      <c r="MH16" s="120">
        <v>0</v>
      </c>
      <c r="MI16" s="145">
        <v>0</v>
      </c>
      <c r="MJ16" s="119">
        <v>633967</v>
      </c>
      <c r="MK16" s="119">
        <v>685725</v>
      </c>
      <c r="ML16" s="119">
        <v>4334273</v>
      </c>
      <c r="MM16" s="119">
        <v>3830100</v>
      </c>
      <c r="MN16" s="119">
        <v>4912824</v>
      </c>
      <c r="MO16" s="120">
        <v>14396889</v>
      </c>
      <c r="MP16" s="143">
        <v>14396889</v>
      </c>
      <c r="MQ16" s="142">
        <v>0</v>
      </c>
      <c r="MR16" s="119">
        <v>0</v>
      </c>
      <c r="MS16" s="120">
        <v>0</v>
      </c>
      <c r="MT16" s="145">
        <v>0</v>
      </c>
      <c r="MU16" s="119">
        <v>0</v>
      </c>
      <c r="MV16" s="119">
        <v>190507</v>
      </c>
      <c r="MW16" s="119">
        <v>2723894</v>
      </c>
      <c r="MX16" s="119">
        <v>2414475</v>
      </c>
      <c r="MY16" s="119">
        <v>4350816</v>
      </c>
      <c r="MZ16" s="120">
        <v>9679692</v>
      </c>
      <c r="NA16" s="143">
        <v>9679692</v>
      </c>
      <c r="NB16" s="142">
        <v>0</v>
      </c>
      <c r="NC16" s="119">
        <v>0</v>
      </c>
      <c r="ND16" s="120">
        <v>0</v>
      </c>
      <c r="NE16" s="145">
        <v>0</v>
      </c>
      <c r="NF16" s="119">
        <v>633967</v>
      </c>
      <c r="NG16" s="119">
        <v>495218</v>
      </c>
      <c r="NH16" s="119">
        <v>1610379</v>
      </c>
      <c r="NI16" s="119">
        <v>1415625</v>
      </c>
      <c r="NJ16" s="119">
        <v>270816</v>
      </c>
      <c r="NK16" s="120">
        <v>4426005</v>
      </c>
      <c r="NL16" s="320">
        <v>4426005</v>
      </c>
      <c r="NM16" s="142">
        <v>0</v>
      </c>
      <c r="NN16" s="119">
        <v>0</v>
      </c>
      <c r="NO16" s="120">
        <v>0</v>
      </c>
      <c r="NP16" s="145">
        <v>0</v>
      </c>
      <c r="NQ16" s="119">
        <v>0</v>
      </c>
      <c r="NR16" s="119">
        <v>0</v>
      </c>
      <c r="NS16" s="119">
        <v>0</v>
      </c>
      <c r="NT16" s="119">
        <v>0</v>
      </c>
      <c r="NU16" s="119">
        <v>0</v>
      </c>
      <c r="NV16" s="120">
        <v>0</v>
      </c>
      <c r="NW16" s="121">
        <v>0</v>
      </c>
      <c r="NX16" s="142">
        <v>0</v>
      </c>
      <c r="NY16" s="119">
        <v>0</v>
      </c>
      <c r="NZ16" s="120">
        <v>0</v>
      </c>
      <c r="OA16" s="145">
        <v>0</v>
      </c>
      <c r="OB16" s="119">
        <v>0</v>
      </c>
      <c r="OC16" s="119">
        <v>0</v>
      </c>
      <c r="OD16" s="119">
        <v>0</v>
      </c>
      <c r="OE16" s="119">
        <v>0</v>
      </c>
      <c r="OF16" s="119">
        <v>291192</v>
      </c>
      <c r="OG16" s="120">
        <v>291192</v>
      </c>
      <c r="OH16" s="121">
        <v>291192</v>
      </c>
      <c r="OI16" s="142">
        <v>1447050</v>
      </c>
      <c r="OJ16" s="119">
        <v>2266884</v>
      </c>
      <c r="OK16" s="141">
        <v>3713934</v>
      </c>
      <c r="OL16" s="118">
        <v>0</v>
      </c>
      <c r="OM16" s="119">
        <v>18470121</v>
      </c>
      <c r="ON16" s="119">
        <v>17179173</v>
      </c>
      <c r="OO16" s="119">
        <v>21761717</v>
      </c>
      <c r="OP16" s="119">
        <v>19946779</v>
      </c>
      <c r="OQ16" s="119">
        <v>20264583</v>
      </c>
      <c r="OR16" s="120">
        <v>97622373</v>
      </c>
      <c r="OS16" s="143">
        <v>101336307</v>
      </c>
    </row>
    <row r="17" spans="2:409" ht="21" customHeight="1" x14ac:dyDescent="0.2">
      <c r="B17" s="126" t="s">
        <v>11</v>
      </c>
      <c r="C17" s="110">
        <v>233064</v>
      </c>
      <c r="D17" s="114">
        <v>415982</v>
      </c>
      <c r="E17" s="171">
        <v>649046</v>
      </c>
      <c r="F17" s="111">
        <v>0</v>
      </c>
      <c r="G17" s="114">
        <v>5219038</v>
      </c>
      <c r="H17" s="114">
        <v>3659439</v>
      </c>
      <c r="I17" s="114">
        <v>5111939</v>
      </c>
      <c r="J17" s="114">
        <v>6195052</v>
      </c>
      <c r="K17" s="114">
        <v>3340942</v>
      </c>
      <c r="L17" s="109">
        <v>23526410</v>
      </c>
      <c r="M17" s="116">
        <v>24175456</v>
      </c>
      <c r="N17" s="110">
        <v>96489</v>
      </c>
      <c r="O17" s="114">
        <v>43249</v>
      </c>
      <c r="P17" s="113">
        <v>139738</v>
      </c>
      <c r="Q17" s="110">
        <v>0</v>
      </c>
      <c r="R17" s="114">
        <v>1332066</v>
      </c>
      <c r="S17" s="114">
        <v>1102733</v>
      </c>
      <c r="T17" s="114">
        <v>875785</v>
      </c>
      <c r="U17" s="114">
        <v>2387402</v>
      </c>
      <c r="V17" s="114">
        <v>1073798</v>
      </c>
      <c r="W17" s="113">
        <v>6771784</v>
      </c>
      <c r="X17" s="116">
        <v>6911522</v>
      </c>
      <c r="Y17" s="110">
        <v>0</v>
      </c>
      <c r="Z17" s="114">
        <v>0</v>
      </c>
      <c r="AA17" s="113">
        <v>0</v>
      </c>
      <c r="AB17" s="110">
        <v>0</v>
      </c>
      <c r="AC17" s="114">
        <v>507143</v>
      </c>
      <c r="AD17" s="114">
        <v>300434</v>
      </c>
      <c r="AE17" s="114">
        <v>411910</v>
      </c>
      <c r="AF17" s="114">
        <v>1327070</v>
      </c>
      <c r="AG17" s="114">
        <v>523083</v>
      </c>
      <c r="AH17" s="113">
        <v>3069640</v>
      </c>
      <c r="AI17" s="116">
        <v>3069640</v>
      </c>
      <c r="AJ17" s="110">
        <v>0</v>
      </c>
      <c r="AK17" s="114">
        <v>0</v>
      </c>
      <c r="AL17" s="113">
        <v>0</v>
      </c>
      <c r="AM17" s="110">
        <v>0</v>
      </c>
      <c r="AN17" s="114">
        <v>0</v>
      </c>
      <c r="AO17" s="114">
        <v>0</v>
      </c>
      <c r="AP17" s="114">
        <v>31988</v>
      </c>
      <c r="AQ17" s="114">
        <v>255989</v>
      </c>
      <c r="AR17" s="114">
        <v>204012</v>
      </c>
      <c r="AS17" s="113">
        <v>491989</v>
      </c>
      <c r="AT17" s="116">
        <v>491989</v>
      </c>
      <c r="AU17" s="110">
        <v>49456</v>
      </c>
      <c r="AV17" s="114">
        <v>32819</v>
      </c>
      <c r="AW17" s="113">
        <v>82275</v>
      </c>
      <c r="AX17" s="110">
        <v>0</v>
      </c>
      <c r="AY17" s="114">
        <v>519406</v>
      </c>
      <c r="AZ17" s="114">
        <v>578113</v>
      </c>
      <c r="BA17" s="114">
        <v>207355</v>
      </c>
      <c r="BB17" s="114">
        <v>489077</v>
      </c>
      <c r="BC17" s="114">
        <v>191583</v>
      </c>
      <c r="BD17" s="113">
        <v>1985534</v>
      </c>
      <c r="BE17" s="116">
        <v>2067809</v>
      </c>
      <c r="BF17" s="110">
        <v>13986</v>
      </c>
      <c r="BG17" s="114">
        <v>0</v>
      </c>
      <c r="BH17" s="112">
        <v>13986</v>
      </c>
      <c r="BI17" s="111">
        <v>0</v>
      </c>
      <c r="BJ17" s="114">
        <v>53536</v>
      </c>
      <c r="BK17" s="114">
        <v>19821</v>
      </c>
      <c r="BL17" s="114">
        <v>0</v>
      </c>
      <c r="BM17" s="114">
        <v>53536</v>
      </c>
      <c r="BN17" s="114">
        <v>39795</v>
      </c>
      <c r="BO17" s="113">
        <v>166688</v>
      </c>
      <c r="BP17" s="116">
        <v>180674</v>
      </c>
      <c r="BQ17" s="110">
        <v>33047</v>
      </c>
      <c r="BR17" s="114">
        <v>10430</v>
      </c>
      <c r="BS17" s="113">
        <v>43477</v>
      </c>
      <c r="BT17" s="110">
        <v>0</v>
      </c>
      <c r="BU17" s="114">
        <v>251981</v>
      </c>
      <c r="BV17" s="114">
        <v>204365</v>
      </c>
      <c r="BW17" s="114">
        <v>224532</v>
      </c>
      <c r="BX17" s="114">
        <v>261730</v>
      </c>
      <c r="BY17" s="114">
        <v>115325</v>
      </c>
      <c r="BZ17" s="113">
        <v>1057933</v>
      </c>
      <c r="CA17" s="116">
        <v>1101410</v>
      </c>
      <c r="CB17" s="110">
        <v>53819</v>
      </c>
      <c r="CC17" s="114">
        <v>136006</v>
      </c>
      <c r="CD17" s="113">
        <v>189825</v>
      </c>
      <c r="CE17" s="110">
        <v>0</v>
      </c>
      <c r="CF17" s="114">
        <v>924149</v>
      </c>
      <c r="CG17" s="114">
        <v>1094670</v>
      </c>
      <c r="CH17" s="114">
        <v>889361</v>
      </c>
      <c r="CI17" s="114">
        <v>611812</v>
      </c>
      <c r="CJ17" s="114">
        <v>180112</v>
      </c>
      <c r="CK17" s="113">
        <v>3700104</v>
      </c>
      <c r="CL17" s="116">
        <v>3889929</v>
      </c>
      <c r="CM17" s="110">
        <v>0</v>
      </c>
      <c r="CN17" s="114">
        <v>0</v>
      </c>
      <c r="CO17" s="113">
        <v>0</v>
      </c>
      <c r="CP17" s="111">
        <v>0</v>
      </c>
      <c r="CQ17" s="114">
        <v>544175</v>
      </c>
      <c r="CR17" s="114">
        <v>708098</v>
      </c>
      <c r="CS17" s="114">
        <v>561362</v>
      </c>
      <c r="CT17" s="114">
        <v>483833</v>
      </c>
      <c r="CU17" s="114">
        <v>159228</v>
      </c>
      <c r="CV17" s="113">
        <v>2456696</v>
      </c>
      <c r="CW17" s="116">
        <v>2456696</v>
      </c>
      <c r="CX17" s="110">
        <v>53819</v>
      </c>
      <c r="CY17" s="114">
        <v>136006</v>
      </c>
      <c r="CZ17" s="113">
        <v>189825</v>
      </c>
      <c r="DA17" s="110">
        <v>0</v>
      </c>
      <c r="DB17" s="114">
        <v>379974</v>
      </c>
      <c r="DC17" s="114">
        <v>386572</v>
      </c>
      <c r="DD17" s="114">
        <v>327999</v>
      </c>
      <c r="DE17" s="114">
        <v>127979</v>
      </c>
      <c r="DF17" s="114">
        <v>20884</v>
      </c>
      <c r="DG17" s="113">
        <v>1243408</v>
      </c>
      <c r="DH17" s="116">
        <v>1433233</v>
      </c>
      <c r="DI17" s="110">
        <v>0</v>
      </c>
      <c r="DJ17" s="114">
        <v>0</v>
      </c>
      <c r="DK17" s="112">
        <v>0</v>
      </c>
      <c r="DL17" s="111">
        <v>0</v>
      </c>
      <c r="DM17" s="114">
        <v>99004</v>
      </c>
      <c r="DN17" s="114">
        <v>91201</v>
      </c>
      <c r="DO17" s="114">
        <v>475622</v>
      </c>
      <c r="DP17" s="114">
        <v>205615</v>
      </c>
      <c r="DQ17" s="114">
        <v>718055</v>
      </c>
      <c r="DR17" s="113">
        <v>1589497</v>
      </c>
      <c r="DS17" s="116">
        <v>1589497</v>
      </c>
      <c r="DT17" s="110">
        <v>0</v>
      </c>
      <c r="DU17" s="114">
        <v>0</v>
      </c>
      <c r="DV17" s="113">
        <v>0</v>
      </c>
      <c r="DW17" s="110">
        <v>0</v>
      </c>
      <c r="DX17" s="114">
        <v>99004</v>
      </c>
      <c r="DY17" s="114">
        <v>91201</v>
      </c>
      <c r="DZ17" s="114">
        <v>307569</v>
      </c>
      <c r="EA17" s="114">
        <v>172365</v>
      </c>
      <c r="EB17" s="114">
        <v>500508</v>
      </c>
      <c r="EC17" s="113">
        <v>1170647</v>
      </c>
      <c r="ED17" s="116">
        <v>1170647</v>
      </c>
      <c r="EE17" s="110">
        <v>0</v>
      </c>
      <c r="EF17" s="112">
        <v>0</v>
      </c>
      <c r="EG17" s="113">
        <v>0</v>
      </c>
      <c r="EH17" s="110">
        <v>0</v>
      </c>
      <c r="EI17" s="114">
        <v>0</v>
      </c>
      <c r="EJ17" s="114">
        <v>0</v>
      </c>
      <c r="EK17" s="114">
        <v>168053</v>
      </c>
      <c r="EL17" s="114">
        <v>33250</v>
      </c>
      <c r="EM17" s="114">
        <v>217547</v>
      </c>
      <c r="EN17" s="112">
        <v>418850</v>
      </c>
      <c r="EO17" s="116">
        <v>418850</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v>0</v>
      </c>
      <c r="FE17" s="114">
        <v>0</v>
      </c>
      <c r="FF17" s="114">
        <v>0</v>
      </c>
      <c r="FG17" s="114">
        <v>0</v>
      </c>
      <c r="FH17" s="114">
        <v>0</v>
      </c>
      <c r="FI17" s="114">
        <v>0</v>
      </c>
      <c r="FJ17" s="113">
        <v>0</v>
      </c>
      <c r="FK17" s="116">
        <v>0</v>
      </c>
      <c r="FL17" s="110">
        <v>40768</v>
      </c>
      <c r="FM17" s="114">
        <v>87766</v>
      </c>
      <c r="FN17" s="113">
        <v>128534</v>
      </c>
      <c r="FO17" s="110">
        <v>0</v>
      </c>
      <c r="FP17" s="114">
        <v>304262</v>
      </c>
      <c r="FQ17" s="114">
        <v>492814</v>
      </c>
      <c r="FR17" s="114">
        <v>325654</v>
      </c>
      <c r="FS17" s="114">
        <v>489097</v>
      </c>
      <c r="FT17" s="114">
        <v>181132</v>
      </c>
      <c r="FU17" s="113">
        <v>1792959</v>
      </c>
      <c r="FV17" s="116">
        <v>1921493</v>
      </c>
      <c r="FW17" s="115">
        <v>40768</v>
      </c>
      <c r="FX17" s="114">
        <v>87766</v>
      </c>
      <c r="FY17" s="112">
        <v>128534</v>
      </c>
      <c r="FZ17" s="111">
        <v>0</v>
      </c>
      <c r="GA17" s="114">
        <v>218176</v>
      </c>
      <c r="GB17" s="114">
        <v>334334</v>
      </c>
      <c r="GC17" s="114">
        <v>325654</v>
      </c>
      <c r="GD17" s="114">
        <v>463827</v>
      </c>
      <c r="GE17" s="114">
        <v>151564</v>
      </c>
      <c r="GF17" s="113">
        <v>1493555</v>
      </c>
      <c r="GG17" s="318">
        <v>1622089</v>
      </c>
      <c r="GH17" s="115">
        <v>0</v>
      </c>
      <c r="GI17" s="114">
        <v>0</v>
      </c>
      <c r="GJ17" s="112">
        <v>0</v>
      </c>
      <c r="GK17" s="111">
        <v>0</v>
      </c>
      <c r="GL17" s="114">
        <v>0</v>
      </c>
      <c r="GM17" s="114">
        <v>18480</v>
      </c>
      <c r="GN17" s="114">
        <v>0</v>
      </c>
      <c r="GO17" s="114">
        <v>25270</v>
      </c>
      <c r="GP17" s="114">
        <v>29568</v>
      </c>
      <c r="GQ17" s="113">
        <v>73318</v>
      </c>
      <c r="GR17" s="116">
        <v>73318</v>
      </c>
      <c r="GS17" s="110">
        <v>0</v>
      </c>
      <c r="GT17" s="114">
        <v>0</v>
      </c>
      <c r="GU17" s="113">
        <v>0</v>
      </c>
      <c r="GV17" s="110">
        <v>0</v>
      </c>
      <c r="GW17" s="114">
        <v>86086</v>
      </c>
      <c r="GX17" s="114">
        <v>140000</v>
      </c>
      <c r="GY17" s="114">
        <v>0</v>
      </c>
      <c r="GZ17" s="114">
        <v>0</v>
      </c>
      <c r="HA17" s="114">
        <v>0</v>
      </c>
      <c r="HB17" s="112">
        <v>226086</v>
      </c>
      <c r="HC17" s="116">
        <v>226086</v>
      </c>
      <c r="HD17" s="110">
        <v>41988</v>
      </c>
      <c r="HE17" s="114">
        <v>148961</v>
      </c>
      <c r="HF17" s="112">
        <v>190949</v>
      </c>
      <c r="HG17" s="111">
        <v>0</v>
      </c>
      <c r="HH17" s="114">
        <v>2559557</v>
      </c>
      <c r="HI17" s="114">
        <v>878021</v>
      </c>
      <c r="HJ17" s="114">
        <v>2545517</v>
      </c>
      <c r="HK17" s="114">
        <v>2501126</v>
      </c>
      <c r="HL17" s="114">
        <v>1187845</v>
      </c>
      <c r="HM17" s="113">
        <v>9672066</v>
      </c>
      <c r="HN17" s="109">
        <v>9863015</v>
      </c>
      <c r="HO17" s="328">
        <v>0</v>
      </c>
      <c r="HP17" s="329">
        <v>0</v>
      </c>
      <c r="HQ17" s="330">
        <v>0</v>
      </c>
      <c r="HR17" s="331">
        <v>0</v>
      </c>
      <c r="HS17" s="329">
        <v>0</v>
      </c>
      <c r="HT17" s="329">
        <v>0</v>
      </c>
      <c r="HU17" s="329">
        <v>0</v>
      </c>
      <c r="HV17" s="329">
        <v>0</v>
      </c>
      <c r="HW17" s="329">
        <v>0</v>
      </c>
      <c r="HX17" s="332">
        <v>0</v>
      </c>
      <c r="HY17" s="333">
        <v>0</v>
      </c>
      <c r="HZ17" s="131">
        <v>0</v>
      </c>
      <c r="IA17" s="132">
        <v>61362</v>
      </c>
      <c r="IB17" s="133">
        <v>61362</v>
      </c>
      <c r="IC17" s="146">
        <v>0</v>
      </c>
      <c r="ID17" s="132">
        <v>858913</v>
      </c>
      <c r="IE17" s="147">
        <v>1405119</v>
      </c>
      <c r="IF17" s="133">
        <v>1068112</v>
      </c>
      <c r="IG17" s="132">
        <v>1077603</v>
      </c>
      <c r="IH17" s="133">
        <v>90106</v>
      </c>
      <c r="II17" s="148">
        <v>4499853</v>
      </c>
      <c r="IJ17" s="139">
        <v>4561215</v>
      </c>
      <c r="IK17" s="232">
        <v>0</v>
      </c>
      <c r="IL17" s="236">
        <v>0</v>
      </c>
      <c r="IM17" s="237">
        <v>0</v>
      </c>
      <c r="IN17" s="140">
        <v>0</v>
      </c>
      <c r="IO17" s="119">
        <v>68271</v>
      </c>
      <c r="IP17" s="119">
        <v>110554</v>
      </c>
      <c r="IQ17" s="119">
        <v>34116</v>
      </c>
      <c r="IR17" s="119">
        <v>390922</v>
      </c>
      <c r="IS17" s="119">
        <v>0</v>
      </c>
      <c r="IT17" s="141">
        <v>603863</v>
      </c>
      <c r="IU17" s="320">
        <v>603863</v>
      </c>
      <c r="IV17" s="142">
        <v>0</v>
      </c>
      <c r="IW17" s="119">
        <v>0</v>
      </c>
      <c r="IX17" s="120">
        <v>0</v>
      </c>
      <c r="IY17" s="144">
        <v>0</v>
      </c>
      <c r="IZ17" s="119">
        <v>14732</v>
      </c>
      <c r="JA17" s="119">
        <v>14732</v>
      </c>
      <c r="JB17" s="119">
        <v>0</v>
      </c>
      <c r="JC17" s="119">
        <v>0</v>
      </c>
      <c r="JD17" s="119">
        <v>0</v>
      </c>
      <c r="JE17" s="120">
        <v>29464</v>
      </c>
      <c r="JF17" s="121">
        <v>29464</v>
      </c>
      <c r="JG17" s="142">
        <v>0</v>
      </c>
      <c r="JH17" s="119">
        <v>0</v>
      </c>
      <c r="JI17" s="141">
        <v>0</v>
      </c>
      <c r="JJ17" s="118">
        <v>0</v>
      </c>
      <c r="JK17" s="119">
        <v>756348</v>
      </c>
      <c r="JL17" s="119">
        <v>528232</v>
      </c>
      <c r="JM17" s="119">
        <v>402971</v>
      </c>
      <c r="JN17" s="119">
        <v>109253</v>
      </c>
      <c r="JO17" s="119">
        <v>90106</v>
      </c>
      <c r="JP17" s="120">
        <v>1886910</v>
      </c>
      <c r="JQ17" s="320">
        <v>1886910</v>
      </c>
      <c r="JR17" s="142">
        <v>0</v>
      </c>
      <c r="JS17" s="119">
        <v>0</v>
      </c>
      <c r="JT17" s="141">
        <v>0</v>
      </c>
      <c r="JU17" s="118">
        <v>0</v>
      </c>
      <c r="JV17" s="119">
        <v>19562</v>
      </c>
      <c r="JW17" s="119">
        <v>0</v>
      </c>
      <c r="JX17" s="119">
        <v>0</v>
      </c>
      <c r="JY17" s="119">
        <v>0</v>
      </c>
      <c r="JZ17" s="119">
        <v>0</v>
      </c>
      <c r="KA17" s="120">
        <v>19562</v>
      </c>
      <c r="KB17" s="320">
        <v>19562</v>
      </c>
      <c r="KC17" s="234">
        <v>0</v>
      </c>
      <c r="KD17" s="230">
        <v>61362</v>
      </c>
      <c r="KE17" s="120">
        <v>61362</v>
      </c>
      <c r="KF17" s="118">
        <v>0</v>
      </c>
      <c r="KG17" s="119">
        <v>0</v>
      </c>
      <c r="KH17" s="119">
        <v>154582</v>
      </c>
      <c r="KI17" s="119">
        <v>428181</v>
      </c>
      <c r="KJ17" s="119">
        <v>0</v>
      </c>
      <c r="KK17" s="119">
        <v>0</v>
      </c>
      <c r="KL17" s="120">
        <v>582763</v>
      </c>
      <c r="KM17" s="143">
        <v>644125</v>
      </c>
      <c r="KN17" s="232">
        <v>0</v>
      </c>
      <c r="KO17" s="236">
        <v>0</v>
      </c>
      <c r="KP17" s="237">
        <v>0</v>
      </c>
      <c r="KQ17" s="140">
        <v>0</v>
      </c>
      <c r="KR17" s="119">
        <v>0</v>
      </c>
      <c r="KS17" s="119">
        <v>597019</v>
      </c>
      <c r="KT17" s="119">
        <v>202844</v>
      </c>
      <c r="KU17" s="119">
        <v>577428</v>
      </c>
      <c r="KV17" s="119">
        <v>0</v>
      </c>
      <c r="KW17" s="120">
        <v>1377291</v>
      </c>
      <c r="KX17" s="320">
        <v>1377291</v>
      </c>
      <c r="KY17" s="142">
        <v>0</v>
      </c>
      <c r="KZ17" s="119">
        <v>0</v>
      </c>
      <c r="LA17" s="120">
        <v>0</v>
      </c>
      <c r="LB17" s="145">
        <v>0</v>
      </c>
      <c r="LC17" s="119">
        <v>0</v>
      </c>
      <c r="LD17" s="119">
        <v>0</v>
      </c>
      <c r="LE17" s="119">
        <v>0</v>
      </c>
      <c r="LF17" s="119">
        <v>0</v>
      </c>
      <c r="LG17" s="119">
        <v>0</v>
      </c>
      <c r="LH17" s="120">
        <v>0</v>
      </c>
      <c r="LI17" s="121">
        <v>0</v>
      </c>
      <c r="LJ17" s="142">
        <v>0</v>
      </c>
      <c r="LK17" s="119">
        <v>0</v>
      </c>
      <c r="LL17" s="120">
        <v>0</v>
      </c>
      <c r="LM17" s="145">
        <v>0</v>
      </c>
      <c r="LN17" s="119">
        <v>0</v>
      </c>
      <c r="LO17" s="119">
        <v>0</v>
      </c>
      <c r="LP17" s="119">
        <v>0</v>
      </c>
      <c r="LQ17" s="119">
        <v>0</v>
      </c>
      <c r="LR17" s="119">
        <v>0</v>
      </c>
      <c r="LS17" s="120">
        <v>0</v>
      </c>
      <c r="LT17" s="320">
        <v>0</v>
      </c>
      <c r="LU17" s="142">
        <v>0</v>
      </c>
      <c r="LV17" s="119">
        <v>0</v>
      </c>
      <c r="LW17" s="120">
        <v>0</v>
      </c>
      <c r="LX17" s="145">
        <v>0</v>
      </c>
      <c r="LY17" s="119">
        <v>0</v>
      </c>
      <c r="LZ17" s="119">
        <v>0</v>
      </c>
      <c r="MA17" s="119">
        <v>0</v>
      </c>
      <c r="MB17" s="119">
        <v>0</v>
      </c>
      <c r="MC17" s="119">
        <v>0</v>
      </c>
      <c r="MD17" s="120">
        <v>0</v>
      </c>
      <c r="ME17" s="121">
        <v>0</v>
      </c>
      <c r="MF17" s="142">
        <v>0</v>
      </c>
      <c r="MG17" s="119">
        <v>0</v>
      </c>
      <c r="MH17" s="120">
        <v>0</v>
      </c>
      <c r="MI17" s="145">
        <v>0</v>
      </c>
      <c r="MJ17" s="119">
        <v>238833</v>
      </c>
      <c r="MK17" s="119">
        <v>0</v>
      </c>
      <c r="ML17" s="119">
        <v>1532421</v>
      </c>
      <c r="MM17" s="119">
        <v>2343712</v>
      </c>
      <c r="MN17" s="119">
        <v>2383937</v>
      </c>
      <c r="MO17" s="120">
        <v>6498903</v>
      </c>
      <c r="MP17" s="143">
        <v>6498903</v>
      </c>
      <c r="MQ17" s="142">
        <v>0</v>
      </c>
      <c r="MR17" s="119">
        <v>0</v>
      </c>
      <c r="MS17" s="120">
        <v>0</v>
      </c>
      <c r="MT17" s="145">
        <v>0</v>
      </c>
      <c r="MU17" s="119">
        <v>0</v>
      </c>
      <c r="MV17" s="119">
        <v>0</v>
      </c>
      <c r="MW17" s="119">
        <v>194089</v>
      </c>
      <c r="MX17" s="119">
        <v>903542</v>
      </c>
      <c r="MY17" s="119">
        <v>2137993</v>
      </c>
      <c r="MZ17" s="120">
        <v>3235624</v>
      </c>
      <c r="NA17" s="143">
        <v>3235624</v>
      </c>
      <c r="NB17" s="142">
        <v>0</v>
      </c>
      <c r="NC17" s="119">
        <v>0</v>
      </c>
      <c r="ND17" s="120">
        <v>0</v>
      </c>
      <c r="NE17" s="145">
        <v>0</v>
      </c>
      <c r="NF17" s="119">
        <v>238833</v>
      </c>
      <c r="NG17" s="119">
        <v>0</v>
      </c>
      <c r="NH17" s="119">
        <v>1338332</v>
      </c>
      <c r="NI17" s="119">
        <v>1440170</v>
      </c>
      <c r="NJ17" s="119">
        <v>245944</v>
      </c>
      <c r="NK17" s="120">
        <v>3263279</v>
      </c>
      <c r="NL17" s="320">
        <v>3263279</v>
      </c>
      <c r="NM17" s="142">
        <v>0</v>
      </c>
      <c r="NN17" s="119">
        <v>0</v>
      </c>
      <c r="NO17" s="120">
        <v>0</v>
      </c>
      <c r="NP17" s="145">
        <v>0</v>
      </c>
      <c r="NQ17" s="119">
        <v>0</v>
      </c>
      <c r="NR17" s="119">
        <v>0</v>
      </c>
      <c r="NS17" s="119">
        <v>0</v>
      </c>
      <c r="NT17" s="119">
        <v>0</v>
      </c>
      <c r="NU17" s="119">
        <v>0</v>
      </c>
      <c r="NV17" s="120">
        <v>0</v>
      </c>
      <c r="NW17" s="121">
        <v>0</v>
      </c>
      <c r="NX17" s="142">
        <v>0</v>
      </c>
      <c r="NY17" s="119">
        <v>0</v>
      </c>
      <c r="NZ17" s="120">
        <v>0</v>
      </c>
      <c r="OA17" s="145">
        <v>0</v>
      </c>
      <c r="OB17" s="119">
        <v>0</v>
      </c>
      <c r="OC17" s="119">
        <v>0</v>
      </c>
      <c r="OD17" s="119">
        <v>0</v>
      </c>
      <c r="OE17" s="119">
        <v>0</v>
      </c>
      <c r="OF17" s="119">
        <v>0</v>
      </c>
      <c r="OG17" s="120">
        <v>0</v>
      </c>
      <c r="OH17" s="121">
        <v>0</v>
      </c>
      <c r="OI17" s="142">
        <v>233064</v>
      </c>
      <c r="OJ17" s="119">
        <v>477344</v>
      </c>
      <c r="OK17" s="141">
        <v>710408</v>
      </c>
      <c r="OL17" s="118">
        <v>0</v>
      </c>
      <c r="OM17" s="119">
        <v>6316784</v>
      </c>
      <c r="ON17" s="119">
        <v>5064558</v>
      </c>
      <c r="OO17" s="119">
        <v>7712472</v>
      </c>
      <c r="OP17" s="119">
        <v>9616367</v>
      </c>
      <c r="OQ17" s="119">
        <v>5814985</v>
      </c>
      <c r="OR17" s="120">
        <v>34525166</v>
      </c>
      <c r="OS17" s="143">
        <v>35235574</v>
      </c>
    </row>
    <row r="18" spans="2:409" ht="21" customHeight="1" x14ac:dyDescent="0.2">
      <c r="B18" s="126" t="s">
        <v>12</v>
      </c>
      <c r="C18" s="110">
        <v>909436</v>
      </c>
      <c r="D18" s="114">
        <v>1418063</v>
      </c>
      <c r="E18" s="113">
        <v>2327499</v>
      </c>
      <c r="F18" s="109">
        <v>0</v>
      </c>
      <c r="G18" s="114">
        <v>5788006</v>
      </c>
      <c r="H18" s="170">
        <v>5697554</v>
      </c>
      <c r="I18" s="170">
        <v>6564270</v>
      </c>
      <c r="J18" s="170">
        <v>7649141</v>
      </c>
      <c r="K18" s="170">
        <v>4087794</v>
      </c>
      <c r="L18" s="112">
        <v>29786765</v>
      </c>
      <c r="M18" s="116">
        <v>32114264</v>
      </c>
      <c r="N18" s="110">
        <v>217446</v>
      </c>
      <c r="O18" s="114">
        <v>441106</v>
      </c>
      <c r="P18" s="113">
        <v>658552</v>
      </c>
      <c r="Q18" s="110">
        <v>0</v>
      </c>
      <c r="R18" s="114">
        <v>1923891</v>
      </c>
      <c r="S18" s="114">
        <v>2162219</v>
      </c>
      <c r="T18" s="114">
        <v>2586829</v>
      </c>
      <c r="U18" s="114">
        <v>2716183</v>
      </c>
      <c r="V18" s="114">
        <v>1946230</v>
      </c>
      <c r="W18" s="113">
        <v>11335352</v>
      </c>
      <c r="X18" s="116">
        <v>11993904</v>
      </c>
      <c r="Y18" s="110">
        <v>0</v>
      </c>
      <c r="Z18" s="114">
        <v>0</v>
      </c>
      <c r="AA18" s="113">
        <v>0</v>
      </c>
      <c r="AB18" s="110">
        <v>0</v>
      </c>
      <c r="AC18" s="114">
        <v>1122194</v>
      </c>
      <c r="AD18" s="114">
        <v>1140895</v>
      </c>
      <c r="AE18" s="114">
        <v>1794400</v>
      </c>
      <c r="AF18" s="114">
        <v>1650874</v>
      </c>
      <c r="AG18" s="114">
        <v>983758</v>
      </c>
      <c r="AH18" s="113">
        <v>6692121</v>
      </c>
      <c r="AI18" s="116">
        <v>6692121</v>
      </c>
      <c r="AJ18" s="110">
        <v>0</v>
      </c>
      <c r="AK18" s="114">
        <v>0</v>
      </c>
      <c r="AL18" s="113">
        <v>0</v>
      </c>
      <c r="AM18" s="110">
        <v>0</v>
      </c>
      <c r="AN18" s="114">
        <v>0</v>
      </c>
      <c r="AO18" s="114">
        <v>82764</v>
      </c>
      <c r="AP18" s="114">
        <v>0</v>
      </c>
      <c r="AQ18" s="114">
        <v>148589</v>
      </c>
      <c r="AR18" s="114">
        <v>327957</v>
      </c>
      <c r="AS18" s="113">
        <v>559310</v>
      </c>
      <c r="AT18" s="116">
        <v>559310</v>
      </c>
      <c r="AU18" s="110">
        <v>128511</v>
      </c>
      <c r="AV18" s="114">
        <v>293352</v>
      </c>
      <c r="AW18" s="113">
        <v>421863</v>
      </c>
      <c r="AX18" s="110">
        <v>0</v>
      </c>
      <c r="AY18" s="114">
        <v>459751</v>
      </c>
      <c r="AZ18" s="114">
        <v>698724</v>
      </c>
      <c r="BA18" s="114">
        <v>474015</v>
      </c>
      <c r="BB18" s="114">
        <v>503074</v>
      </c>
      <c r="BC18" s="114">
        <v>460775</v>
      </c>
      <c r="BD18" s="113">
        <v>2596339</v>
      </c>
      <c r="BE18" s="116">
        <v>3018202</v>
      </c>
      <c r="BF18" s="110">
        <v>0</v>
      </c>
      <c r="BG18" s="114">
        <v>83788</v>
      </c>
      <c r="BH18" s="112">
        <v>83788</v>
      </c>
      <c r="BI18" s="111">
        <v>0</v>
      </c>
      <c r="BJ18" s="114">
        <v>141515</v>
      </c>
      <c r="BK18" s="114">
        <v>60223</v>
      </c>
      <c r="BL18" s="114">
        <v>45925</v>
      </c>
      <c r="BM18" s="114">
        <v>48540</v>
      </c>
      <c r="BN18" s="114">
        <v>0</v>
      </c>
      <c r="BO18" s="113">
        <v>296203</v>
      </c>
      <c r="BP18" s="116">
        <v>379991</v>
      </c>
      <c r="BQ18" s="110">
        <v>88935</v>
      </c>
      <c r="BR18" s="114">
        <v>63966</v>
      </c>
      <c r="BS18" s="113">
        <v>152901</v>
      </c>
      <c r="BT18" s="110">
        <v>0</v>
      </c>
      <c r="BU18" s="114">
        <v>200431</v>
      </c>
      <c r="BV18" s="114">
        <v>179613</v>
      </c>
      <c r="BW18" s="114">
        <v>272489</v>
      </c>
      <c r="BX18" s="114">
        <v>365106</v>
      </c>
      <c r="BY18" s="114">
        <v>173740</v>
      </c>
      <c r="BZ18" s="113">
        <v>1191379</v>
      </c>
      <c r="CA18" s="116">
        <v>1344280</v>
      </c>
      <c r="CB18" s="110">
        <v>280577</v>
      </c>
      <c r="CC18" s="114">
        <v>238212</v>
      </c>
      <c r="CD18" s="113">
        <v>518789</v>
      </c>
      <c r="CE18" s="110">
        <v>0</v>
      </c>
      <c r="CF18" s="114">
        <v>2063823</v>
      </c>
      <c r="CG18" s="114">
        <v>1760826</v>
      </c>
      <c r="CH18" s="114">
        <v>1351809</v>
      </c>
      <c r="CI18" s="114">
        <v>965698</v>
      </c>
      <c r="CJ18" s="114">
        <v>536812</v>
      </c>
      <c r="CK18" s="113">
        <v>6678968</v>
      </c>
      <c r="CL18" s="116">
        <v>7197757</v>
      </c>
      <c r="CM18" s="110">
        <v>0</v>
      </c>
      <c r="CN18" s="114">
        <v>0</v>
      </c>
      <c r="CO18" s="113">
        <v>0</v>
      </c>
      <c r="CP18" s="111">
        <v>0</v>
      </c>
      <c r="CQ18" s="114">
        <v>1567395</v>
      </c>
      <c r="CR18" s="114">
        <v>1352060</v>
      </c>
      <c r="CS18" s="114">
        <v>522366</v>
      </c>
      <c r="CT18" s="114">
        <v>696393</v>
      </c>
      <c r="CU18" s="114">
        <v>510492</v>
      </c>
      <c r="CV18" s="113">
        <v>4648706</v>
      </c>
      <c r="CW18" s="116">
        <v>4648706</v>
      </c>
      <c r="CX18" s="110">
        <v>280577</v>
      </c>
      <c r="CY18" s="114">
        <v>238212</v>
      </c>
      <c r="CZ18" s="113">
        <v>518789</v>
      </c>
      <c r="DA18" s="110">
        <v>0</v>
      </c>
      <c r="DB18" s="114">
        <v>496428</v>
      </c>
      <c r="DC18" s="114">
        <v>408766</v>
      </c>
      <c r="DD18" s="114">
        <v>829443</v>
      </c>
      <c r="DE18" s="114">
        <v>269305</v>
      </c>
      <c r="DF18" s="114">
        <v>26320</v>
      </c>
      <c r="DG18" s="113">
        <v>2030262</v>
      </c>
      <c r="DH18" s="116">
        <v>2549051</v>
      </c>
      <c r="DI18" s="110">
        <v>0</v>
      </c>
      <c r="DJ18" s="114">
        <v>0</v>
      </c>
      <c r="DK18" s="112">
        <v>0</v>
      </c>
      <c r="DL18" s="111">
        <v>0</v>
      </c>
      <c r="DM18" s="114">
        <v>427138</v>
      </c>
      <c r="DN18" s="114">
        <v>151161</v>
      </c>
      <c r="DO18" s="114">
        <v>778007</v>
      </c>
      <c r="DP18" s="114">
        <v>784098</v>
      </c>
      <c r="DQ18" s="114">
        <v>240896</v>
      </c>
      <c r="DR18" s="113">
        <v>2381300</v>
      </c>
      <c r="DS18" s="116">
        <v>2381300</v>
      </c>
      <c r="DT18" s="110">
        <v>0</v>
      </c>
      <c r="DU18" s="114">
        <v>0</v>
      </c>
      <c r="DV18" s="113">
        <v>0</v>
      </c>
      <c r="DW18" s="110">
        <v>0</v>
      </c>
      <c r="DX18" s="114">
        <v>427138</v>
      </c>
      <c r="DY18" s="114">
        <v>151161</v>
      </c>
      <c r="DZ18" s="114">
        <v>778007</v>
      </c>
      <c r="EA18" s="114">
        <v>784098</v>
      </c>
      <c r="EB18" s="114">
        <v>240896</v>
      </c>
      <c r="EC18" s="113">
        <v>2381300</v>
      </c>
      <c r="ED18" s="116">
        <v>2381300</v>
      </c>
      <c r="EE18" s="110">
        <v>0</v>
      </c>
      <c r="EF18" s="112">
        <v>0</v>
      </c>
      <c r="EG18" s="113">
        <v>0</v>
      </c>
      <c r="EH18" s="110">
        <v>0</v>
      </c>
      <c r="EI18" s="114">
        <v>0</v>
      </c>
      <c r="EJ18" s="114">
        <v>0</v>
      </c>
      <c r="EK18" s="114">
        <v>0</v>
      </c>
      <c r="EL18" s="114">
        <v>0</v>
      </c>
      <c r="EM18" s="114">
        <v>0</v>
      </c>
      <c r="EN18" s="112">
        <v>0</v>
      </c>
      <c r="EO18" s="116">
        <v>0</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v>0</v>
      </c>
      <c r="FE18" s="114">
        <v>0</v>
      </c>
      <c r="FF18" s="114">
        <v>0</v>
      </c>
      <c r="FG18" s="114">
        <v>0</v>
      </c>
      <c r="FH18" s="114">
        <v>0</v>
      </c>
      <c r="FI18" s="114">
        <v>0</v>
      </c>
      <c r="FJ18" s="113">
        <v>0</v>
      </c>
      <c r="FK18" s="116">
        <v>0</v>
      </c>
      <c r="FL18" s="110">
        <v>99015</v>
      </c>
      <c r="FM18" s="114">
        <v>327026</v>
      </c>
      <c r="FN18" s="113">
        <v>426041</v>
      </c>
      <c r="FO18" s="110">
        <v>0</v>
      </c>
      <c r="FP18" s="114">
        <v>564438</v>
      </c>
      <c r="FQ18" s="114">
        <v>637693</v>
      </c>
      <c r="FR18" s="114">
        <v>715148</v>
      </c>
      <c r="FS18" s="114">
        <v>951433</v>
      </c>
      <c r="FT18" s="114">
        <v>479843</v>
      </c>
      <c r="FU18" s="113">
        <v>3348555</v>
      </c>
      <c r="FV18" s="116">
        <v>3774596</v>
      </c>
      <c r="FW18" s="115">
        <v>99015</v>
      </c>
      <c r="FX18" s="114">
        <v>184856</v>
      </c>
      <c r="FY18" s="112">
        <v>283871</v>
      </c>
      <c r="FZ18" s="111">
        <v>0</v>
      </c>
      <c r="GA18" s="114">
        <v>196070</v>
      </c>
      <c r="GB18" s="114">
        <v>586383</v>
      </c>
      <c r="GC18" s="114">
        <v>697648</v>
      </c>
      <c r="GD18" s="114">
        <v>651686</v>
      </c>
      <c r="GE18" s="114">
        <v>462826</v>
      </c>
      <c r="GF18" s="113">
        <v>2594613</v>
      </c>
      <c r="GG18" s="318">
        <v>2878484</v>
      </c>
      <c r="GH18" s="115">
        <v>0</v>
      </c>
      <c r="GI18" s="114">
        <v>38920</v>
      </c>
      <c r="GJ18" s="112">
        <v>38920</v>
      </c>
      <c r="GK18" s="111">
        <v>0</v>
      </c>
      <c r="GL18" s="114">
        <v>32928</v>
      </c>
      <c r="GM18" s="114">
        <v>51310</v>
      </c>
      <c r="GN18" s="114">
        <v>17500</v>
      </c>
      <c r="GO18" s="114">
        <v>54747</v>
      </c>
      <c r="GP18" s="114">
        <v>17017</v>
      </c>
      <c r="GQ18" s="113">
        <v>173502</v>
      </c>
      <c r="GR18" s="116">
        <v>212422</v>
      </c>
      <c r="GS18" s="110">
        <v>0</v>
      </c>
      <c r="GT18" s="114">
        <v>103250</v>
      </c>
      <c r="GU18" s="113">
        <v>103250</v>
      </c>
      <c r="GV18" s="110">
        <v>0</v>
      </c>
      <c r="GW18" s="114">
        <v>335440</v>
      </c>
      <c r="GX18" s="114">
        <v>0</v>
      </c>
      <c r="GY18" s="114">
        <v>0</v>
      </c>
      <c r="GZ18" s="114">
        <v>245000</v>
      </c>
      <c r="HA18" s="114">
        <v>0</v>
      </c>
      <c r="HB18" s="112">
        <v>580440</v>
      </c>
      <c r="HC18" s="116">
        <v>683690</v>
      </c>
      <c r="HD18" s="110">
        <v>312398</v>
      </c>
      <c r="HE18" s="114">
        <v>411719</v>
      </c>
      <c r="HF18" s="112">
        <v>724117</v>
      </c>
      <c r="HG18" s="111">
        <v>0</v>
      </c>
      <c r="HH18" s="114">
        <v>808716</v>
      </c>
      <c r="HI18" s="114">
        <v>985655</v>
      </c>
      <c r="HJ18" s="114">
        <v>1132477</v>
      </c>
      <c r="HK18" s="114">
        <v>2231729</v>
      </c>
      <c r="HL18" s="114">
        <v>884013</v>
      </c>
      <c r="HM18" s="113">
        <v>6042590</v>
      </c>
      <c r="HN18" s="109">
        <v>6766707</v>
      </c>
      <c r="HO18" s="328">
        <v>0</v>
      </c>
      <c r="HP18" s="329">
        <v>0</v>
      </c>
      <c r="HQ18" s="330">
        <v>0</v>
      </c>
      <c r="HR18" s="331">
        <v>0</v>
      </c>
      <c r="HS18" s="329">
        <v>0</v>
      </c>
      <c r="HT18" s="329">
        <v>0</v>
      </c>
      <c r="HU18" s="329">
        <v>0</v>
      </c>
      <c r="HV18" s="329">
        <v>0</v>
      </c>
      <c r="HW18" s="329">
        <v>0</v>
      </c>
      <c r="HX18" s="332">
        <v>0</v>
      </c>
      <c r="HY18" s="333">
        <v>0</v>
      </c>
      <c r="HZ18" s="150">
        <v>0</v>
      </c>
      <c r="IA18" s="135">
        <v>0</v>
      </c>
      <c r="IB18" s="150">
        <v>0</v>
      </c>
      <c r="IC18" s="134">
        <v>0</v>
      </c>
      <c r="ID18" s="135">
        <v>841571</v>
      </c>
      <c r="IE18" s="136">
        <v>1316010</v>
      </c>
      <c r="IF18" s="137">
        <v>1259143</v>
      </c>
      <c r="IG18" s="135">
        <v>2694525</v>
      </c>
      <c r="IH18" s="137">
        <v>1518506</v>
      </c>
      <c r="II18" s="138">
        <v>7629755</v>
      </c>
      <c r="IJ18" s="150">
        <v>7629755</v>
      </c>
      <c r="IK18" s="232">
        <v>0</v>
      </c>
      <c r="IL18" s="236">
        <v>0</v>
      </c>
      <c r="IM18" s="237">
        <v>0</v>
      </c>
      <c r="IN18" s="140">
        <v>0</v>
      </c>
      <c r="IO18" s="119">
        <v>0</v>
      </c>
      <c r="IP18" s="119">
        <v>0</v>
      </c>
      <c r="IQ18" s="119">
        <v>0</v>
      </c>
      <c r="IR18" s="119">
        <v>0</v>
      </c>
      <c r="IS18" s="119">
        <v>0</v>
      </c>
      <c r="IT18" s="141">
        <v>0</v>
      </c>
      <c r="IU18" s="320">
        <v>0</v>
      </c>
      <c r="IV18" s="142">
        <v>0</v>
      </c>
      <c r="IW18" s="119">
        <v>0</v>
      </c>
      <c r="IX18" s="120">
        <v>0</v>
      </c>
      <c r="IY18" s="144">
        <v>0</v>
      </c>
      <c r="IZ18" s="119">
        <v>0</v>
      </c>
      <c r="JA18" s="119">
        <v>0</v>
      </c>
      <c r="JB18" s="119">
        <v>0</v>
      </c>
      <c r="JC18" s="119">
        <v>0</v>
      </c>
      <c r="JD18" s="119">
        <v>0</v>
      </c>
      <c r="JE18" s="120">
        <v>0</v>
      </c>
      <c r="JF18" s="121">
        <v>0</v>
      </c>
      <c r="JG18" s="142">
        <v>0</v>
      </c>
      <c r="JH18" s="119">
        <v>0</v>
      </c>
      <c r="JI18" s="141">
        <v>0</v>
      </c>
      <c r="JJ18" s="118">
        <v>0</v>
      </c>
      <c r="JK18" s="119">
        <v>502000</v>
      </c>
      <c r="JL18" s="119">
        <v>483327</v>
      </c>
      <c r="JM18" s="119">
        <v>670269</v>
      </c>
      <c r="JN18" s="119">
        <v>508058</v>
      </c>
      <c r="JO18" s="119">
        <v>0</v>
      </c>
      <c r="JP18" s="120">
        <v>2163654</v>
      </c>
      <c r="JQ18" s="320">
        <v>2163654</v>
      </c>
      <c r="JR18" s="142">
        <v>0</v>
      </c>
      <c r="JS18" s="119">
        <v>0</v>
      </c>
      <c r="JT18" s="141">
        <v>0</v>
      </c>
      <c r="JU18" s="118">
        <v>0</v>
      </c>
      <c r="JV18" s="119">
        <v>0</v>
      </c>
      <c r="JW18" s="119">
        <v>0</v>
      </c>
      <c r="JX18" s="119">
        <v>0</v>
      </c>
      <c r="JY18" s="119">
        <v>0</v>
      </c>
      <c r="JZ18" s="119">
        <v>0</v>
      </c>
      <c r="KA18" s="120">
        <v>0</v>
      </c>
      <c r="KB18" s="320">
        <v>0</v>
      </c>
      <c r="KC18" s="234">
        <v>0</v>
      </c>
      <c r="KD18" s="230">
        <v>0</v>
      </c>
      <c r="KE18" s="120">
        <v>0</v>
      </c>
      <c r="KF18" s="118">
        <v>0</v>
      </c>
      <c r="KG18" s="119">
        <v>145571</v>
      </c>
      <c r="KH18" s="119">
        <v>487636</v>
      </c>
      <c r="KI18" s="119">
        <v>-48577</v>
      </c>
      <c r="KJ18" s="119">
        <v>697156</v>
      </c>
      <c r="KK18" s="119">
        <v>0</v>
      </c>
      <c r="KL18" s="120">
        <v>1281786</v>
      </c>
      <c r="KM18" s="143">
        <v>1281786</v>
      </c>
      <c r="KN18" s="232">
        <v>0</v>
      </c>
      <c r="KO18" s="236">
        <v>0</v>
      </c>
      <c r="KP18" s="237">
        <v>0</v>
      </c>
      <c r="KQ18" s="140">
        <v>0</v>
      </c>
      <c r="KR18" s="119">
        <v>194000</v>
      </c>
      <c r="KS18" s="119">
        <v>199706</v>
      </c>
      <c r="KT18" s="119">
        <v>201425</v>
      </c>
      <c r="KU18" s="119">
        <v>618854</v>
      </c>
      <c r="KV18" s="119">
        <v>426631</v>
      </c>
      <c r="KW18" s="120">
        <v>1640616</v>
      </c>
      <c r="KX18" s="320">
        <v>1640616</v>
      </c>
      <c r="KY18" s="142">
        <v>0</v>
      </c>
      <c r="KZ18" s="119">
        <v>0</v>
      </c>
      <c r="LA18" s="120">
        <v>0</v>
      </c>
      <c r="LB18" s="145">
        <v>0</v>
      </c>
      <c r="LC18" s="119">
        <v>0</v>
      </c>
      <c r="LD18" s="119">
        <v>145341</v>
      </c>
      <c r="LE18" s="119">
        <v>0</v>
      </c>
      <c r="LF18" s="119">
        <v>308165</v>
      </c>
      <c r="LG18" s="119">
        <v>0</v>
      </c>
      <c r="LH18" s="120">
        <v>453506</v>
      </c>
      <c r="LI18" s="121">
        <v>453506</v>
      </c>
      <c r="LJ18" s="142">
        <v>0</v>
      </c>
      <c r="LK18" s="119">
        <v>0</v>
      </c>
      <c r="LL18" s="120">
        <v>0</v>
      </c>
      <c r="LM18" s="145">
        <v>0</v>
      </c>
      <c r="LN18" s="119">
        <v>0</v>
      </c>
      <c r="LO18" s="119">
        <v>0</v>
      </c>
      <c r="LP18" s="119">
        <v>202757</v>
      </c>
      <c r="LQ18" s="119">
        <v>0</v>
      </c>
      <c r="LR18" s="119">
        <v>234811</v>
      </c>
      <c r="LS18" s="120">
        <v>437568</v>
      </c>
      <c r="LT18" s="320">
        <v>437568</v>
      </c>
      <c r="LU18" s="142">
        <v>0</v>
      </c>
      <c r="LV18" s="119">
        <v>0</v>
      </c>
      <c r="LW18" s="120">
        <v>0</v>
      </c>
      <c r="LX18" s="145">
        <v>0</v>
      </c>
      <c r="LY18" s="119">
        <v>0</v>
      </c>
      <c r="LZ18" s="119">
        <v>0</v>
      </c>
      <c r="MA18" s="119">
        <v>233269</v>
      </c>
      <c r="MB18" s="119">
        <v>562292</v>
      </c>
      <c r="MC18" s="119">
        <v>857064</v>
      </c>
      <c r="MD18" s="120">
        <v>1652625</v>
      </c>
      <c r="ME18" s="121">
        <v>1652625</v>
      </c>
      <c r="MF18" s="142">
        <v>0</v>
      </c>
      <c r="MG18" s="119">
        <v>0</v>
      </c>
      <c r="MH18" s="120">
        <v>0</v>
      </c>
      <c r="MI18" s="145">
        <v>0</v>
      </c>
      <c r="MJ18" s="119">
        <v>0</v>
      </c>
      <c r="MK18" s="119">
        <v>949182</v>
      </c>
      <c r="ML18" s="119">
        <v>1402358</v>
      </c>
      <c r="MM18" s="119">
        <v>2884536</v>
      </c>
      <c r="MN18" s="119">
        <v>2236460</v>
      </c>
      <c r="MO18" s="120">
        <v>7472536</v>
      </c>
      <c r="MP18" s="143">
        <v>7472536</v>
      </c>
      <c r="MQ18" s="142">
        <v>0</v>
      </c>
      <c r="MR18" s="119">
        <v>0</v>
      </c>
      <c r="MS18" s="120">
        <v>0</v>
      </c>
      <c r="MT18" s="145">
        <v>0</v>
      </c>
      <c r="MU18" s="119">
        <v>0</v>
      </c>
      <c r="MV18" s="119">
        <v>145407</v>
      </c>
      <c r="MW18" s="119">
        <v>314245</v>
      </c>
      <c r="MX18" s="119">
        <v>1758851</v>
      </c>
      <c r="MY18" s="119">
        <v>2004497</v>
      </c>
      <c r="MZ18" s="120">
        <v>4223000</v>
      </c>
      <c r="NA18" s="143">
        <v>4223000</v>
      </c>
      <c r="NB18" s="142">
        <v>0</v>
      </c>
      <c r="NC18" s="119">
        <v>0</v>
      </c>
      <c r="ND18" s="120">
        <v>0</v>
      </c>
      <c r="NE18" s="145">
        <v>0</v>
      </c>
      <c r="NF18" s="119">
        <v>0</v>
      </c>
      <c r="NG18" s="119">
        <v>803775</v>
      </c>
      <c r="NH18" s="119">
        <v>1088113</v>
      </c>
      <c r="NI18" s="119">
        <v>851568</v>
      </c>
      <c r="NJ18" s="119">
        <v>231963</v>
      </c>
      <c r="NK18" s="120">
        <v>2975419</v>
      </c>
      <c r="NL18" s="320">
        <v>2975419</v>
      </c>
      <c r="NM18" s="142">
        <v>0</v>
      </c>
      <c r="NN18" s="119">
        <v>0</v>
      </c>
      <c r="NO18" s="120">
        <v>0</v>
      </c>
      <c r="NP18" s="145">
        <v>0</v>
      </c>
      <c r="NQ18" s="119">
        <v>0</v>
      </c>
      <c r="NR18" s="119">
        <v>0</v>
      </c>
      <c r="NS18" s="119">
        <v>0</v>
      </c>
      <c r="NT18" s="119">
        <v>0</v>
      </c>
      <c r="NU18" s="119">
        <v>0</v>
      </c>
      <c r="NV18" s="120">
        <v>0</v>
      </c>
      <c r="NW18" s="121">
        <v>0</v>
      </c>
      <c r="NX18" s="142">
        <v>0</v>
      </c>
      <c r="NY18" s="119">
        <v>0</v>
      </c>
      <c r="NZ18" s="120">
        <v>0</v>
      </c>
      <c r="OA18" s="145">
        <v>0</v>
      </c>
      <c r="OB18" s="119">
        <v>0</v>
      </c>
      <c r="OC18" s="119">
        <v>0</v>
      </c>
      <c r="OD18" s="119">
        <v>0</v>
      </c>
      <c r="OE18" s="119">
        <v>274117</v>
      </c>
      <c r="OF18" s="119">
        <v>0</v>
      </c>
      <c r="OG18" s="120">
        <v>274117</v>
      </c>
      <c r="OH18" s="121">
        <v>274117</v>
      </c>
      <c r="OI18" s="142">
        <v>909436</v>
      </c>
      <c r="OJ18" s="119">
        <v>1418063</v>
      </c>
      <c r="OK18" s="141">
        <v>2327499</v>
      </c>
      <c r="OL18" s="118">
        <v>0</v>
      </c>
      <c r="OM18" s="119">
        <v>6629577</v>
      </c>
      <c r="ON18" s="119">
        <v>7962746</v>
      </c>
      <c r="OO18" s="119">
        <v>9225771</v>
      </c>
      <c r="OP18" s="119">
        <v>13228202</v>
      </c>
      <c r="OQ18" s="119">
        <v>7842760</v>
      </c>
      <c r="OR18" s="120">
        <v>44889056</v>
      </c>
      <c r="OS18" s="143">
        <v>47216555</v>
      </c>
    </row>
    <row r="19" spans="2:409" ht="21" customHeight="1" x14ac:dyDescent="0.2">
      <c r="B19" s="126" t="s">
        <v>13</v>
      </c>
      <c r="C19" s="110">
        <v>271305</v>
      </c>
      <c r="D19" s="114">
        <v>317927</v>
      </c>
      <c r="E19" s="113">
        <v>589232</v>
      </c>
      <c r="F19" s="110">
        <v>0</v>
      </c>
      <c r="G19" s="170">
        <v>3456516</v>
      </c>
      <c r="H19" s="114">
        <v>5138304</v>
      </c>
      <c r="I19" s="114">
        <v>3703364</v>
      </c>
      <c r="J19" s="114">
        <v>4456463</v>
      </c>
      <c r="K19" s="114">
        <v>3913305</v>
      </c>
      <c r="L19" s="112">
        <v>20667952</v>
      </c>
      <c r="M19" s="116">
        <v>21257184</v>
      </c>
      <c r="N19" s="110">
        <v>80409</v>
      </c>
      <c r="O19" s="114">
        <v>175262</v>
      </c>
      <c r="P19" s="113">
        <v>255671</v>
      </c>
      <c r="Q19" s="110">
        <v>0</v>
      </c>
      <c r="R19" s="114">
        <v>1186983</v>
      </c>
      <c r="S19" s="114">
        <v>1794829</v>
      </c>
      <c r="T19" s="114">
        <v>1457660</v>
      </c>
      <c r="U19" s="114">
        <v>1931096</v>
      </c>
      <c r="V19" s="114">
        <v>2644585</v>
      </c>
      <c r="W19" s="113">
        <v>9015153</v>
      </c>
      <c r="X19" s="116">
        <v>9270824</v>
      </c>
      <c r="Y19" s="110">
        <v>0</v>
      </c>
      <c r="Z19" s="114">
        <v>0</v>
      </c>
      <c r="AA19" s="113">
        <v>0</v>
      </c>
      <c r="AB19" s="110">
        <v>0</v>
      </c>
      <c r="AC19" s="114">
        <v>528977</v>
      </c>
      <c r="AD19" s="114">
        <v>977047</v>
      </c>
      <c r="AE19" s="114">
        <v>779279</v>
      </c>
      <c r="AF19" s="114">
        <v>1123441</v>
      </c>
      <c r="AG19" s="114">
        <v>1786235</v>
      </c>
      <c r="AH19" s="113">
        <v>5194979</v>
      </c>
      <c r="AI19" s="116">
        <v>5194979</v>
      </c>
      <c r="AJ19" s="110">
        <v>0</v>
      </c>
      <c r="AK19" s="114">
        <v>0</v>
      </c>
      <c r="AL19" s="113">
        <v>0</v>
      </c>
      <c r="AM19" s="110">
        <v>0</v>
      </c>
      <c r="AN19" s="114">
        <v>0</v>
      </c>
      <c r="AO19" s="114">
        <v>0</v>
      </c>
      <c r="AP19" s="114">
        <v>84512</v>
      </c>
      <c r="AQ19" s="114">
        <v>83132</v>
      </c>
      <c r="AR19" s="114">
        <v>54508</v>
      </c>
      <c r="AS19" s="113">
        <v>222152</v>
      </c>
      <c r="AT19" s="116">
        <v>222152</v>
      </c>
      <c r="AU19" s="110">
        <v>12929</v>
      </c>
      <c r="AV19" s="114">
        <v>113075</v>
      </c>
      <c r="AW19" s="113">
        <v>126004</v>
      </c>
      <c r="AX19" s="110">
        <v>0</v>
      </c>
      <c r="AY19" s="114">
        <v>477474</v>
      </c>
      <c r="AZ19" s="114">
        <v>395632</v>
      </c>
      <c r="BA19" s="114">
        <v>403413</v>
      </c>
      <c r="BB19" s="114">
        <v>462987</v>
      </c>
      <c r="BC19" s="114">
        <v>469357</v>
      </c>
      <c r="BD19" s="113">
        <v>2208863</v>
      </c>
      <c r="BE19" s="116">
        <v>2334867</v>
      </c>
      <c r="BF19" s="110">
        <v>0</v>
      </c>
      <c r="BG19" s="114">
        <v>14013</v>
      </c>
      <c r="BH19" s="112">
        <v>14013</v>
      </c>
      <c r="BI19" s="111">
        <v>0</v>
      </c>
      <c r="BJ19" s="114">
        <v>28534</v>
      </c>
      <c r="BK19" s="114">
        <v>117398</v>
      </c>
      <c r="BL19" s="114">
        <v>0</v>
      </c>
      <c r="BM19" s="114">
        <v>21863</v>
      </c>
      <c r="BN19" s="114">
        <v>87105</v>
      </c>
      <c r="BO19" s="113">
        <v>254900</v>
      </c>
      <c r="BP19" s="116">
        <v>268913</v>
      </c>
      <c r="BQ19" s="110">
        <v>67480</v>
      </c>
      <c r="BR19" s="114">
        <v>48174</v>
      </c>
      <c r="BS19" s="113">
        <v>115654</v>
      </c>
      <c r="BT19" s="110">
        <v>0</v>
      </c>
      <c r="BU19" s="114">
        <v>151998</v>
      </c>
      <c r="BV19" s="114">
        <v>304752</v>
      </c>
      <c r="BW19" s="114">
        <v>190456</v>
      </c>
      <c r="BX19" s="114">
        <v>239673</v>
      </c>
      <c r="BY19" s="114">
        <v>247380</v>
      </c>
      <c r="BZ19" s="113">
        <v>1134259</v>
      </c>
      <c r="CA19" s="116">
        <v>1249913</v>
      </c>
      <c r="CB19" s="110">
        <v>0</v>
      </c>
      <c r="CC19" s="114">
        <v>0</v>
      </c>
      <c r="CD19" s="113">
        <v>0</v>
      </c>
      <c r="CE19" s="110">
        <v>0</v>
      </c>
      <c r="CF19" s="114">
        <v>590751</v>
      </c>
      <c r="CG19" s="114">
        <v>941606</v>
      </c>
      <c r="CH19" s="114">
        <v>658767</v>
      </c>
      <c r="CI19" s="114">
        <v>582362</v>
      </c>
      <c r="CJ19" s="114">
        <v>17101</v>
      </c>
      <c r="CK19" s="113">
        <v>2790587</v>
      </c>
      <c r="CL19" s="116">
        <v>2790587</v>
      </c>
      <c r="CM19" s="110">
        <v>0</v>
      </c>
      <c r="CN19" s="114">
        <v>0</v>
      </c>
      <c r="CO19" s="113">
        <v>0</v>
      </c>
      <c r="CP19" s="111">
        <v>0</v>
      </c>
      <c r="CQ19" s="114">
        <v>581007</v>
      </c>
      <c r="CR19" s="114">
        <v>868808</v>
      </c>
      <c r="CS19" s="114">
        <v>425082</v>
      </c>
      <c r="CT19" s="114">
        <v>403481</v>
      </c>
      <c r="CU19" s="114">
        <v>17101</v>
      </c>
      <c r="CV19" s="113">
        <v>2295479</v>
      </c>
      <c r="CW19" s="116">
        <v>2295479</v>
      </c>
      <c r="CX19" s="110">
        <v>0</v>
      </c>
      <c r="CY19" s="114">
        <v>0</v>
      </c>
      <c r="CZ19" s="113">
        <v>0</v>
      </c>
      <c r="DA19" s="110">
        <v>0</v>
      </c>
      <c r="DB19" s="114">
        <v>9744</v>
      </c>
      <c r="DC19" s="114">
        <v>72798</v>
      </c>
      <c r="DD19" s="114">
        <v>233685</v>
      </c>
      <c r="DE19" s="114">
        <v>178881</v>
      </c>
      <c r="DF19" s="114">
        <v>0</v>
      </c>
      <c r="DG19" s="113">
        <v>495108</v>
      </c>
      <c r="DH19" s="116">
        <v>495108</v>
      </c>
      <c r="DI19" s="110">
        <v>0</v>
      </c>
      <c r="DJ19" s="114">
        <v>0</v>
      </c>
      <c r="DK19" s="112">
        <v>0</v>
      </c>
      <c r="DL19" s="111">
        <v>0</v>
      </c>
      <c r="DM19" s="114">
        <v>0</v>
      </c>
      <c r="DN19" s="114">
        <v>64325</v>
      </c>
      <c r="DO19" s="114">
        <v>284347</v>
      </c>
      <c r="DP19" s="114">
        <v>208737</v>
      </c>
      <c r="DQ19" s="114">
        <v>0</v>
      </c>
      <c r="DR19" s="113">
        <v>557409</v>
      </c>
      <c r="DS19" s="116">
        <v>557409</v>
      </c>
      <c r="DT19" s="110">
        <v>0</v>
      </c>
      <c r="DU19" s="114">
        <v>0</v>
      </c>
      <c r="DV19" s="113">
        <v>0</v>
      </c>
      <c r="DW19" s="110">
        <v>0</v>
      </c>
      <c r="DX19" s="114">
        <v>0</v>
      </c>
      <c r="DY19" s="114">
        <v>64325</v>
      </c>
      <c r="DZ19" s="114">
        <v>184029</v>
      </c>
      <c r="EA19" s="114">
        <v>172881</v>
      </c>
      <c r="EB19" s="114">
        <v>0</v>
      </c>
      <c r="EC19" s="113">
        <v>421235</v>
      </c>
      <c r="ED19" s="116">
        <v>421235</v>
      </c>
      <c r="EE19" s="110">
        <v>0</v>
      </c>
      <c r="EF19" s="112">
        <v>0</v>
      </c>
      <c r="EG19" s="113">
        <v>0</v>
      </c>
      <c r="EH19" s="110">
        <v>0</v>
      </c>
      <c r="EI19" s="114">
        <v>0</v>
      </c>
      <c r="EJ19" s="114">
        <v>0</v>
      </c>
      <c r="EK19" s="114">
        <v>100318</v>
      </c>
      <c r="EL19" s="114">
        <v>35856</v>
      </c>
      <c r="EM19" s="114">
        <v>0</v>
      </c>
      <c r="EN19" s="112">
        <v>136174</v>
      </c>
      <c r="EO19" s="116">
        <v>136174</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v>0</v>
      </c>
      <c r="FE19" s="114">
        <v>0</v>
      </c>
      <c r="FF19" s="114">
        <v>0</v>
      </c>
      <c r="FG19" s="114">
        <v>0</v>
      </c>
      <c r="FH19" s="114">
        <v>0</v>
      </c>
      <c r="FI19" s="114">
        <v>0</v>
      </c>
      <c r="FJ19" s="113">
        <v>0</v>
      </c>
      <c r="FK19" s="116">
        <v>0</v>
      </c>
      <c r="FL19" s="110">
        <v>17920</v>
      </c>
      <c r="FM19" s="114">
        <v>48846</v>
      </c>
      <c r="FN19" s="113">
        <v>66766</v>
      </c>
      <c r="FO19" s="110">
        <v>0</v>
      </c>
      <c r="FP19" s="114">
        <v>190813</v>
      </c>
      <c r="FQ19" s="114">
        <v>404992</v>
      </c>
      <c r="FR19" s="114">
        <v>290290</v>
      </c>
      <c r="FS19" s="114">
        <v>205632</v>
      </c>
      <c r="FT19" s="114">
        <v>337708</v>
      </c>
      <c r="FU19" s="113">
        <v>1429435</v>
      </c>
      <c r="FV19" s="116">
        <v>1496201</v>
      </c>
      <c r="FW19" s="115">
        <v>17920</v>
      </c>
      <c r="FX19" s="114">
        <v>48846</v>
      </c>
      <c r="FY19" s="112">
        <v>66766</v>
      </c>
      <c r="FZ19" s="111">
        <v>0</v>
      </c>
      <c r="GA19" s="114">
        <v>120813</v>
      </c>
      <c r="GB19" s="114">
        <v>333592</v>
      </c>
      <c r="GC19" s="114">
        <v>290290</v>
      </c>
      <c r="GD19" s="114">
        <v>205632</v>
      </c>
      <c r="GE19" s="114">
        <v>271488</v>
      </c>
      <c r="GF19" s="113">
        <v>1221815</v>
      </c>
      <c r="GG19" s="318">
        <v>1288581</v>
      </c>
      <c r="GH19" s="115">
        <v>0</v>
      </c>
      <c r="GI19" s="114">
        <v>0</v>
      </c>
      <c r="GJ19" s="112">
        <v>0</v>
      </c>
      <c r="GK19" s="111">
        <v>0</v>
      </c>
      <c r="GL19" s="114">
        <v>70000</v>
      </c>
      <c r="GM19" s="114">
        <v>0</v>
      </c>
      <c r="GN19" s="114">
        <v>0</v>
      </c>
      <c r="GO19" s="114">
        <v>0</v>
      </c>
      <c r="GP19" s="114">
        <v>0</v>
      </c>
      <c r="GQ19" s="113">
        <v>70000</v>
      </c>
      <c r="GR19" s="116">
        <v>70000</v>
      </c>
      <c r="GS19" s="110">
        <v>0</v>
      </c>
      <c r="GT19" s="114">
        <v>0</v>
      </c>
      <c r="GU19" s="113">
        <v>0</v>
      </c>
      <c r="GV19" s="110">
        <v>0</v>
      </c>
      <c r="GW19" s="114">
        <v>0</v>
      </c>
      <c r="GX19" s="114">
        <v>71400</v>
      </c>
      <c r="GY19" s="114">
        <v>0</v>
      </c>
      <c r="GZ19" s="114">
        <v>0</v>
      </c>
      <c r="HA19" s="114">
        <v>66220</v>
      </c>
      <c r="HB19" s="112">
        <v>137620</v>
      </c>
      <c r="HC19" s="116">
        <v>137620</v>
      </c>
      <c r="HD19" s="110">
        <v>172976</v>
      </c>
      <c r="HE19" s="114">
        <v>93819</v>
      </c>
      <c r="HF19" s="112">
        <v>266795</v>
      </c>
      <c r="HG19" s="111">
        <v>0</v>
      </c>
      <c r="HH19" s="114">
        <v>1487969</v>
      </c>
      <c r="HI19" s="114">
        <v>1932552</v>
      </c>
      <c r="HJ19" s="114">
        <v>1012300</v>
      </c>
      <c r="HK19" s="114">
        <v>1528636</v>
      </c>
      <c r="HL19" s="114">
        <v>913911</v>
      </c>
      <c r="HM19" s="113">
        <v>6875368</v>
      </c>
      <c r="HN19" s="109">
        <v>7142163</v>
      </c>
      <c r="HO19" s="328">
        <v>0</v>
      </c>
      <c r="HP19" s="329">
        <v>0</v>
      </c>
      <c r="HQ19" s="330">
        <v>0</v>
      </c>
      <c r="HR19" s="331">
        <v>0</v>
      </c>
      <c r="HS19" s="329">
        <v>0</v>
      </c>
      <c r="HT19" s="329">
        <v>0</v>
      </c>
      <c r="HU19" s="329">
        <v>0</v>
      </c>
      <c r="HV19" s="329">
        <v>0</v>
      </c>
      <c r="HW19" s="329">
        <v>0</v>
      </c>
      <c r="HX19" s="332">
        <v>0</v>
      </c>
      <c r="HY19" s="333">
        <v>0</v>
      </c>
      <c r="HZ19" s="131">
        <v>0</v>
      </c>
      <c r="IA19" s="132">
        <v>0</v>
      </c>
      <c r="IB19" s="133">
        <v>0</v>
      </c>
      <c r="IC19" s="146">
        <v>0</v>
      </c>
      <c r="ID19" s="132">
        <v>269022</v>
      </c>
      <c r="IE19" s="147">
        <v>787463</v>
      </c>
      <c r="IF19" s="133">
        <v>899634</v>
      </c>
      <c r="IG19" s="132">
        <v>373169</v>
      </c>
      <c r="IH19" s="133">
        <v>0</v>
      </c>
      <c r="II19" s="148">
        <v>2329288</v>
      </c>
      <c r="IJ19" s="139">
        <v>2329288</v>
      </c>
      <c r="IK19" s="232">
        <v>0</v>
      </c>
      <c r="IL19" s="236">
        <v>0</v>
      </c>
      <c r="IM19" s="237">
        <v>0</v>
      </c>
      <c r="IN19" s="140">
        <v>0</v>
      </c>
      <c r="IO19" s="119">
        <v>0</v>
      </c>
      <c r="IP19" s="119">
        <v>0</v>
      </c>
      <c r="IQ19" s="119">
        <v>0</v>
      </c>
      <c r="IR19" s="119">
        <v>0</v>
      </c>
      <c r="IS19" s="119">
        <v>0</v>
      </c>
      <c r="IT19" s="141">
        <v>0</v>
      </c>
      <c r="IU19" s="320">
        <v>0</v>
      </c>
      <c r="IV19" s="142">
        <v>0</v>
      </c>
      <c r="IW19" s="119">
        <v>0</v>
      </c>
      <c r="IX19" s="120">
        <v>0</v>
      </c>
      <c r="IY19" s="144">
        <v>0</v>
      </c>
      <c r="IZ19" s="119">
        <v>0</v>
      </c>
      <c r="JA19" s="119">
        <v>0</v>
      </c>
      <c r="JB19" s="119">
        <v>0</v>
      </c>
      <c r="JC19" s="119">
        <v>0</v>
      </c>
      <c r="JD19" s="119">
        <v>0</v>
      </c>
      <c r="JE19" s="120">
        <v>0</v>
      </c>
      <c r="JF19" s="121">
        <v>0</v>
      </c>
      <c r="JG19" s="142">
        <v>0</v>
      </c>
      <c r="JH19" s="119">
        <v>0</v>
      </c>
      <c r="JI19" s="141">
        <v>0</v>
      </c>
      <c r="JJ19" s="118">
        <v>0</v>
      </c>
      <c r="JK19" s="119">
        <v>269022</v>
      </c>
      <c r="JL19" s="119">
        <v>405560</v>
      </c>
      <c r="JM19" s="119">
        <v>532912</v>
      </c>
      <c r="JN19" s="119">
        <v>163613</v>
      </c>
      <c r="JO19" s="119">
        <v>0</v>
      </c>
      <c r="JP19" s="120">
        <v>1371107</v>
      </c>
      <c r="JQ19" s="320">
        <v>1371107</v>
      </c>
      <c r="JR19" s="142">
        <v>0</v>
      </c>
      <c r="JS19" s="119">
        <v>0</v>
      </c>
      <c r="JT19" s="141">
        <v>0</v>
      </c>
      <c r="JU19" s="118">
        <v>0</v>
      </c>
      <c r="JV19" s="119">
        <v>0</v>
      </c>
      <c r="JW19" s="119">
        <v>29377</v>
      </c>
      <c r="JX19" s="119">
        <v>0</v>
      </c>
      <c r="JY19" s="119">
        <v>0</v>
      </c>
      <c r="JZ19" s="119">
        <v>0</v>
      </c>
      <c r="KA19" s="120">
        <v>29377</v>
      </c>
      <c r="KB19" s="320">
        <v>29377</v>
      </c>
      <c r="KC19" s="234">
        <v>0</v>
      </c>
      <c r="KD19" s="230">
        <v>0</v>
      </c>
      <c r="KE19" s="120">
        <v>0</v>
      </c>
      <c r="KF19" s="118">
        <v>0</v>
      </c>
      <c r="KG19" s="119">
        <v>0</v>
      </c>
      <c r="KH19" s="119">
        <v>149396</v>
      </c>
      <c r="KI19" s="119">
        <v>209136</v>
      </c>
      <c r="KJ19" s="119">
        <v>0</v>
      </c>
      <c r="KK19" s="119">
        <v>0</v>
      </c>
      <c r="KL19" s="120">
        <v>358532</v>
      </c>
      <c r="KM19" s="143">
        <v>358532</v>
      </c>
      <c r="KN19" s="232">
        <v>0</v>
      </c>
      <c r="KO19" s="236">
        <v>0</v>
      </c>
      <c r="KP19" s="237">
        <v>0</v>
      </c>
      <c r="KQ19" s="140">
        <v>0</v>
      </c>
      <c r="KR19" s="119">
        <v>0</v>
      </c>
      <c r="KS19" s="119">
        <v>203130</v>
      </c>
      <c r="KT19" s="119">
        <v>0</v>
      </c>
      <c r="KU19" s="119">
        <v>209556</v>
      </c>
      <c r="KV19" s="119">
        <v>0</v>
      </c>
      <c r="KW19" s="120">
        <v>412686</v>
      </c>
      <c r="KX19" s="320">
        <v>412686</v>
      </c>
      <c r="KY19" s="142">
        <v>0</v>
      </c>
      <c r="KZ19" s="119">
        <v>0</v>
      </c>
      <c r="LA19" s="120">
        <v>0</v>
      </c>
      <c r="LB19" s="145">
        <v>0</v>
      </c>
      <c r="LC19" s="119">
        <v>0</v>
      </c>
      <c r="LD19" s="119">
        <v>0</v>
      </c>
      <c r="LE19" s="119">
        <v>157586</v>
      </c>
      <c r="LF19" s="119">
        <v>0</v>
      </c>
      <c r="LG19" s="119">
        <v>0</v>
      </c>
      <c r="LH19" s="120">
        <v>157586</v>
      </c>
      <c r="LI19" s="121">
        <v>157586</v>
      </c>
      <c r="LJ19" s="142">
        <v>0</v>
      </c>
      <c r="LK19" s="119">
        <v>0</v>
      </c>
      <c r="LL19" s="120">
        <v>0</v>
      </c>
      <c r="LM19" s="145">
        <v>0</v>
      </c>
      <c r="LN19" s="119">
        <v>0</v>
      </c>
      <c r="LO19" s="119">
        <v>0</v>
      </c>
      <c r="LP19" s="119">
        <v>0</v>
      </c>
      <c r="LQ19" s="119">
        <v>0</v>
      </c>
      <c r="LR19" s="119">
        <v>0</v>
      </c>
      <c r="LS19" s="120">
        <v>0</v>
      </c>
      <c r="LT19" s="320">
        <v>0</v>
      </c>
      <c r="LU19" s="142">
        <v>0</v>
      </c>
      <c r="LV19" s="119">
        <v>0</v>
      </c>
      <c r="LW19" s="120">
        <v>0</v>
      </c>
      <c r="LX19" s="145">
        <v>0</v>
      </c>
      <c r="LY19" s="119">
        <v>0</v>
      </c>
      <c r="LZ19" s="119">
        <v>0</v>
      </c>
      <c r="MA19" s="119">
        <v>0</v>
      </c>
      <c r="MB19" s="119">
        <v>0</v>
      </c>
      <c r="MC19" s="119">
        <v>0</v>
      </c>
      <c r="MD19" s="120">
        <v>0</v>
      </c>
      <c r="ME19" s="121">
        <v>0</v>
      </c>
      <c r="MF19" s="142">
        <v>0</v>
      </c>
      <c r="MG19" s="119">
        <v>0</v>
      </c>
      <c r="MH19" s="120">
        <v>0</v>
      </c>
      <c r="MI19" s="145">
        <v>0</v>
      </c>
      <c r="MJ19" s="119">
        <v>50507</v>
      </c>
      <c r="MK19" s="119">
        <v>220122</v>
      </c>
      <c r="ML19" s="119">
        <v>614570</v>
      </c>
      <c r="MM19" s="119">
        <v>1638470</v>
      </c>
      <c r="MN19" s="119">
        <v>1495909</v>
      </c>
      <c r="MO19" s="120">
        <v>4019578</v>
      </c>
      <c r="MP19" s="143">
        <v>4019578</v>
      </c>
      <c r="MQ19" s="142">
        <v>0</v>
      </c>
      <c r="MR19" s="119">
        <v>0</v>
      </c>
      <c r="MS19" s="120">
        <v>0</v>
      </c>
      <c r="MT19" s="145">
        <v>0</v>
      </c>
      <c r="MU19" s="119">
        <v>50507</v>
      </c>
      <c r="MV19" s="119">
        <v>0</v>
      </c>
      <c r="MW19" s="119">
        <v>385165</v>
      </c>
      <c r="MX19" s="119">
        <v>827711</v>
      </c>
      <c r="MY19" s="119">
        <v>933398</v>
      </c>
      <c r="MZ19" s="120">
        <v>2196781</v>
      </c>
      <c r="NA19" s="143">
        <v>2196781</v>
      </c>
      <c r="NB19" s="142">
        <v>0</v>
      </c>
      <c r="NC19" s="119">
        <v>0</v>
      </c>
      <c r="ND19" s="120">
        <v>0</v>
      </c>
      <c r="NE19" s="145">
        <v>0</v>
      </c>
      <c r="NF19" s="119">
        <v>0</v>
      </c>
      <c r="NG19" s="119">
        <v>220122</v>
      </c>
      <c r="NH19" s="119">
        <v>229405</v>
      </c>
      <c r="NI19" s="119">
        <v>810759</v>
      </c>
      <c r="NJ19" s="119">
        <v>562511</v>
      </c>
      <c r="NK19" s="120">
        <v>1822797</v>
      </c>
      <c r="NL19" s="320">
        <v>1822797</v>
      </c>
      <c r="NM19" s="142">
        <v>0</v>
      </c>
      <c r="NN19" s="119">
        <v>0</v>
      </c>
      <c r="NO19" s="120">
        <v>0</v>
      </c>
      <c r="NP19" s="145">
        <v>0</v>
      </c>
      <c r="NQ19" s="119">
        <v>0</v>
      </c>
      <c r="NR19" s="119">
        <v>0</v>
      </c>
      <c r="NS19" s="119">
        <v>0</v>
      </c>
      <c r="NT19" s="119">
        <v>0</v>
      </c>
      <c r="NU19" s="119">
        <v>0</v>
      </c>
      <c r="NV19" s="120">
        <v>0</v>
      </c>
      <c r="NW19" s="121">
        <v>0</v>
      </c>
      <c r="NX19" s="142">
        <v>0</v>
      </c>
      <c r="NY19" s="119">
        <v>0</v>
      </c>
      <c r="NZ19" s="120">
        <v>0</v>
      </c>
      <c r="OA19" s="145">
        <v>0</v>
      </c>
      <c r="OB19" s="119">
        <v>0</v>
      </c>
      <c r="OC19" s="119">
        <v>0</v>
      </c>
      <c r="OD19" s="119">
        <v>0</v>
      </c>
      <c r="OE19" s="119">
        <v>0</v>
      </c>
      <c r="OF19" s="119">
        <v>0</v>
      </c>
      <c r="OG19" s="120">
        <v>0</v>
      </c>
      <c r="OH19" s="121">
        <v>0</v>
      </c>
      <c r="OI19" s="142">
        <v>271305</v>
      </c>
      <c r="OJ19" s="119">
        <v>317927</v>
      </c>
      <c r="OK19" s="141">
        <v>589232</v>
      </c>
      <c r="OL19" s="118">
        <v>0</v>
      </c>
      <c r="OM19" s="119">
        <v>3776045</v>
      </c>
      <c r="ON19" s="119">
        <v>6145889</v>
      </c>
      <c r="OO19" s="119">
        <v>5217568</v>
      </c>
      <c r="OP19" s="119">
        <v>6468102</v>
      </c>
      <c r="OQ19" s="119">
        <v>5409214</v>
      </c>
      <c r="OR19" s="120">
        <v>27016818</v>
      </c>
      <c r="OS19" s="143">
        <v>27606050</v>
      </c>
    </row>
    <row r="20" spans="2:409" ht="21" customHeight="1" x14ac:dyDescent="0.2">
      <c r="B20" s="126" t="s">
        <v>15</v>
      </c>
      <c r="C20" s="110">
        <v>48043</v>
      </c>
      <c r="D20" s="114">
        <v>113522</v>
      </c>
      <c r="E20" s="113">
        <v>161565</v>
      </c>
      <c r="F20" s="109">
        <v>0</v>
      </c>
      <c r="G20" s="114">
        <v>990297</v>
      </c>
      <c r="H20" s="114">
        <v>1087565</v>
      </c>
      <c r="I20" s="114">
        <v>746175</v>
      </c>
      <c r="J20" s="114">
        <v>1537433</v>
      </c>
      <c r="K20" s="114">
        <v>1690179</v>
      </c>
      <c r="L20" s="109">
        <v>6051649</v>
      </c>
      <c r="M20" s="116">
        <v>6213214</v>
      </c>
      <c r="N20" s="110">
        <v>0</v>
      </c>
      <c r="O20" s="114">
        <v>17278</v>
      </c>
      <c r="P20" s="113">
        <v>17278</v>
      </c>
      <c r="Q20" s="110">
        <v>0</v>
      </c>
      <c r="R20" s="114">
        <v>101240</v>
      </c>
      <c r="S20" s="114">
        <v>191156</v>
      </c>
      <c r="T20" s="114">
        <v>112593</v>
      </c>
      <c r="U20" s="114">
        <v>248654</v>
      </c>
      <c r="V20" s="114">
        <v>993138</v>
      </c>
      <c r="W20" s="113">
        <v>1646781</v>
      </c>
      <c r="X20" s="116">
        <v>1664059</v>
      </c>
      <c r="Y20" s="110">
        <v>0</v>
      </c>
      <c r="Z20" s="114">
        <v>0</v>
      </c>
      <c r="AA20" s="113">
        <v>0</v>
      </c>
      <c r="AB20" s="110">
        <v>0</v>
      </c>
      <c r="AC20" s="114">
        <v>60581</v>
      </c>
      <c r="AD20" s="114">
        <v>45055</v>
      </c>
      <c r="AE20" s="114">
        <v>8386</v>
      </c>
      <c r="AF20" s="114">
        <v>69363</v>
      </c>
      <c r="AG20" s="114">
        <v>329669</v>
      </c>
      <c r="AH20" s="113">
        <v>513054</v>
      </c>
      <c r="AI20" s="116">
        <v>513054</v>
      </c>
      <c r="AJ20" s="110">
        <v>0</v>
      </c>
      <c r="AK20" s="114">
        <v>0</v>
      </c>
      <c r="AL20" s="113">
        <v>0</v>
      </c>
      <c r="AM20" s="110">
        <v>0</v>
      </c>
      <c r="AN20" s="114">
        <v>0</v>
      </c>
      <c r="AO20" s="114">
        <v>0</v>
      </c>
      <c r="AP20" s="114">
        <v>0</v>
      </c>
      <c r="AQ20" s="114">
        <v>0</v>
      </c>
      <c r="AR20" s="114">
        <v>204601</v>
      </c>
      <c r="AS20" s="113">
        <v>204601</v>
      </c>
      <c r="AT20" s="116">
        <v>204601</v>
      </c>
      <c r="AU20" s="110">
        <v>0</v>
      </c>
      <c r="AV20" s="114">
        <v>6652</v>
      </c>
      <c r="AW20" s="113">
        <v>6652</v>
      </c>
      <c r="AX20" s="110">
        <v>0</v>
      </c>
      <c r="AY20" s="114">
        <v>11042</v>
      </c>
      <c r="AZ20" s="114">
        <v>63949</v>
      </c>
      <c r="BA20" s="114">
        <v>46471</v>
      </c>
      <c r="BB20" s="114">
        <v>117593</v>
      </c>
      <c r="BC20" s="114">
        <v>292630</v>
      </c>
      <c r="BD20" s="113">
        <v>531685</v>
      </c>
      <c r="BE20" s="116">
        <v>538337</v>
      </c>
      <c r="BF20" s="110">
        <v>0</v>
      </c>
      <c r="BG20" s="114">
        <v>0</v>
      </c>
      <c r="BH20" s="112">
        <v>0</v>
      </c>
      <c r="BI20" s="111">
        <v>0</v>
      </c>
      <c r="BJ20" s="114">
        <v>0</v>
      </c>
      <c r="BK20" s="114">
        <v>0</v>
      </c>
      <c r="BL20" s="114">
        <v>0</v>
      </c>
      <c r="BM20" s="114">
        <v>0</v>
      </c>
      <c r="BN20" s="114">
        <v>69344</v>
      </c>
      <c r="BO20" s="113">
        <v>69344</v>
      </c>
      <c r="BP20" s="116">
        <v>69344</v>
      </c>
      <c r="BQ20" s="110">
        <v>0</v>
      </c>
      <c r="BR20" s="114">
        <v>10626</v>
      </c>
      <c r="BS20" s="113">
        <v>10626</v>
      </c>
      <c r="BT20" s="110">
        <v>0</v>
      </c>
      <c r="BU20" s="114">
        <v>29617</v>
      </c>
      <c r="BV20" s="114">
        <v>82152</v>
      </c>
      <c r="BW20" s="114">
        <v>57736</v>
      </c>
      <c r="BX20" s="114">
        <v>61698</v>
      </c>
      <c r="BY20" s="114">
        <v>96894</v>
      </c>
      <c r="BZ20" s="113">
        <v>328097</v>
      </c>
      <c r="CA20" s="116">
        <v>338723</v>
      </c>
      <c r="CB20" s="110">
        <v>0</v>
      </c>
      <c r="CC20" s="114">
        <v>0</v>
      </c>
      <c r="CD20" s="113">
        <v>0</v>
      </c>
      <c r="CE20" s="110">
        <v>0</v>
      </c>
      <c r="CF20" s="114">
        <v>207476</v>
      </c>
      <c r="CG20" s="114">
        <v>129000</v>
      </c>
      <c r="CH20" s="114">
        <v>208282</v>
      </c>
      <c r="CI20" s="114">
        <v>204501</v>
      </c>
      <c r="CJ20" s="114">
        <v>186262</v>
      </c>
      <c r="CK20" s="113">
        <v>935521</v>
      </c>
      <c r="CL20" s="116">
        <v>935521</v>
      </c>
      <c r="CM20" s="110">
        <v>0</v>
      </c>
      <c r="CN20" s="114">
        <v>0</v>
      </c>
      <c r="CO20" s="113">
        <v>0</v>
      </c>
      <c r="CP20" s="111">
        <v>0</v>
      </c>
      <c r="CQ20" s="114">
        <v>125631</v>
      </c>
      <c r="CR20" s="114">
        <v>33017</v>
      </c>
      <c r="CS20" s="114">
        <v>148143</v>
      </c>
      <c r="CT20" s="114">
        <v>86260</v>
      </c>
      <c r="CU20" s="114">
        <v>0</v>
      </c>
      <c r="CV20" s="113">
        <v>393051</v>
      </c>
      <c r="CW20" s="116">
        <v>393051</v>
      </c>
      <c r="CX20" s="110">
        <v>0</v>
      </c>
      <c r="CY20" s="114">
        <v>0</v>
      </c>
      <c r="CZ20" s="113">
        <v>0</v>
      </c>
      <c r="DA20" s="110">
        <v>0</v>
      </c>
      <c r="DB20" s="114">
        <v>81845</v>
      </c>
      <c r="DC20" s="114">
        <v>95983</v>
      </c>
      <c r="DD20" s="114">
        <v>60139</v>
      </c>
      <c r="DE20" s="114">
        <v>118241</v>
      </c>
      <c r="DF20" s="114">
        <v>186262</v>
      </c>
      <c r="DG20" s="113">
        <v>542470</v>
      </c>
      <c r="DH20" s="116">
        <v>542470</v>
      </c>
      <c r="DI20" s="110">
        <v>0</v>
      </c>
      <c r="DJ20" s="114">
        <v>0</v>
      </c>
      <c r="DK20" s="112">
        <v>0</v>
      </c>
      <c r="DL20" s="111">
        <v>0</v>
      </c>
      <c r="DM20" s="114">
        <v>0</v>
      </c>
      <c r="DN20" s="114">
        <v>0</v>
      </c>
      <c r="DO20" s="114">
        <v>0</v>
      </c>
      <c r="DP20" s="114">
        <v>600896</v>
      </c>
      <c r="DQ20" s="114">
        <v>215881</v>
      </c>
      <c r="DR20" s="113">
        <v>816777</v>
      </c>
      <c r="DS20" s="116">
        <v>816777</v>
      </c>
      <c r="DT20" s="110">
        <v>0</v>
      </c>
      <c r="DU20" s="114">
        <v>0</v>
      </c>
      <c r="DV20" s="113">
        <v>0</v>
      </c>
      <c r="DW20" s="110">
        <v>0</v>
      </c>
      <c r="DX20" s="114">
        <v>0</v>
      </c>
      <c r="DY20" s="114">
        <v>0</v>
      </c>
      <c r="DZ20" s="114">
        <v>0</v>
      </c>
      <c r="EA20" s="114">
        <v>600896</v>
      </c>
      <c r="EB20" s="114">
        <v>215881</v>
      </c>
      <c r="EC20" s="113">
        <v>816777</v>
      </c>
      <c r="ED20" s="116">
        <v>816777</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v>0</v>
      </c>
      <c r="FE20" s="114">
        <v>0</v>
      </c>
      <c r="FF20" s="114">
        <v>0</v>
      </c>
      <c r="FG20" s="114">
        <v>0</v>
      </c>
      <c r="FH20" s="114">
        <v>0</v>
      </c>
      <c r="FI20" s="114">
        <v>0</v>
      </c>
      <c r="FJ20" s="113">
        <v>0</v>
      </c>
      <c r="FK20" s="116">
        <v>0</v>
      </c>
      <c r="FL20" s="110">
        <v>1050</v>
      </c>
      <c r="FM20" s="114">
        <v>20300</v>
      </c>
      <c r="FN20" s="113">
        <v>21350</v>
      </c>
      <c r="FO20" s="110">
        <v>0</v>
      </c>
      <c r="FP20" s="114">
        <v>45136</v>
      </c>
      <c r="FQ20" s="114">
        <v>48001</v>
      </c>
      <c r="FR20" s="114">
        <v>93912</v>
      </c>
      <c r="FS20" s="114">
        <v>144795</v>
      </c>
      <c r="FT20" s="114">
        <v>101738</v>
      </c>
      <c r="FU20" s="113">
        <v>433582</v>
      </c>
      <c r="FV20" s="116">
        <v>454932</v>
      </c>
      <c r="FW20" s="115">
        <v>1050</v>
      </c>
      <c r="FX20" s="114">
        <v>20300</v>
      </c>
      <c r="FY20" s="112">
        <v>21350</v>
      </c>
      <c r="FZ20" s="111">
        <v>0</v>
      </c>
      <c r="GA20" s="114">
        <v>45136</v>
      </c>
      <c r="GB20" s="114">
        <v>48001</v>
      </c>
      <c r="GC20" s="114">
        <v>59542</v>
      </c>
      <c r="GD20" s="114">
        <v>144795</v>
      </c>
      <c r="GE20" s="114">
        <v>101738</v>
      </c>
      <c r="GF20" s="113">
        <v>399212</v>
      </c>
      <c r="GG20" s="318">
        <v>420562</v>
      </c>
      <c r="GH20" s="115">
        <v>0</v>
      </c>
      <c r="GI20" s="114">
        <v>0</v>
      </c>
      <c r="GJ20" s="112">
        <v>0</v>
      </c>
      <c r="GK20" s="111">
        <v>0</v>
      </c>
      <c r="GL20" s="114">
        <v>0</v>
      </c>
      <c r="GM20" s="114">
        <v>0</v>
      </c>
      <c r="GN20" s="114">
        <v>18480</v>
      </c>
      <c r="GO20" s="114">
        <v>0</v>
      </c>
      <c r="GP20" s="114">
        <v>0</v>
      </c>
      <c r="GQ20" s="113">
        <v>18480</v>
      </c>
      <c r="GR20" s="116">
        <v>18480</v>
      </c>
      <c r="GS20" s="110">
        <v>0</v>
      </c>
      <c r="GT20" s="114">
        <v>0</v>
      </c>
      <c r="GU20" s="113">
        <v>0</v>
      </c>
      <c r="GV20" s="110">
        <v>0</v>
      </c>
      <c r="GW20" s="114">
        <v>0</v>
      </c>
      <c r="GX20" s="114">
        <v>0</v>
      </c>
      <c r="GY20" s="114">
        <v>15890</v>
      </c>
      <c r="GZ20" s="114">
        <v>0</v>
      </c>
      <c r="HA20" s="114">
        <v>0</v>
      </c>
      <c r="HB20" s="112">
        <v>15890</v>
      </c>
      <c r="HC20" s="116">
        <v>15890</v>
      </c>
      <c r="HD20" s="110">
        <v>46993</v>
      </c>
      <c r="HE20" s="114">
        <v>75944</v>
      </c>
      <c r="HF20" s="112">
        <v>122937</v>
      </c>
      <c r="HG20" s="111">
        <v>0</v>
      </c>
      <c r="HH20" s="114">
        <v>636445</v>
      </c>
      <c r="HI20" s="114">
        <v>719408</v>
      </c>
      <c r="HJ20" s="114">
        <v>331388</v>
      </c>
      <c r="HK20" s="114">
        <v>338587</v>
      </c>
      <c r="HL20" s="114">
        <v>193160</v>
      </c>
      <c r="HM20" s="113">
        <v>2218988</v>
      </c>
      <c r="HN20" s="109">
        <v>2341925</v>
      </c>
      <c r="HO20" s="328">
        <v>0</v>
      </c>
      <c r="HP20" s="329">
        <v>0</v>
      </c>
      <c r="HQ20" s="330">
        <v>0</v>
      </c>
      <c r="HR20" s="331">
        <v>0</v>
      </c>
      <c r="HS20" s="329">
        <v>0</v>
      </c>
      <c r="HT20" s="329">
        <v>0</v>
      </c>
      <c r="HU20" s="329">
        <v>0</v>
      </c>
      <c r="HV20" s="329">
        <v>0</v>
      </c>
      <c r="HW20" s="329">
        <v>0</v>
      </c>
      <c r="HX20" s="332">
        <v>0</v>
      </c>
      <c r="HY20" s="333">
        <v>0</v>
      </c>
      <c r="HZ20" s="150">
        <v>0</v>
      </c>
      <c r="IA20" s="135">
        <v>0</v>
      </c>
      <c r="IB20" s="150">
        <v>0</v>
      </c>
      <c r="IC20" s="134">
        <v>0</v>
      </c>
      <c r="ID20" s="135">
        <v>163048</v>
      </c>
      <c r="IE20" s="136">
        <v>728707</v>
      </c>
      <c r="IF20" s="137">
        <v>325974</v>
      </c>
      <c r="IG20" s="135">
        <v>255624</v>
      </c>
      <c r="IH20" s="137">
        <v>11580</v>
      </c>
      <c r="II20" s="138">
        <v>1484933</v>
      </c>
      <c r="IJ20" s="150">
        <v>1484933</v>
      </c>
      <c r="IK20" s="232">
        <v>0</v>
      </c>
      <c r="IL20" s="236">
        <v>0</v>
      </c>
      <c r="IM20" s="237">
        <v>0</v>
      </c>
      <c r="IN20" s="140">
        <v>0</v>
      </c>
      <c r="IO20" s="119">
        <v>0</v>
      </c>
      <c r="IP20" s="119">
        <v>0</v>
      </c>
      <c r="IQ20" s="119">
        <v>156922</v>
      </c>
      <c r="IR20" s="119">
        <v>0</v>
      </c>
      <c r="IS20" s="119">
        <v>0</v>
      </c>
      <c r="IT20" s="141">
        <v>156922</v>
      </c>
      <c r="IU20" s="320">
        <v>156922</v>
      </c>
      <c r="IV20" s="142">
        <v>0</v>
      </c>
      <c r="IW20" s="119">
        <v>0</v>
      </c>
      <c r="IX20" s="120">
        <v>0</v>
      </c>
      <c r="IY20" s="144">
        <v>0</v>
      </c>
      <c r="IZ20" s="119">
        <v>0</v>
      </c>
      <c r="JA20" s="119">
        <v>0</v>
      </c>
      <c r="JB20" s="119">
        <v>0</v>
      </c>
      <c r="JC20" s="119">
        <v>0</v>
      </c>
      <c r="JD20" s="119">
        <v>0</v>
      </c>
      <c r="JE20" s="120">
        <v>0</v>
      </c>
      <c r="JF20" s="121">
        <v>0</v>
      </c>
      <c r="JG20" s="142">
        <v>0</v>
      </c>
      <c r="JH20" s="119">
        <v>0</v>
      </c>
      <c r="JI20" s="141">
        <v>0</v>
      </c>
      <c r="JJ20" s="118">
        <v>0</v>
      </c>
      <c r="JK20" s="119">
        <v>163048</v>
      </c>
      <c r="JL20" s="119">
        <v>201461</v>
      </c>
      <c r="JM20" s="119">
        <v>169052</v>
      </c>
      <c r="JN20" s="119">
        <v>53362</v>
      </c>
      <c r="JO20" s="119">
        <v>11580</v>
      </c>
      <c r="JP20" s="120">
        <v>598503</v>
      </c>
      <c r="JQ20" s="320">
        <v>598503</v>
      </c>
      <c r="JR20" s="142">
        <v>0</v>
      </c>
      <c r="JS20" s="119">
        <v>0</v>
      </c>
      <c r="JT20" s="141">
        <v>0</v>
      </c>
      <c r="JU20" s="118">
        <v>0</v>
      </c>
      <c r="JV20" s="119">
        <v>0</v>
      </c>
      <c r="JW20" s="119">
        <v>0</v>
      </c>
      <c r="JX20" s="119">
        <v>0</v>
      </c>
      <c r="JY20" s="119">
        <v>0</v>
      </c>
      <c r="JZ20" s="119">
        <v>0</v>
      </c>
      <c r="KA20" s="120">
        <v>0</v>
      </c>
      <c r="KB20" s="320">
        <v>0</v>
      </c>
      <c r="KC20" s="234">
        <v>0</v>
      </c>
      <c r="KD20" s="230">
        <v>0</v>
      </c>
      <c r="KE20" s="120">
        <v>0</v>
      </c>
      <c r="KF20" s="118">
        <v>0</v>
      </c>
      <c r="KG20" s="119">
        <v>0</v>
      </c>
      <c r="KH20" s="119">
        <v>0</v>
      </c>
      <c r="KI20" s="119">
        <v>0</v>
      </c>
      <c r="KJ20" s="119">
        <v>0</v>
      </c>
      <c r="KK20" s="119">
        <v>0</v>
      </c>
      <c r="KL20" s="120">
        <v>0</v>
      </c>
      <c r="KM20" s="143">
        <v>0</v>
      </c>
      <c r="KN20" s="232">
        <v>0</v>
      </c>
      <c r="KO20" s="236">
        <v>0</v>
      </c>
      <c r="KP20" s="237">
        <v>0</v>
      </c>
      <c r="KQ20" s="140">
        <v>0</v>
      </c>
      <c r="KR20" s="119">
        <v>0</v>
      </c>
      <c r="KS20" s="119">
        <v>527246</v>
      </c>
      <c r="KT20" s="119">
        <v>0</v>
      </c>
      <c r="KU20" s="119">
        <v>202262</v>
      </c>
      <c r="KV20" s="119">
        <v>0</v>
      </c>
      <c r="KW20" s="120">
        <v>729508</v>
      </c>
      <c r="KX20" s="320">
        <v>729508</v>
      </c>
      <c r="KY20" s="142">
        <v>0</v>
      </c>
      <c r="KZ20" s="119">
        <v>0</v>
      </c>
      <c r="LA20" s="120">
        <v>0</v>
      </c>
      <c r="LB20" s="145">
        <v>0</v>
      </c>
      <c r="LC20" s="119">
        <v>0</v>
      </c>
      <c r="LD20" s="119">
        <v>0</v>
      </c>
      <c r="LE20" s="119">
        <v>0</v>
      </c>
      <c r="LF20" s="119">
        <v>0</v>
      </c>
      <c r="LG20" s="119">
        <v>0</v>
      </c>
      <c r="LH20" s="120">
        <v>0</v>
      </c>
      <c r="LI20" s="121">
        <v>0</v>
      </c>
      <c r="LJ20" s="142">
        <v>0</v>
      </c>
      <c r="LK20" s="119">
        <v>0</v>
      </c>
      <c r="LL20" s="120">
        <v>0</v>
      </c>
      <c r="LM20" s="145">
        <v>0</v>
      </c>
      <c r="LN20" s="119">
        <v>0</v>
      </c>
      <c r="LO20" s="119">
        <v>0</v>
      </c>
      <c r="LP20" s="119">
        <v>0</v>
      </c>
      <c r="LQ20" s="119">
        <v>0</v>
      </c>
      <c r="LR20" s="119">
        <v>0</v>
      </c>
      <c r="LS20" s="120">
        <v>0</v>
      </c>
      <c r="LT20" s="320">
        <v>0</v>
      </c>
      <c r="LU20" s="142">
        <v>0</v>
      </c>
      <c r="LV20" s="119">
        <v>0</v>
      </c>
      <c r="LW20" s="120">
        <v>0</v>
      </c>
      <c r="LX20" s="145">
        <v>0</v>
      </c>
      <c r="LY20" s="119">
        <v>0</v>
      </c>
      <c r="LZ20" s="119">
        <v>0</v>
      </c>
      <c r="MA20" s="119">
        <v>0</v>
      </c>
      <c r="MB20" s="119">
        <v>0</v>
      </c>
      <c r="MC20" s="119">
        <v>0</v>
      </c>
      <c r="MD20" s="120">
        <v>0</v>
      </c>
      <c r="ME20" s="121">
        <v>0</v>
      </c>
      <c r="MF20" s="142">
        <v>0</v>
      </c>
      <c r="MG20" s="119">
        <v>0</v>
      </c>
      <c r="MH20" s="120">
        <v>0</v>
      </c>
      <c r="MI20" s="145">
        <v>0</v>
      </c>
      <c r="MJ20" s="119">
        <v>0</v>
      </c>
      <c r="MK20" s="119">
        <v>0</v>
      </c>
      <c r="ML20" s="119">
        <v>603264</v>
      </c>
      <c r="MM20" s="119">
        <v>343339</v>
      </c>
      <c r="MN20" s="119">
        <v>253108</v>
      </c>
      <c r="MO20" s="120">
        <v>1199711</v>
      </c>
      <c r="MP20" s="143">
        <v>1199711</v>
      </c>
      <c r="MQ20" s="142">
        <v>0</v>
      </c>
      <c r="MR20" s="119">
        <v>0</v>
      </c>
      <c r="MS20" s="120">
        <v>0</v>
      </c>
      <c r="MT20" s="145">
        <v>0</v>
      </c>
      <c r="MU20" s="119">
        <v>0</v>
      </c>
      <c r="MV20" s="119">
        <v>0</v>
      </c>
      <c r="MW20" s="119">
        <v>178266</v>
      </c>
      <c r="MX20" s="119">
        <v>0</v>
      </c>
      <c r="MY20" s="119">
        <v>253108</v>
      </c>
      <c r="MZ20" s="120">
        <v>431374</v>
      </c>
      <c r="NA20" s="143">
        <v>431374</v>
      </c>
      <c r="NB20" s="142">
        <v>0</v>
      </c>
      <c r="NC20" s="119">
        <v>0</v>
      </c>
      <c r="ND20" s="120">
        <v>0</v>
      </c>
      <c r="NE20" s="145">
        <v>0</v>
      </c>
      <c r="NF20" s="119">
        <v>0</v>
      </c>
      <c r="NG20" s="119">
        <v>0</v>
      </c>
      <c r="NH20" s="119">
        <v>424998</v>
      </c>
      <c r="NI20" s="119">
        <v>343339</v>
      </c>
      <c r="NJ20" s="119">
        <v>0</v>
      </c>
      <c r="NK20" s="120">
        <v>768337</v>
      </c>
      <c r="NL20" s="320">
        <v>768337</v>
      </c>
      <c r="NM20" s="142">
        <v>0</v>
      </c>
      <c r="NN20" s="119">
        <v>0</v>
      </c>
      <c r="NO20" s="120">
        <v>0</v>
      </c>
      <c r="NP20" s="145">
        <v>0</v>
      </c>
      <c r="NQ20" s="119">
        <v>0</v>
      </c>
      <c r="NR20" s="119">
        <v>0</v>
      </c>
      <c r="NS20" s="119">
        <v>0</v>
      </c>
      <c r="NT20" s="119">
        <v>0</v>
      </c>
      <c r="NU20" s="119">
        <v>0</v>
      </c>
      <c r="NV20" s="120">
        <v>0</v>
      </c>
      <c r="NW20" s="121">
        <v>0</v>
      </c>
      <c r="NX20" s="142">
        <v>0</v>
      </c>
      <c r="NY20" s="119">
        <v>0</v>
      </c>
      <c r="NZ20" s="120">
        <v>0</v>
      </c>
      <c r="OA20" s="145">
        <v>0</v>
      </c>
      <c r="OB20" s="119">
        <v>0</v>
      </c>
      <c r="OC20" s="119">
        <v>0</v>
      </c>
      <c r="OD20" s="119">
        <v>0</v>
      </c>
      <c r="OE20" s="119">
        <v>0</v>
      </c>
      <c r="OF20" s="119">
        <v>0</v>
      </c>
      <c r="OG20" s="120">
        <v>0</v>
      </c>
      <c r="OH20" s="121">
        <v>0</v>
      </c>
      <c r="OI20" s="142">
        <v>48043</v>
      </c>
      <c r="OJ20" s="119">
        <v>113522</v>
      </c>
      <c r="OK20" s="141">
        <v>161565</v>
      </c>
      <c r="OL20" s="118">
        <v>0</v>
      </c>
      <c r="OM20" s="119">
        <v>1153345</v>
      </c>
      <c r="ON20" s="119">
        <v>1816272</v>
      </c>
      <c r="OO20" s="119">
        <v>1675413</v>
      </c>
      <c r="OP20" s="119">
        <v>2136396</v>
      </c>
      <c r="OQ20" s="119">
        <v>1954867</v>
      </c>
      <c r="OR20" s="120">
        <v>8736293</v>
      </c>
      <c r="OS20" s="143">
        <v>8897858</v>
      </c>
    </row>
    <row r="21" spans="2:409" ht="21" customHeight="1" x14ac:dyDescent="0.2">
      <c r="B21" s="126" t="s">
        <v>16</v>
      </c>
      <c r="C21" s="110">
        <v>134612</v>
      </c>
      <c r="D21" s="114">
        <v>257577</v>
      </c>
      <c r="E21" s="113">
        <v>392189</v>
      </c>
      <c r="F21" s="109">
        <v>0</v>
      </c>
      <c r="G21" s="114">
        <v>3622190</v>
      </c>
      <c r="H21" s="114">
        <v>4618431</v>
      </c>
      <c r="I21" s="114">
        <v>4255417</v>
      </c>
      <c r="J21" s="114">
        <v>3599806</v>
      </c>
      <c r="K21" s="114">
        <v>2495918</v>
      </c>
      <c r="L21" s="109">
        <v>18591762</v>
      </c>
      <c r="M21" s="116">
        <v>18983951</v>
      </c>
      <c r="N21" s="110">
        <v>43850</v>
      </c>
      <c r="O21" s="114">
        <v>28319</v>
      </c>
      <c r="P21" s="113">
        <v>72169</v>
      </c>
      <c r="Q21" s="110">
        <v>0</v>
      </c>
      <c r="R21" s="114">
        <v>479881</v>
      </c>
      <c r="S21" s="114">
        <v>1110173</v>
      </c>
      <c r="T21" s="114">
        <v>942773</v>
      </c>
      <c r="U21" s="114">
        <v>793052</v>
      </c>
      <c r="V21" s="114">
        <v>806516</v>
      </c>
      <c r="W21" s="113">
        <v>4132395</v>
      </c>
      <c r="X21" s="116">
        <v>4204564</v>
      </c>
      <c r="Y21" s="110">
        <v>0</v>
      </c>
      <c r="Z21" s="114">
        <v>0</v>
      </c>
      <c r="AA21" s="113">
        <v>0</v>
      </c>
      <c r="AB21" s="110">
        <v>0</v>
      </c>
      <c r="AC21" s="114">
        <v>193208</v>
      </c>
      <c r="AD21" s="114">
        <v>545183</v>
      </c>
      <c r="AE21" s="114">
        <v>219012</v>
      </c>
      <c r="AF21" s="114">
        <v>279264</v>
      </c>
      <c r="AG21" s="114">
        <v>331662</v>
      </c>
      <c r="AH21" s="113">
        <v>1568329</v>
      </c>
      <c r="AI21" s="116">
        <v>1568329</v>
      </c>
      <c r="AJ21" s="110">
        <v>0</v>
      </c>
      <c r="AK21" s="114">
        <v>0</v>
      </c>
      <c r="AL21" s="113">
        <v>0</v>
      </c>
      <c r="AM21" s="110">
        <v>0</v>
      </c>
      <c r="AN21" s="114">
        <v>0</v>
      </c>
      <c r="AO21" s="114">
        <v>0</v>
      </c>
      <c r="AP21" s="114">
        <v>58780</v>
      </c>
      <c r="AQ21" s="114">
        <v>39846</v>
      </c>
      <c r="AR21" s="114">
        <v>29890</v>
      </c>
      <c r="AS21" s="113">
        <v>128516</v>
      </c>
      <c r="AT21" s="116">
        <v>128516</v>
      </c>
      <c r="AU21" s="110">
        <v>29738</v>
      </c>
      <c r="AV21" s="114">
        <v>10007</v>
      </c>
      <c r="AW21" s="113">
        <v>39745</v>
      </c>
      <c r="AX21" s="110">
        <v>0</v>
      </c>
      <c r="AY21" s="114">
        <v>86195</v>
      </c>
      <c r="AZ21" s="114">
        <v>384684</v>
      </c>
      <c r="BA21" s="114">
        <v>385058</v>
      </c>
      <c r="BB21" s="114">
        <v>228403</v>
      </c>
      <c r="BC21" s="114">
        <v>282487</v>
      </c>
      <c r="BD21" s="113">
        <v>1366827</v>
      </c>
      <c r="BE21" s="116">
        <v>1406572</v>
      </c>
      <c r="BF21" s="110">
        <v>0</v>
      </c>
      <c r="BG21" s="114">
        <v>0</v>
      </c>
      <c r="BH21" s="112">
        <v>0</v>
      </c>
      <c r="BI21" s="111">
        <v>0</v>
      </c>
      <c r="BJ21" s="114">
        <v>55179</v>
      </c>
      <c r="BK21" s="114">
        <v>0</v>
      </c>
      <c r="BL21" s="114">
        <v>55300</v>
      </c>
      <c r="BM21" s="114">
        <v>27650</v>
      </c>
      <c r="BN21" s="114">
        <v>0</v>
      </c>
      <c r="BO21" s="113">
        <v>138129</v>
      </c>
      <c r="BP21" s="116">
        <v>138129</v>
      </c>
      <c r="BQ21" s="110">
        <v>14112</v>
      </c>
      <c r="BR21" s="114">
        <v>18312</v>
      </c>
      <c r="BS21" s="113">
        <v>32424</v>
      </c>
      <c r="BT21" s="110">
        <v>0</v>
      </c>
      <c r="BU21" s="114">
        <v>145299</v>
      </c>
      <c r="BV21" s="114">
        <v>180306</v>
      </c>
      <c r="BW21" s="114">
        <v>224623</v>
      </c>
      <c r="BX21" s="114">
        <v>217889</v>
      </c>
      <c r="BY21" s="114">
        <v>162477</v>
      </c>
      <c r="BZ21" s="113">
        <v>930594</v>
      </c>
      <c r="CA21" s="116">
        <v>963018</v>
      </c>
      <c r="CB21" s="110">
        <v>18265</v>
      </c>
      <c r="CC21" s="114">
        <v>101853</v>
      </c>
      <c r="CD21" s="113">
        <v>120118</v>
      </c>
      <c r="CE21" s="110">
        <v>0</v>
      </c>
      <c r="CF21" s="114">
        <v>1361605</v>
      </c>
      <c r="CG21" s="114">
        <v>1862215</v>
      </c>
      <c r="CH21" s="114">
        <v>1243220</v>
      </c>
      <c r="CI21" s="114">
        <v>402639</v>
      </c>
      <c r="CJ21" s="114">
        <v>156056</v>
      </c>
      <c r="CK21" s="113">
        <v>5025735</v>
      </c>
      <c r="CL21" s="116">
        <v>5145853</v>
      </c>
      <c r="CM21" s="110">
        <v>0</v>
      </c>
      <c r="CN21" s="114">
        <v>0</v>
      </c>
      <c r="CO21" s="113">
        <v>0</v>
      </c>
      <c r="CP21" s="111">
        <v>0</v>
      </c>
      <c r="CQ21" s="114">
        <v>930607</v>
      </c>
      <c r="CR21" s="114">
        <v>985060</v>
      </c>
      <c r="CS21" s="114">
        <v>686765</v>
      </c>
      <c r="CT21" s="114">
        <v>262491</v>
      </c>
      <c r="CU21" s="114">
        <v>79177</v>
      </c>
      <c r="CV21" s="113">
        <v>2944100</v>
      </c>
      <c r="CW21" s="116">
        <v>2944100</v>
      </c>
      <c r="CX21" s="110">
        <v>18265</v>
      </c>
      <c r="CY21" s="114">
        <v>101853</v>
      </c>
      <c r="CZ21" s="113">
        <v>120118</v>
      </c>
      <c r="DA21" s="110">
        <v>0</v>
      </c>
      <c r="DB21" s="114">
        <v>430998</v>
      </c>
      <c r="DC21" s="114">
        <v>877155</v>
      </c>
      <c r="DD21" s="114">
        <v>556455</v>
      </c>
      <c r="DE21" s="114">
        <v>140148</v>
      </c>
      <c r="DF21" s="114">
        <v>76879</v>
      </c>
      <c r="DG21" s="113">
        <v>2081635</v>
      </c>
      <c r="DH21" s="116">
        <v>2201753</v>
      </c>
      <c r="DI21" s="110">
        <v>0</v>
      </c>
      <c r="DJ21" s="114">
        <v>26117</v>
      </c>
      <c r="DK21" s="112">
        <v>26117</v>
      </c>
      <c r="DL21" s="111">
        <v>0</v>
      </c>
      <c r="DM21" s="114">
        <v>102578</v>
      </c>
      <c r="DN21" s="114">
        <v>173482</v>
      </c>
      <c r="DO21" s="114">
        <v>327402</v>
      </c>
      <c r="DP21" s="114">
        <v>0</v>
      </c>
      <c r="DQ21" s="114">
        <v>10108</v>
      </c>
      <c r="DR21" s="113">
        <v>613570</v>
      </c>
      <c r="DS21" s="116">
        <v>639687</v>
      </c>
      <c r="DT21" s="110">
        <v>0</v>
      </c>
      <c r="DU21" s="114">
        <v>26117</v>
      </c>
      <c r="DV21" s="113">
        <v>26117</v>
      </c>
      <c r="DW21" s="110">
        <v>0</v>
      </c>
      <c r="DX21" s="114">
        <v>81599</v>
      </c>
      <c r="DY21" s="114">
        <v>173482</v>
      </c>
      <c r="DZ21" s="114">
        <v>278794</v>
      </c>
      <c r="EA21" s="114">
        <v>0</v>
      </c>
      <c r="EB21" s="114">
        <v>10108</v>
      </c>
      <c r="EC21" s="113">
        <v>543983</v>
      </c>
      <c r="ED21" s="116">
        <v>570100</v>
      </c>
      <c r="EE21" s="110">
        <v>0</v>
      </c>
      <c r="EF21" s="112">
        <v>0</v>
      </c>
      <c r="EG21" s="113">
        <v>0</v>
      </c>
      <c r="EH21" s="110">
        <v>0</v>
      </c>
      <c r="EI21" s="114">
        <v>20979</v>
      </c>
      <c r="EJ21" s="114">
        <v>0</v>
      </c>
      <c r="EK21" s="114">
        <v>48608</v>
      </c>
      <c r="EL21" s="114">
        <v>0</v>
      </c>
      <c r="EM21" s="114">
        <v>0</v>
      </c>
      <c r="EN21" s="112">
        <v>69587</v>
      </c>
      <c r="EO21" s="116">
        <v>69587</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v>0</v>
      </c>
      <c r="FE21" s="114">
        <v>0</v>
      </c>
      <c r="FF21" s="114">
        <v>0</v>
      </c>
      <c r="FG21" s="114">
        <v>0</v>
      </c>
      <c r="FH21" s="114">
        <v>0</v>
      </c>
      <c r="FI21" s="114">
        <v>0</v>
      </c>
      <c r="FJ21" s="113">
        <v>0</v>
      </c>
      <c r="FK21" s="116">
        <v>0</v>
      </c>
      <c r="FL21" s="110">
        <v>30996</v>
      </c>
      <c r="FM21" s="114">
        <v>24920</v>
      </c>
      <c r="FN21" s="113">
        <v>55916</v>
      </c>
      <c r="FO21" s="110">
        <v>0</v>
      </c>
      <c r="FP21" s="114">
        <v>156343</v>
      </c>
      <c r="FQ21" s="114">
        <v>503818</v>
      </c>
      <c r="FR21" s="114">
        <v>329756</v>
      </c>
      <c r="FS21" s="114">
        <v>187586</v>
      </c>
      <c r="FT21" s="114">
        <v>329640</v>
      </c>
      <c r="FU21" s="113">
        <v>1507143</v>
      </c>
      <c r="FV21" s="116">
        <v>1563059</v>
      </c>
      <c r="FW21" s="115">
        <v>30996</v>
      </c>
      <c r="FX21" s="114">
        <v>24920</v>
      </c>
      <c r="FY21" s="112">
        <v>55916</v>
      </c>
      <c r="FZ21" s="111">
        <v>0</v>
      </c>
      <c r="GA21" s="114">
        <v>120106</v>
      </c>
      <c r="GB21" s="114">
        <v>472402</v>
      </c>
      <c r="GC21" s="114">
        <v>299656</v>
      </c>
      <c r="GD21" s="114">
        <v>160986</v>
      </c>
      <c r="GE21" s="114">
        <v>266154</v>
      </c>
      <c r="GF21" s="113">
        <v>1319304</v>
      </c>
      <c r="GG21" s="318">
        <v>1375220</v>
      </c>
      <c r="GH21" s="115">
        <v>0</v>
      </c>
      <c r="GI21" s="114">
        <v>0</v>
      </c>
      <c r="GJ21" s="112">
        <v>0</v>
      </c>
      <c r="GK21" s="111">
        <v>0</v>
      </c>
      <c r="GL21" s="114">
        <v>0</v>
      </c>
      <c r="GM21" s="114">
        <v>31416</v>
      </c>
      <c r="GN21" s="114">
        <v>0</v>
      </c>
      <c r="GO21" s="114">
        <v>0</v>
      </c>
      <c r="GP21" s="114">
        <v>63486</v>
      </c>
      <c r="GQ21" s="113">
        <v>94902</v>
      </c>
      <c r="GR21" s="116">
        <v>94902</v>
      </c>
      <c r="GS21" s="110">
        <v>0</v>
      </c>
      <c r="GT21" s="114">
        <v>0</v>
      </c>
      <c r="GU21" s="113">
        <v>0</v>
      </c>
      <c r="GV21" s="110">
        <v>0</v>
      </c>
      <c r="GW21" s="114">
        <v>36237</v>
      </c>
      <c r="GX21" s="114">
        <v>0</v>
      </c>
      <c r="GY21" s="114">
        <v>30100</v>
      </c>
      <c r="GZ21" s="114">
        <v>26600</v>
      </c>
      <c r="HA21" s="114">
        <v>0</v>
      </c>
      <c r="HB21" s="112">
        <v>92937</v>
      </c>
      <c r="HC21" s="116">
        <v>92937</v>
      </c>
      <c r="HD21" s="110">
        <v>41501</v>
      </c>
      <c r="HE21" s="114">
        <v>76368</v>
      </c>
      <c r="HF21" s="112">
        <v>117869</v>
      </c>
      <c r="HG21" s="111">
        <v>0</v>
      </c>
      <c r="HH21" s="114">
        <v>1521783</v>
      </c>
      <c r="HI21" s="114">
        <v>968743</v>
      </c>
      <c r="HJ21" s="114">
        <v>1412266</v>
      </c>
      <c r="HK21" s="114">
        <v>2216529</v>
      </c>
      <c r="HL21" s="114">
        <v>1193598</v>
      </c>
      <c r="HM21" s="113">
        <v>7312919</v>
      </c>
      <c r="HN21" s="109">
        <v>7430788</v>
      </c>
      <c r="HO21" s="328">
        <v>0</v>
      </c>
      <c r="HP21" s="329">
        <v>0</v>
      </c>
      <c r="HQ21" s="330">
        <v>0</v>
      </c>
      <c r="HR21" s="331">
        <v>0</v>
      </c>
      <c r="HS21" s="329">
        <v>0</v>
      </c>
      <c r="HT21" s="329">
        <v>0</v>
      </c>
      <c r="HU21" s="329">
        <v>0</v>
      </c>
      <c r="HV21" s="329">
        <v>0</v>
      </c>
      <c r="HW21" s="329">
        <v>0</v>
      </c>
      <c r="HX21" s="332">
        <v>0</v>
      </c>
      <c r="HY21" s="333">
        <v>0</v>
      </c>
      <c r="HZ21" s="131">
        <v>0</v>
      </c>
      <c r="IA21" s="132">
        <v>0</v>
      </c>
      <c r="IB21" s="133">
        <v>0</v>
      </c>
      <c r="IC21" s="146">
        <v>0</v>
      </c>
      <c r="ID21" s="132">
        <v>231871</v>
      </c>
      <c r="IE21" s="147">
        <v>881151</v>
      </c>
      <c r="IF21" s="133">
        <v>1067434</v>
      </c>
      <c r="IG21" s="132">
        <v>561665</v>
      </c>
      <c r="IH21" s="133">
        <v>1290072</v>
      </c>
      <c r="II21" s="148">
        <v>4032193</v>
      </c>
      <c r="IJ21" s="139">
        <v>4032193</v>
      </c>
      <c r="IK21" s="232">
        <v>0</v>
      </c>
      <c r="IL21" s="236">
        <v>0</v>
      </c>
      <c r="IM21" s="237">
        <v>0</v>
      </c>
      <c r="IN21" s="140">
        <v>0</v>
      </c>
      <c r="IO21" s="119">
        <v>0</v>
      </c>
      <c r="IP21" s="119">
        <v>0</v>
      </c>
      <c r="IQ21" s="119">
        <v>0</v>
      </c>
      <c r="IR21" s="119">
        <v>0</v>
      </c>
      <c r="IS21" s="119">
        <v>678152</v>
      </c>
      <c r="IT21" s="141">
        <v>678152</v>
      </c>
      <c r="IU21" s="320">
        <v>678152</v>
      </c>
      <c r="IV21" s="142">
        <v>0</v>
      </c>
      <c r="IW21" s="119">
        <v>0</v>
      </c>
      <c r="IX21" s="120">
        <v>0</v>
      </c>
      <c r="IY21" s="144">
        <v>0</v>
      </c>
      <c r="IZ21" s="119">
        <v>0</v>
      </c>
      <c r="JA21" s="119">
        <v>0</v>
      </c>
      <c r="JB21" s="119">
        <v>0</v>
      </c>
      <c r="JC21" s="119">
        <v>14347</v>
      </c>
      <c r="JD21" s="119">
        <v>14347</v>
      </c>
      <c r="JE21" s="120">
        <v>28694</v>
      </c>
      <c r="JF21" s="121">
        <v>28694</v>
      </c>
      <c r="JG21" s="142">
        <v>0</v>
      </c>
      <c r="JH21" s="119">
        <v>0</v>
      </c>
      <c r="JI21" s="141">
        <v>0</v>
      </c>
      <c r="JJ21" s="118">
        <v>0</v>
      </c>
      <c r="JK21" s="119">
        <v>231871</v>
      </c>
      <c r="JL21" s="119">
        <v>144826</v>
      </c>
      <c r="JM21" s="119">
        <v>463884</v>
      </c>
      <c r="JN21" s="119">
        <v>141378</v>
      </c>
      <c r="JO21" s="119">
        <v>140377</v>
      </c>
      <c r="JP21" s="120">
        <v>1122336</v>
      </c>
      <c r="JQ21" s="320">
        <v>1122336</v>
      </c>
      <c r="JR21" s="142">
        <v>0</v>
      </c>
      <c r="JS21" s="119">
        <v>0</v>
      </c>
      <c r="JT21" s="141">
        <v>0</v>
      </c>
      <c r="JU21" s="118">
        <v>0</v>
      </c>
      <c r="JV21" s="119">
        <v>0</v>
      </c>
      <c r="JW21" s="119">
        <v>189746</v>
      </c>
      <c r="JX21" s="119">
        <v>0</v>
      </c>
      <c r="JY21" s="119">
        <v>0</v>
      </c>
      <c r="JZ21" s="119">
        <v>0</v>
      </c>
      <c r="KA21" s="120">
        <v>189746</v>
      </c>
      <c r="KB21" s="320">
        <v>189746</v>
      </c>
      <c r="KC21" s="234">
        <v>0</v>
      </c>
      <c r="KD21" s="230">
        <v>0</v>
      </c>
      <c r="KE21" s="120">
        <v>0</v>
      </c>
      <c r="KF21" s="118">
        <v>0</v>
      </c>
      <c r="KG21" s="119">
        <v>0</v>
      </c>
      <c r="KH21" s="119">
        <v>161193</v>
      </c>
      <c r="KI21" s="119">
        <v>0</v>
      </c>
      <c r="KJ21" s="119">
        <v>0</v>
      </c>
      <c r="KK21" s="119">
        <v>250973</v>
      </c>
      <c r="KL21" s="120">
        <v>412166</v>
      </c>
      <c r="KM21" s="143">
        <v>412166</v>
      </c>
      <c r="KN21" s="232">
        <v>0</v>
      </c>
      <c r="KO21" s="236">
        <v>0</v>
      </c>
      <c r="KP21" s="237">
        <v>0</v>
      </c>
      <c r="KQ21" s="140">
        <v>0</v>
      </c>
      <c r="KR21" s="119">
        <v>0</v>
      </c>
      <c r="KS21" s="119">
        <v>385386</v>
      </c>
      <c r="KT21" s="119">
        <v>603550</v>
      </c>
      <c r="KU21" s="119">
        <v>405940</v>
      </c>
      <c r="KV21" s="119">
        <v>206223</v>
      </c>
      <c r="KW21" s="120">
        <v>1601099</v>
      </c>
      <c r="KX21" s="320">
        <v>1601099</v>
      </c>
      <c r="KY21" s="142">
        <v>0</v>
      </c>
      <c r="KZ21" s="119">
        <v>0</v>
      </c>
      <c r="LA21" s="120">
        <v>0</v>
      </c>
      <c r="LB21" s="145">
        <v>0</v>
      </c>
      <c r="LC21" s="119">
        <v>0</v>
      </c>
      <c r="LD21" s="119">
        <v>0</v>
      </c>
      <c r="LE21" s="119">
        <v>0</v>
      </c>
      <c r="LF21" s="119">
        <v>0</v>
      </c>
      <c r="LG21" s="119">
        <v>0</v>
      </c>
      <c r="LH21" s="120">
        <v>0</v>
      </c>
      <c r="LI21" s="121">
        <v>0</v>
      </c>
      <c r="LJ21" s="142">
        <v>0</v>
      </c>
      <c r="LK21" s="119">
        <v>0</v>
      </c>
      <c r="LL21" s="120">
        <v>0</v>
      </c>
      <c r="LM21" s="145">
        <v>0</v>
      </c>
      <c r="LN21" s="119">
        <v>0</v>
      </c>
      <c r="LO21" s="119">
        <v>0</v>
      </c>
      <c r="LP21" s="119">
        <v>0</v>
      </c>
      <c r="LQ21" s="119">
        <v>0</v>
      </c>
      <c r="LR21" s="119">
        <v>0</v>
      </c>
      <c r="LS21" s="120">
        <v>0</v>
      </c>
      <c r="LT21" s="320">
        <v>0</v>
      </c>
      <c r="LU21" s="142">
        <v>0</v>
      </c>
      <c r="LV21" s="119">
        <v>0</v>
      </c>
      <c r="LW21" s="120">
        <v>0</v>
      </c>
      <c r="LX21" s="145">
        <v>0</v>
      </c>
      <c r="LY21" s="119">
        <v>0</v>
      </c>
      <c r="LZ21" s="119">
        <v>0</v>
      </c>
      <c r="MA21" s="119">
        <v>0</v>
      </c>
      <c r="MB21" s="119">
        <v>0</v>
      </c>
      <c r="MC21" s="119">
        <v>0</v>
      </c>
      <c r="MD21" s="120">
        <v>0</v>
      </c>
      <c r="ME21" s="121">
        <v>0</v>
      </c>
      <c r="MF21" s="142">
        <v>0</v>
      </c>
      <c r="MG21" s="119">
        <v>0</v>
      </c>
      <c r="MH21" s="120">
        <v>0</v>
      </c>
      <c r="MI21" s="145">
        <v>0</v>
      </c>
      <c r="MJ21" s="119">
        <v>189616</v>
      </c>
      <c r="MK21" s="119">
        <v>323496</v>
      </c>
      <c r="ML21" s="119">
        <v>1678101</v>
      </c>
      <c r="MM21" s="119">
        <v>3166674</v>
      </c>
      <c r="MN21" s="119">
        <v>1562487</v>
      </c>
      <c r="MO21" s="120">
        <v>6920374</v>
      </c>
      <c r="MP21" s="143">
        <v>6920374</v>
      </c>
      <c r="MQ21" s="142">
        <v>0</v>
      </c>
      <c r="MR21" s="119">
        <v>0</v>
      </c>
      <c r="MS21" s="120">
        <v>0</v>
      </c>
      <c r="MT21" s="145">
        <v>0</v>
      </c>
      <c r="MU21" s="119">
        <v>0</v>
      </c>
      <c r="MV21" s="119">
        <v>0</v>
      </c>
      <c r="MW21" s="119">
        <v>749191</v>
      </c>
      <c r="MX21" s="119">
        <v>1815188</v>
      </c>
      <c r="MY21" s="119">
        <v>899074</v>
      </c>
      <c r="MZ21" s="120">
        <v>3463453</v>
      </c>
      <c r="NA21" s="143">
        <v>3463453</v>
      </c>
      <c r="NB21" s="142">
        <v>0</v>
      </c>
      <c r="NC21" s="119">
        <v>0</v>
      </c>
      <c r="ND21" s="120">
        <v>0</v>
      </c>
      <c r="NE21" s="145">
        <v>0</v>
      </c>
      <c r="NF21" s="119">
        <v>189616</v>
      </c>
      <c r="NG21" s="119">
        <v>323496</v>
      </c>
      <c r="NH21" s="119">
        <v>650532</v>
      </c>
      <c r="NI21" s="119">
        <v>1351486</v>
      </c>
      <c r="NJ21" s="119">
        <v>663413</v>
      </c>
      <c r="NK21" s="120">
        <v>3178543</v>
      </c>
      <c r="NL21" s="320">
        <v>3178543</v>
      </c>
      <c r="NM21" s="142">
        <v>0</v>
      </c>
      <c r="NN21" s="119">
        <v>0</v>
      </c>
      <c r="NO21" s="120">
        <v>0</v>
      </c>
      <c r="NP21" s="145">
        <v>0</v>
      </c>
      <c r="NQ21" s="119">
        <v>0</v>
      </c>
      <c r="NR21" s="119">
        <v>0</v>
      </c>
      <c r="NS21" s="119">
        <v>0</v>
      </c>
      <c r="NT21" s="119">
        <v>0</v>
      </c>
      <c r="NU21" s="119">
        <v>0</v>
      </c>
      <c r="NV21" s="120">
        <v>0</v>
      </c>
      <c r="NW21" s="121">
        <v>0</v>
      </c>
      <c r="NX21" s="142">
        <v>0</v>
      </c>
      <c r="NY21" s="119">
        <v>0</v>
      </c>
      <c r="NZ21" s="120">
        <v>0</v>
      </c>
      <c r="OA21" s="145">
        <v>0</v>
      </c>
      <c r="OB21" s="119">
        <v>0</v>
      </c>
      <c r="OC21" s="119">
        <v>0</v>
      </c>
      <c r="OD21" s="119">
        <v>278378</v>
      </c>
      <c r="OE21" s="119">
        <v>0</v>
      </c>
      <c r="OF21" s="119">
        <v>0</v>
      </c>
      <c r="OG21" s="120">
        <v>278378</v>
      </c>
      <c r="OH21" s="121">
        <v>278378</v>
      </c>
      <c r="OI21" s="142">
        <v>134612</v>
      </c>
      <c r="OJ21" s="119">
        <v>257577</v>
      </c>
      <c r="OK21" s="141">
        <v>392189</v>
      </c>
      <c r="OL21" s="118">
        <v>0</v>
      </c>
      <c r="OM21" s="119">
        <v>4043677</v>
      </c>
      <c r="ON21" s="119">
        <v>5823078</v>
      </c>
      <c r="OO21" s="119">
        <v>7000952</v>
      </c>
      <c r="OP21" s="119">
        <v>7328145</v>
      </c>
      <c r="OQ21" s="119">
        <v>5348477</v>
      </c>
      <c r="OR21" s="120">
        <v>29544329</v>
      </c>
      <c r="OS21" s="143">
        <v>29936518</v>
      </c>
    </row>
    <row r="22" spans="2:409" ht="21" customHeight="1" x14ac:dyDescent="0.2">
      <c r="B22" s="126" t="s">
        <v>17</v>
      </c>
      <c r="C22" s="110">
        <v>353217</v>
      </c>
      <c r="D22" s="114">
        <v>744190</v>
      </c>
      <c r="E22" s="113">
        <v>1097407</v>
      </c>
      <c r="F22" s="109">
        <v>0</v>
      </c>
      <c r="G22" s="114">
        <v>3918154</v>
      </c>
      <c r="H22" s="114">
        <v>5568991</v>
      </c>
      <c r="I22" s="114">
        <v>6067678</v>
      </c>
      <c r="J22" s="114">
        <v>5524590</v>
      </c>
      <c r="K22" s="114">
        <v>4769442</v>
      </c>
      <c r="L22" s="109">
        <v>25848855</v>
      </c>
      <c r="M22" s="116">
        <v>26946262</v>
      </c>
      <c r="N22" s="110">
        <v>128789</v>
      </c>
      <c r="O22" s="114">
        <v>226809</v>
      </c>
      <c r="P22" s="113">
        <v>355598</v>
      </c>
      <c r="Q22" s="110">
        <v>0</v>
      </c>
      <c r="R22" s="114">
        <v>1160062</v>
      </c>
      <c r="S22" s="114">
        <v>1531674</v>
      </c>
      <c r="T22" s="114">
        <v>2455604</v>
      </c>
      <c r="U22" s="114">
        <v>1211446</v>
      </c>
      <c r="V22" s="114">
        <v>1851181</v>
      </c>
      <c r="W22" s="113">
        <v>8209967</v>
      </c>
      <c r="X22" s="116">
        <v>8565565</v>
      </c>
      <c r="Y22" s="110">
        <v>0</v>
      </c>
      <c r="Z22" s="114">
        <v>0</v>
      </c>
      <c r="AA22" s="113">
        <v>0</v>
      </c>
      <c r="AB22" s="110">
        <v>0</v>
      </c>
      <c r="AC22" s="114">
        <v>268628</v>
      </c>
      <c r="AD22" s="114">
        <v>684525</v>
      </c>
      <c r="AE22" s="114">
        <v>1456530</v>
      </c>
      <c r="AF22" s="114">
        <v>494429</v>
      </c>
      <c r="AG22" s="114">
        <v>966713</v>
      </c>
      <c r="AH22" s="113">
        <v>3870825</v>
      </c>
      <c r="AI22" s="116">
        <v>3870825</v>
      </c>
      <c r="AJ22" s="110">
        <v>0</v>
      </c>
      <c r="AK22" s="114">
        <v>0</v>
      </c>
      <c r="AL22" s="113">
        <v>0</v>
      </c>
      <c r="AM22" s="110">
        <v>0</v>
      </c>
      <c r="AN22" s="114">
        <v>0</v>
      </c>
      <c r="AO22" s="114">
        <v>0</v>
      </c>
      <c r="AP22" s="114">
        <v>72145</v>
      </c>
      <c r="AQ22" s="114">
        <v>133865</v>
      </c>
      <c r="AR22" s="114">
        <v>134737</v>
      </c>
      <c r="AS22" s="113">
        <v>340747</v>
      </c>
      <c r="AT22" s="116">
        <v>340747</v>
      </c>
      <c r="AU22" s="110">
        <v>54343</v>
      </c>
      <c r="AV22" s="114">
        <v>150929</v>
      </c>
      <c r="AW22" s="113">
        <v>205272</v>
      </c>
      <c r="AX22" s="110">
        <v>0</v>
      </c>
      <c r="AY22" s="114">
        <v>671909</v>
      </c>
      <c r="AZ22" s="114">
        <v>567730</v>
      </c>
      <c r="BA22" s="114">
        <v>595858</v>
      </c>
      <c r="BB22" s="114">
        <v>154172</v>
      </c>
      <c r="BC22" s="114">
        <v>430195</v>
      </c>
      <c r="BD22" s="113">
        <v>2419864</v>
      </c>
      <c r="BE22" s="116">
        <v>2625136</v>
      </c>
      <c r="BF22" s="110">
        <v>32698</v>
      </c>
      <c r="BG22" s="114">
        <v>27489</v>
      </c>
      <c r="BH22" s="112">
        <v>60187</v>
      </c>
      <c r="BI22" s="111">
        <v>0</v>
      </c>
      <c r="BJ22" s="114">
        <v>28026</v>
      </c>
      <c r="BK22" s="114">
        <v>0</v>
      </c>
      <c r="BL22" s="114">
        <v>21020</v>
      </c>
      <c r="BM22" s="114">
        <v>107897</v>
      </c>
      <c r="BN22" s="114">
        <v>0</v>
      </c>
      <c r="BO22" s="113">
        <v>156943</v>
      </c>
      <c r="BP22" s="116">
        <v>217130</v>
      </c>
      <c r="BQ22" s="110">
        <v>41748</v>
      </c>
      <c r="BR22" s="114">
        <v>48391</v>
      </c>
      <c r="BS22" s="113">
        <v>90139</v>
      </c>
      <c r="BT22" s="110">
        <v>0</v>
      </c>
      <c r="BU22" s="114">
        <v>191499</v>
      </c>
      <c r="BV22" s="114">
        <v>279419</v>
      </c>
      <c r="BW22" s="114">
        <v>310051</v>
      </c>
      <c r="BX22" s="114">
        <v>321083</v>
      </c>
      <c r="BY22" s="114">
        <v>319536</v>
      </c>
      <c r="BZ22" s="113">
        <v>1421588</v>
      </c>
      <c r="CA22" s="116">
        <v>1511727</v>
      </c>
      <c r="CB22" s="110">
        <v>55049</v>
      </c>
      <c r="CC22" s="114">
        <v>225259</v>
      </c>
      <c r="CD22" s="113">
        <v>280308</v>
      </c>
      <c r="CE22" s="110">
        <v>0</v>
      </c>
      <c r="CF22" s="114">
        <v>1018375</v>
      </c>
      <c r="CG22" s="114">
        <v>2194268</v>
      </c>
      <c r="CH22" s="114">
        <v>1377597</v>
      </c>
      <c r="CI22" s="114">
        <v>1069254</v>
      </c>
      <c r="CJ22" s="114">
        <v>544487</v>
      </c>
      <c r="CK22" s="113">
        <v>6203981</v>
      </c>
      <c r="CL22" s="116">
        <v>6484289</v>
      </c>
      <c r="CM22" s="110">
        <v>0</v>
      </c>
      <c r="CN22" s="114">
        <v>0</v>
      </c>
      <c r="CO22" s="113">
        <v>0</v>
      </c>
      <c r="CP22" s="111">
        <v>0</v>
      </c>
      <c r="CQ22" s="114">
        <v>831862</v>
      </c>
      <c r="CR22" s="114">
        <v>1671113</v>
      </c>
      <c r="CS22" s="114">
        <v>791851</v>
      </c>
      <c r="CT22" s="114">
        <v>742906</v>
      </c>
      <c r="CU22" s="114">
        <v>531964</v>
      </c>
      <c r="CV22" s="113">
        <v>4569696</v>
      </c>
      <c r="CW22" s="116">
        <v>4569696</v>
      </c>
      <c r="CX22" s="110">
        <v>55049</v>
      </c>
      <c r="CY22" s="114">
        <v>225259</v>
      </c>
      <c r="CZ22" s="113">
        <v>280308</v>
      </c>
      <c r="DA22" s="110">
        <v>0</v>
      </c>
      <c r="DB22" s="114">
        <v>186513</v>
      </c>
      <c r="DC22" s="114">
        <v>523155</v>
      </c>
      <c r="DD22" s="114">
        <v>585746</v>
      </c>
      <c r="DE22" s="114">
        <v>326348</v>
      </c>
      <c r="DF22" s="114">
        <v>12523</v>
      </c>
      <c r="DG22" s="113">
        <v>1634285</v>
      </c>
      <c r="DH22" s="116">
        <v>1914593</v>
      </c>
      <c r="DI22" s="110">
        <v>0</v>
      </c>
      <c r="DJ22" s="114">
        <v>0</v>
      </c>
      <c r="DK22" s="112">
        <v>0</v>
      </c>
      <c r="DL22" s="111">
        <v>0</v>
      </c>
      <c r="DM22" s="114">
        <v>98278</v>
      </c>
      <c r="DN22" s="114">
        <v>237906</v>
      </c>
      <c r="DO22" s="114">
        <v>445858</v>
      </c>
      <c r="DP22" s="114">
        <v>304850</v>
      </c>
      <c r="DQ22" s="114">
        <v>371321</v>
      </c>
      <c r="DR22" s="113">
        <v>1458213</v>
      </c>
      <c r="DS22" s="116">
        <v>1458213</v>
      </c>
      <c r="DT22" s="110">
        <v>0</v>
      </c>
      <c r="DU22" s="114">
        <v>0</v>
      </c>
      <c r="DV22" s="113">
        <v>0</v>
      </c>
      <c r="DW22" s="110">
        <v>0</v>
      </c>
      <c r="DX22" s="114">
        <v>42995</v>
      </c>
      <c r="DY22" s="114">
        <v>237906</v>
      </c>
      <c r="DZ22" s="114">
        <v>379302</v>
      </c>
      <c r="EA22" s="114">
        <v>304850</v>
      </c>
      <c r="EB22" s="114">
        <v>371321</v>
      </c>
      <c r="EC22" s="113">
        <v>1336374</v>
      </c>
      <c r="ED22" s="116">
        <v>1336374</v>
      </c>
      <c r="EE22" s="110">
        <v>0</v>
      </c>
      <c r="EF22" s="112">
        <v>0</v>
      </c>
      <c r="EG22" s="113">
        <v>0</v>
      </c>
      <c r="EH22" s="110">
        <v>0</v>
      </c>
      <c r="EI22" s="114">
        <v>55283</v>
      </c>
      <c r="EJ22" s="114">
        <v>0</v>
      </c>
      <c r="EK22" s="114">
        <v>66556</v>
      </c>
      <c r="EL22" s="114">
        <v>0</v>
      </c>
      <c r="EM22" s="114">
        <v>0</v>
      </c>
      <c r="EN22" s="112">
        <v>121839</v>
      </c>
      <c r="EO22" s="116">
        <v>121839</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v>0</v>
      </c>
      <c r="FE22" s="114">
        <v>0</v>
      </c>
      <c r="FF22" s="114">
        <v>0</v>
      </c>
      <c r="FG22" s="114">
        <v>0</v>
      </c>
      <c r="FH22" s="114">
        <v>0</v>
      </c>
      <c r="FI22" s="114">
        <v>0</v>
      </c>
      <c r="FJ22" s="113">
        <v>0</v>
      </c>
      <c r="FK22" s="116">
        <v>0</v>
      </c>
      <c r="FL22" s="110">
        <v>70056</v>
      </c>
      <c r="FM22" s="114">
        <v>146986</v>
      </c>
      <c r="FN22" s="113">
        <v>217042</v>
      </c>
      <c r="FO22" s="110">
        <v>0</v>
      </c>
      <c r="FP22" s="114">
        <v>256144</v>
      </c>
      <c r="FQ22" s="114">
        <v>663216</v>
      </c>
      <c r="FR22" s="114">
        <v>661864</v>
      </c>
      <c r="FS22" s="114">
        <v>365141</v>
      </c>
      <c r="FT22" s="114">
        <v>357217</v>
      </c>
      <c r="FU22" s="113">
        <v>2303582</v>
      </c>
      <c r="FV22" s="116">
        <v>2520624</v>
      </c>
      <c r="FW22" s="115">
        <v>70056</v>
      </c>
      <c r="FX22" s="114">
        <v>112686</v>
      </c>
      <c r="FY22" s="112">
        <v>182742</v>
      </c>
      <c r="FZ22" s="111">
        <v>0</v>
      </c>
      <c r="GA22" s="114">
        <v>117544</v>
      </c>
      <c r="GB22" s="114">
        <v>663216</v>
      </c>
      <c r="GC22" s="114">
        <v>651714</v>
      </c>
      <c r="GD22" s="114">
        <v>365141</v>
      </c>
      <c r="GE22" s="114">
        <v>357217</v>
      </c>
      <c r="GF22" s="113">
        <v>2154832</v>
      </c>
      <c r="GG22" s="318">
        <v>2337574</v>
      </c>
      <c r="GH22" s="115">
        <v>0</v>
      </c>
      <c r="GI22" s="114">
        <v>0</v>
      </c>
      <c r="GJ22" s="112">
        <v>0</v>
      </c>
      <c r="GK22" s="111">
        <v>0</v>
      </c>
      <c r="GL22" s="114">
        <v>23100</v>
      </c>
      <c r="GM22" s="114">
        <v>0</v>
      </c>
      <c r="GN22" s="114">
        <v>10150</v>
      </c>
      <c r="GO22" s="114">
        <v>0</v>
      </c>
      <c r="GP22" s="114">
        <v>0</v>
      </c>
      <c r="GQ22" s="113">
        <v>33250</v>
      </c>
      <c r="GR22" s="116">
        <v>33250</v>
      </c>
      <c r="GS22" s="110">
        <v>0</v>
      </c>
      <c r="GT22" s="114">
        <v>34300</v>
      </c>
      <c r="GU22" s="113">
        <v>34300</v>
      </c>
      <c r="GV22" s="110">
        <v>0</v>
      </c>
      <c r="GW22" s="114">
        <v>115500</v>
      </c>
      <c r="GX22" s="114">
        <v>0</v>
      </c>
      <c r="GY22" s="114">
        <v>0</v>
      </c>
      <c r="GZ22" s="114">
        <v>0</v>
      </c>
      <c r="HA22" s="114">
        <v>0</v>
      </c>
      <c r="HB22" s="112">
        <v>115500</v>
      </c>
      <c r="HC22" s="116">
        <v>149800</v>
      </c>
      <c r="HD22" s="110">
        <v>99323</v>
      </c>
      <c r="HE22" s="114">
        <v>145136</v>
      </c>
      <c r="HF22" s="112">
        <v>244459</v>
      </c>
      <c r="HG22" s="111">
        <v>0</v>
      </c>
      <c r="HH22" s="114">
        <v>1385295</v>
      </c>
      <c r="HI22" s="114">
        <v>941927</v>
      </c>
      <c r="HJ22" s="114">
        <v>1126755</v>
      </c>
      <c r="HK22" s="114">
        <v>2573899</v>
      </c>
      <c r="HL22" s="114">
        <v>1645236</v>
      </c>
      <c r="HM22" s="113">
        <v>7673112</v>
      </c>
      <c r="HN22" s="109">
        <v>7917571</v>
      </c>
      <c r="HO22" s="328">
        <v>0</v>
      </c>
      <c r="HP22" s="329">
        <v>0</v>
      </c>
      <c r="HQ22" s="330">
        <v>0</v>
      </c>
      <c r="HR22" s="331">
        <v>0</v>
      </c>
      <c r="HS22" s="329">
        <v>0</v>
      </c>
      <c r="HT22" s="329">
        <v>0</v>
      </c>
      <c r="HU22" s="329">
        <v>0</v>
      </c>
      <c r="HV22" s="329">
        <v>0</v>
      </c>
      <c r="HW22" s="329">
        <v>0</v>
      </c>
      <c r="HX22" s="332">
        <v>0</v>
      </c>
      <c r="HY22" s="333">
        <v>0</v>
      </c>
      <c r="HZ22" s="150">
        <v>0</v>
      </c>
      <c r="IA22" s="135">
        <v>0</v>
      </c>
      <c r="IB22" s="150">
        <v>0</v>
      </c>
      <c r="IC22" s="134">
        <v>0</v>
      </c>
      <c r="ID22" s="135">
        <v>588075</v>
      </c>
      <c r="IE22" s="136">
        <v>1969600</v>
      </c>
      <c r="IF22" s="137">
        <v>932021</v>
      </c>
      <c r="IG22" s="135">
        <v>1688837</v>
      </c>
      <c r="IH22" s="137">
        <v>1643452</v>
      </c>
      <c r="II22" s="138">
        <v>6821985</v>
      </c>
      <c r="IJ22" s="150">
        <v>6821985</v>
      </c>
      <c r="IK22" s="232">
        <v>0</v>
      </c>
      <c r="IL22" s="236">
        <v>0</v>
      </c>
      <c r="IM22" s="237">
        <v>0</v>
      </c>
      <c r="IN22" s="140">
        <v>0</v>
      </c>
      <c r="IO22" s="119">
        <v>42381</v>
      </c>
      <c r="IP22" s="119">
        <v>0</v>
      </c>
      <c r="IQ22" s="119">
        <v>0</v>
      </c>
      <c r="IR22" s="119">
        <v>0</v>
      </c>
      <c r="IS22" s="119">
        <v>0</v>
      </c>
      <c r="IT22" s="141">
        <v>42381</v>
      </c>
      <c r="IU22" s="320">
        <v>42381</v>
      </c>
      <c r="IV22" s="142">
        <v>0</v>
      </c>
      <c r="IW22" s="119">
        <v>0</v>
      </c>
      <c r="IX22" s="120">
        <v>0</v>
      </c>
      <c r="IY22" s="144">
        <v>0</v>
      </c>
      <c r="IZ22" s="119">
        <v>0</v>
      </c>
      <c r="JA22" s="119">
        <v>0</v>
      </c>
      <c r="JB22" s="119">
        <v>0</v>
      </c>
      <c r="JC22" s="119">
        <v>0</v>
      </c>
      <c r="JD22" s="119">
        <v>0</v>
      </c>
      <c r="JE22" s="120">
        <v>0</v>
      </c>
      <c r="JF22" s="121">
        <v>0</v>
      </c>
      <c r="JG22" s="142">
        <v>0</v>
      </c>
      <c r="JH22" s="119">
        <v>0</v>
      </c>
      <c r="JI22" s="141">
        <v>0</v>
      </c>
      <c r="JJ22" s="118">
        <v>0</v>
      </c>
      <c r="JK22" s="119">
        <v>253021</v>
      </c>
      <c r="JL22" s="119">
        <v>537893</v>
      </c>
      <c r="JM22" s="119">
        <v>296974</v>
      </c>
      <c r="JN22" s="119">
        <v>200649</v>
      </c>
      <c r="JO22" s="119">
        <v>74604</v>
      </c>
      <c r="JP22" s="120">
        <v>1363141</v>
      </c>
      <c r="JQ22" s="320">
        <v>1363141</v>
      </c>
      <c r="JR22" s="142">
        <v>0</v>
      </c>
      <c r="JS22" s="119">
        <v>0</v>
      </c>
      <c r="JT22" s="141">
        <v>0</v>
      </c>
      <c r="JU22" s="118">
        <v>0</v>
      </c>
      <c r="JV22" s="119">
        <v>0</v>
      </c>
      <c r="JW22" s="119">
        <v>0</v>
      </c>
      <c r="JX22" s="119">
        <v>109661</v>
      </c>
      <c r="JY22" s="119">
        <v>0</v>
      </c>
      <c r="JZ22" s="119">
        <v>0</v>
      </c>
      <c r="KA22" s="120">
        <v>109661</v>
      </c>
      <c r="KB22" s="320">
        <v>109661</v>
      </c>
      <c r="KC22" s="234">
        <v>0</v>
      </c>
      <c r="KD22" s="230">
        <v>0</v>
      </c>
      <c r="KE22" s="120">
        <v>0</v>
      </c>
      <c r="KF22" s="118">
        <v>0</v>
      </c>
      <c r="KG22" s="119">
        <v>99423</v>
      </c>
      <c r="KH22" s="119">
        <v>437533</v>
      </c>
      <c r="KI22" s="119">
        <v>223583</v>
      </c>
      <c r="KJ22" s="119">
        <v>229329</v>
      </c>
      <c r="KK22" s="119">
        <v>260416</v>
      </c>
      <c r="KL22" s="120">
        <v>1250284</v>
      </c>
      <c r="KM22" s="143">
        <v>1250284</v>
      </c>
      <c r="KN22" s="232">
        <v>0</v>
      </c>
      <c r="KO22" s="236">
        <v>0</v>
      </c>
      <c r="KP22" s="237">
        <v>0</v>
      </c>
      <c r="KQ22" s="140">
        <v>0</v>
      </c>
      <c r="KR22" s="119">
        <v>193250</v>
      </c>
      <c r="KS22" s="119">
        <v>994174</v>
      </c>
      <c r="KT22" s="119">
        <v>301803</v>
      </c>
      <c r="KU22" s="119">
        <v>837459</v>
      </c>
      <c r="KV22" s="119">
        <v>855410</v>
      </c>
      <c r="KW22" s="120">
        <v>3182096</v>
      </c>
      <c r="KX22" s="320">
        <v>3182096</v>
      </c>
      <c r="KY22" s="142">
        <v>0</v>
      </c>
      <c r="KZ22" s="119">
        <v>0</v>
      </c>
      <c r="LA22" s="120">
        <v>0</v>
      </c>
      <c r="LB22" s="145">
        <v>0</v>
      </c>
      <c r="LC22" s="119">
        <v>0</v>
      </c>
      <c r="LD22" s="119">
        <v>0</v>
      </c>
      <c r="LE22" s="119">
        <v>0</v>
      </c>
      <c r="LF22" s="119">
        <v>0</v>
      </c>
      <c r="LG22" s="119">
        <v>0</v>
      </c>
      <c r="LH22" s="120">
        <v>0</v>
      </c>
      <c r="LI22" s="121">
        <v>0</v>
      </c>
      <c r="LJ22" s="142">
        <v>0</v>
      </c>
      <c r="LK22" s="119">
        <v>0</v>
      </c>
      <c r="LL22" s="120">
        <v>0</v>
      </c>
      <c r="LM22" s="145">
        <v>0</v>
      </c>
      <c r="LN22" s="119">
        <v>0</v>
      </c>
      <c r="LO22" s="119">
        <v>0</v>
      </c>
      <c r="LP22" s="119">
        <v>0</v>
      </c>
      <c r="LQ22" s="119">
        <v>421400</v>
      </c>
      <c r="LR22" s="119">
        <v>453022</v>
      </c>
      <c r="LS22" s="120">
        <v>874422</v>
      </c>
      <c r="LT22" s="320">
        <v>874422</v>
      </c>
      <c r="LU22" s="142">
        <v>0</v>
      </c>
      <c r="LV22" s="119">
        <v>0</v>
      </c>
      <c r="LW22" s="120">
        <v>0</v>
      </c>
      <c r="LX22" s="145">
        <v>0</v>
      </c>
      <c r="LY22" s="119">
        <v>0</v>
      </c>
      <c r="LZ22" s="119">
        <v>0</v>
      </c>
      <c r="MA22" s="119">
        <v>0</v>
      </c>
      <c r="MB22" s="119">
        <v>0</v>
      </c>
      <c r="MC22" s="119">
        <v>0</v>
      </c>
      <c r="MD22" s="120">
        <v>0</v>
      </c>
      <c r="ME22" s="121">
        <v>0</v>
      </c>
      <c r="MF22" s="142">
        <v>0</v>
      </c>
      <c r="MG22" s="119">
        <v>0</v>
      </c>
      <c r="MH22" s="120">
        <v>0</v>
      </c>
      <c r="MI22" s="145">
        <v>0</v>
      </c>
      <c r="MJ22" s="119">
        <v>0</v>
      </c>
      <c r="MK22" s="119">
        <v>1352294</v>
      </c>
      <c r="ML22" s="119">
        <v>3655191</v>
      </c>
      <c r="MM22" s="119">
        <v>2942806</v>
      </c>
      <c r="MN22" s="119">
        <v>2496614</v>
      </c>
      <c r="MO22" s="120">
        <v>10446905</v>
      </c>
      <c r="MP22" s="143">
        <v>10446905</v>
      </c>
      <c r="MQ22" s="142">
        <v>0</v>
      </c>
      <c r="MR22" s="119">
        <v>0</v>
      </c>
      <c r="MS22" s="120">
        <v>0</v>
      </c>
      <c r="MT22" s="145">
        <v>0</v>
      </c>
      <c r="MU22" s="119">
        <v>0</v>
      </c>
      <c r="MV22" s="119">
        <v>191916</v>
      </c>
      <c r="MW22" s="119">
        <v>1462155</v>
      </c>
      <c r="MX22" s="119">
        <v>1256357</v>
      </c>
      <c r="MY22" s="119">
        <v>1440046</v>
      </c>
      <c r="MZ22" s="120">
        <v>4350474</v>
      </c>
      <c r="NA22" s="143">
        <v>4350474</v>
      </c>
      <c r="NB22" s="142">
        <v>0</v>
      </c>
      <c r="NC22" s="119">
        <v>0</v>
      </c>
      <c r="ND22" s="120">
        <v>0</v>
      </c>
      <c r="NE22" s="145">
        <v>0</v>
      </c>
      <c r="NF22" s="119">
        <v>0</v>
      </c>
      <c r="NG22" s="119">
        <v>1160378</v>
      </c>
      <c r="NH22" s="119">
        <v>2193036</v>
      </c>
      <c r="NI22" s="119">
        <v>1686449</v>
      </c>
      <c r="NJ22" s="119">
        <v>730249</v>
      </c>
      <c r="NK22" s="120">
        <v>5770112</v>
      </c>
      <c r="NL22" s="320">
        <v>5770112</v>
      </c>
      <c r="NM22" s="142">
        <v>0</v>
      </c>
      <c r="NN22" s="119">
        <v>0</v>
      </c>
      <c r="NO22" s="120">
        <v>0</v>
      </c>
      <c r="NP22" s="145">
        <v>0</v>
      </c>
      <c r="NQ22" s="119">
        <v>0</v>
      </c>
      <c r="NR22" s="119">
        <v>0</v>
      </c>
      <c r="NS22" s="119">
        <v>0</v>
      </c>
      <c r="NT22" s="119">
        <v>0</v>
      </c>
      <c r="NU22" s="119">
        <v>0</v>
      </c>
      <c r="NV22" s="120">
        <v>0</v>
      </c>
      <c r="NW22" s="121">
        <v>0</v>
      </c>
      <c r="NX22" s="142">
        <v>0</v>
      </c>
      <c r="NY22" s="119">
        <v>0</v>
      </c>
      <c r="NZ22" s="120">
        <v>0</v>
      </c>
      <c r="OA22" s="145">
        <v>0</v>
      </c>
      <c r="OB22" s="119">
        <v>0</v>
      </c>
      <c r="OC22" s="119">
        <v>0</v>
      </c>
      <c r="OD22" s="119">
        <v>0</v>
      </c>
      <c r="OE22" s="119">
        <v>0</v>
      </c>
      <c r="OF22" s="119">
        <v>326319</v>
      </c>
      <c r="OG22" s="120">
        <v>326319</v>
      </c>
      <c r="OH22" s="121">
        <v>326319</v>
      </c>
      <c r="OI22" s="142">
        <v>353217</v>
      </c>
      <c r="OJ22" s="119">
        <v>744190</v>
      </c>
      <c r="OK22" s="141">
        <v>1097407</v>
      </c>
      <c r="OL22" s="118">
        <v>0</v>
      </c>
      <c r="OM22" s="119">
        <v>4506229</v>
      </c>
      <c r="ON22" s="119">
        <v>8890885</v>
      </c>
      <c r="OO22" s="119">
        <v>10654890</v>
      </c>
      <c r="OP22" s="119">
        <v>10156233</v>
      </c>
      <c r="OQ22" s="119">
        <v>8909508</v>
      </c>
      <c r="OR22" s="120">
        <v>43117745</v>
      </c>
      <c r="OS22" s="143">
        <v>44215152</v>
      </c>
    </row>
    <row r="23" spans="2:409" ht="21" customHeight="1" x14ac:dyDescent="0.2">
      <c r="B23" s="126" t="s">
        <v>18</v>
      </c>
      <c r="C23" s="110">
        <v>402632</v>
      </c>
      <c r="D23" s="114">
        <v>504244</v>
      </c>
      <c r="E23" s="113">
        <v>906876</v>
      </c>
      <c r="F23" s="109">
        <v>0</v>
      </c>
      <c r="G23" s="114">
        <v>5397011</v>
      </c>
      <c r="H23" s="114">
        <v>8987033</v>
      </c>
      <c r="I23" s="114">
        <v>5877898</v>
      </c>
      <c r="J23" s="114">
        <v>6373168</v>
      </c>
      <c r="K23" s="114">
        <v>5856875</v>
      </c>
      <c r="L23" s="109">
        <v>32491985</v>
      </c>
      <c r="M23" s="116">
        <v>33398861</v>
      </c>
      <c r="N23" s="110">
        <v>114590</v>
      </c>
      <c r="O23" s="114">
        <v>76039</v>
      </c>
      <c r="P23" s="113">
        <v>190629</v>
      </c>
      <c r="Q23" s="110">
        <v>0</v>
      </c>
      <c r="R23" s="114">
        <v>1525931</v>
      </c>
      <c r="S23" s="114">
        <v>2226802</v>
      </c>
      <c r="T23" s="114">
        <v>2175710</v>
      </c>
      <c r="U23" s="114">
        <v>2242606</v>
      </c>
      <c r="V23" s="114">
        <v>2293860</v>
      </c>
      <c r="W23" s="113">
        <v>10464909</v>
      </c>
      <c r="X23" s="116">
        <v>10655538</v>
      </c>
      <c r="Y23" s="110">
        <v>0</v>
      </c>
      <c r="Z23" s="114">
        <v>0</v>
      </c>
      <c r="AA23" s="113">
        <v>0</v>
      </c>
      <c r="AB23" s="110">
        <v>0</v>
      </c>
      <c r="AC23" s="114">
        <v>656178</v>
      </c>
      <c r="AD23" s="114">
        <v>910302</v>
      </c>
      <c r="AE23" s="114">
        <v>1249334</v>
      </c>
      <c r="AF23" s="114">
        <v>1638436</v>
      </c>
      <c r="AG23" s="114">
        <v>1250860</v>
      </c>
      <c r="AH23" s="113">
        <v>5705110</v>
      </c>
      <c r="AI23" s="116">
        <v>5705110</v>
      </c>
      <c r="AJ23" s="110">
        <v>0</v>
      </c>
      <c r="AK23" s="114">
        <v>0</v>
      </c>
      <c r="AL23" s="113">
        <v>0</v>
      </c>
      <c r="AM23" s="110">
        <v>0</v>
      </c>
      <c r="AN23" s="114">
        <v>0</v>
      </c>
      <c r="AO23" s="114">
        <v>0</v>
      </c>
      <c r="AP23" s="114">
        <v>101442</v>
      </c>
      <c r="AQ23" s="114">
        <v>71167</v>
      </c>
      <c r="AR23" s="114">
        <v>196699</v>
      </c>
      <c r="AS23" s="113">
        <v>369308</v>
      </c>
      <c r="AT23" s="116">
        <v>369308</v>
      </c>
      <c r="AU23" s="110">
        <v>34948</v>
      </c>
      <c r="AV23" s="114">
        <v>33710</v>
      </c>
      <c r="AW23" s="113">
        <v>68658</v>
      </c>
      <c r="AX23" s="110">
        <v>0</v>
      </c>
      <c r="AY23" s="114">
        <v>394254</v>
      </c>
      <c r="AZ23" s="114">
        <v>812813</v>
      </c>
      <c r="BA23" s="114">
        <v>349486</v>
      </c>
      <c r="BB23" s="114">
        <v>173571</v>
      </c>
      <c r="BC23" s="114">
        <v>405084</v>
      </c>
      <c r="BD23" s="113">
        <v>2135208</v>
      </c>
      <c r="BE23" s="116">
        <v>2203866</v>
      </c>
      <c r="BF23" s="110">
        <v>27737</v>
      </c>
      <c r="BG23" s="114">
        <v>0</v>
      </c>
      <c r="BH23" s="112">
        <v>27737</v>
      </c>
      <c r="BI23" s="111">
        <v>0</v>
      </c>
      <c r="BJ23" s="114">
        <v>94741</v>
      </c>
      <c r="BK23" s="114">
        <v>98793</v>
      </c>
      <c r="BL23" s="114">
        <v>110293</v>
      </c>
      <c r="BM23" s="114">
        <v>28605</v>
      </c>
      <c r="BN23" s="114">
        <v>38556</v>
      </c>
      <c r="BO23" s="113">
        <v>370988</v>
      </c>
      <c r="BP23" s="116">
        <v>398725</v>
      </c>
      <c r="BQ23" s="110">
        <v>51905</v>
      </c>
      <c r="BR23" s="114">
        <v>42329</v>
      </c>
      <c r="BS23" s="113">
        <v>94234</v>
      </c>
      <c r="BT23" s="110">
        <v>0</v>
      </c>
      <c r="BU23" s="114">
        <v>380758</v>
      </c>
      <c r="BV23" s="114">
        <v>404894</v>
      </c>
      <c r="BW23" s="114">
        <v>365155</v>
      </c>
      <c r="BX23" s="114">
        <v>330827</v>
      </c>
      <c r="BY23" s="114">
        <v>402661</v>
      </c>
      <c r="BZ23" s="113">
        <v>1884295</v>
      </c>
      <c r="CA23" s="116">
        <v>1978529</v>
      </c>
      <c r="CB23" s="110">
        <v>91111</v>
      </c>
      <c r="CC23" s="114">
        <v>135372</v>
      </c>
      <c r="CD23" s="113">
        <v>226483</v>
      </c>
      <c r="CE23" s="110">
        <v>0</v>
      </c>
      <c r="CF23" s="114">
        <v>1703489</v>
      </c>
      <c r="CG23" s="114">
        <v>3480346</v>
      </c>
      <c r="CH23" s="114">
        <v>1332184</v>
      </c>
      <c r="CI23" s="114">
        <v>1218211</v>
      </c>
      <c r="CJ23" s="114">
        <v>821233</v>
      </c>
      <c r="CK23" s="113">
        <v>8555463</v>
      </c>
      <c r="CL23" s="116">
        <v>8781946</v>
      </c>
      <c r="CM23" s="110">
        <v>0</v>
      </c>
      <c r="CN23" s="114">
        <v>0</v>
      </c>
      <c r="CO23" s="113">
        <v>0</v>
      </c>
      <c r="CP23" s="111">
        <v>0</v>
      </c>
      <c r="CQ23" s="114">
        <v>1332231</v>
      </c>
      <c r="CR23" s="114">
        <v>2897252</v>
      </c>
      <c r="CS23" s="114">
        <v>1120238</v>
      </c>
      <c r="CT23" s="114">
        <v>791219</v>
      </c>
      <c r="CU23" s="114">
        <v>538251</v>
      </c>
      <c r="CV23" s="113">
        <v>6679191</v>
      </c>
      <c r="CW23" s="116">
        <v>6679191</v>
      </c>
      <c r="CX23" s="110">
        <v>91111</v>
      </c>
      <c r="CY23" s="114">
        <v>135372</v>
      </c>
      <c r="CZ23" s="113">
        <v>226483</v>
      </c>
      <c r="DA23" s="110">
        <v>0</v>
      </c>
      <c r="DB23" s="114">
        <v>371258</v>
      </c>
      <c r="DC23" s="114">
        <v>583094</v>
      </c>
      <c r="DD23" s="114">
        <v>211946</v>
      </c>
      <c r="DE23" s="114">
        <v>426992</v>
      </c>
      <c r="DF23" s="114">
        <v>282982</v>
      </c>
      <c r="DG23" s="113">
        <v>1876272</v>
      </c>
      <c r="DH23" s="116">
        <v>2102755</v>
      </c>
      <c r="DI23" s="110">
        <v>0</v>
      </c>
      <c r="DJ23" s="114">
        <v>0</v>
      </c>
      <c r="DK23" s="112">
        <v>0</v>
      </c>
      <c r="DL23" s="111">
        <v>0</v>
      </c>
      <c r="DM23" s="114">
        <v>0</v>
      </c>
      <c r="DN23" s="114">
        <v>423411</v>
      </c>
      <c r="DO23" s="114">
        <v>673340</v>
      </c>
      <c r="DP23" s="114">
        <v>699257</v>
      </c>
      <c r="DQ23" s="114">
        <v>226028</v>
      </c>
      <c r="DR23" s="113">
        <v>2022036</v>
      </c>
      <c r="DS23" s="116">
        <v>2022036</v>
      </c>
      <c r="DT23" s="110">
        <v>0</v>
      </c>
      <c r="DU23" s="114">
        <v>0</v>
      </c>
      <c r="DV23" s="113">
        <v>0</v>
      </c>
      <c r="DW23" s="110">
        <v>0</v>
      </c>
      <c r="DX23" s="114">
        <v>0</v>
      </c>
      <c r="DY23" s="114">
        <v>372171</v>
      </c>
      <c r="DZ23" s="114">
        <v>673340</v>
      </c>
      <c r="EA23" s="114">
        <v>699257</v>
      </c>
      <c r="EB23" s="114">
        <v>226028</v>
      </c>
      <c r="EC23" s="113">
        <v>1970796</v>
      </c>
      <c r="ED23" s="116">
        <v>1970796</v>
      </c>
      <c r="EE23" s="110">
        <v>0</v>
      </c>
      <c r="EF23" s="112">
        <v>0</v>
      </c>
      <c r="EG23" s="113">
        <v>0</v>
      </c>
      <c r="EH23" s="110">
        <v>0</v>
      </c>
      <c r="EI23" s="114">
        <v>0</v>
      </c>
      <c r="EJ23" s="114">
        <v>51240</v>
      </c>
      <c r="EK23" s="114">
        <v>0</v>
      </c>
      <c r="EL23" s="114">
        <v>0</v>
      </c>
      <c r="EM23" s="114">
        <v>0</v>
      </c>
      <c r="EN23" s="112">
        <v>51240</v>
      </c>
      <c r="EO23" s="116">
        <v>5124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v>0</v>
      </c>
      <c r="FE23" s="114">
        <v>0</v>
      </c>
      <c r="FF23" s="114">
        <v>0</v>
      </c>
      <c r="FG23" s="114">
        <v>0</v>
      </c>
      <c r="FH23" s="114">
        <v>0</v>
      </c>
      <c r="FI23" s="114">
        <v>0</v>
      </c>
      <c r="FJ23" s="113">
        <v>0</v>
      </c>
      <c r="FK23" s="116">
        <v>0</v>
      </c>
      <c r="FL23" s="110">
        <v>61649</v>
      </c>
      <c r="FM23" s="114">
        <v>107009</v>
      </c>
      <c r="FN23" s="113">
        <v>168658</v>
      </c>
      <c r="FO23" s="110">
        <v>0</v>
      </c>
      <c r="FP23" s="114">
        <v>365652</v>
      </c>
      <c r="FQ23" s="114">
        <v>677180</v>
      </c>
      <c r="FR23" s="114">
        <v>743477</v>
      </c>
      <c r="FS23" s="114">
        <v>467418</v>
      </c>
      <c r="FT23" s="114">
        <v>429114</v>
      </c>
      <c r="FU23" s="113">
        <v>2682841</v>
      </c>
      <c r="FV23" s="116">
        <v>2851499</v>
      </c>
      <c r="FW23" s="115">
        <v>49329</v>
      </c>
      <c r="FX23" s="114">
        <v>94304</v>
      </c>
      <c r="FY23" s="112">
        <v>143633</v>
      </c>
      <c r="FZ23" s="111">
        <v>0</v>
      </c>
      <c r="GA23" s="114">
        <v>257103</v>
      </c>
      <c r="GB23" s="114">
        <v>629594</v>
      </c>
      <c r="GC23" s="114">
        <v>432677</v>
      </c>
      <c r="GD23" s="114">
        <v>384818</v>
      </c>
      <c r="GE23" s="114">
        <v>384454</v>
      </c>
      <c r="GF23" s="113">
        <v>2088646</v>
      </c>
      <c r="GG23" s="318">
        <v>2232279</v>
      </c>
      <c r="GH23" s="115">
        <v>12320</v>
      </c>
      <c r="GI23" s="114">
        <v>12705</v>
      </c>
      <c r="GJ23" s="112">
        <v>25025</v>
      </c>
      <c r="GK23" s="111">
        <v>0</v>
      </c>
      <c r="GL23" s="114">
        <v>41349</v>
      </c>
      <c r="GM23" s="114">
        <v>18480</v>
      </c>
      <c r="GN23" s="114">
        <v>12600</v>
      </c>
      <c r="GO23" s="114">
        <v>16100</v>
      </c>
      <c r="GP23" s="114">
        <v>44660</v>
      </c>
      <c r="GQ23" s="113">
        <v>133189</v>
      </c>
      <c r="GR23" s="116">
        <v>158214</v>
      </c>
      <c r="GS23" s="110">
        <v>0</v>
      </c>
      <c r="GT23" s="114">
        <v>0</v>
      </c>
      <c r="GU23" s="113">
        <v>0</v>
      </c>
      <c r="GV23" s="110">
        <v>0</v>
      </c>
      <c r="GW23" s="114">
        <v>67200</v>
      </c>
      <c r="GX23" s="114">
        <v>29106</v>
      </c>
      <c r="GY23" s="114">
        <v>298200</v>
      </c>
      <c r="GZ23" s="114">
        <v>66500</v>
      </c>
      <c r="HA23" s="114">
        <v>0</v>
      </c>
      <c r="HB23" s="112">
        <v>461006</v>
      </c>
      <c r="HC23" s="116">
        <v>461006</v>
      </c>
      <c r="HD23" s="110">
        <v>135282</v>
      </c>
      <c r="HE23" s="114">
        <v>185824</v>
      </c>
      <c r="HF23" s="112">
        <v>321106</v>
      </c>
      <c r="HG23" s="111">
        <v>0</v>
      </c>
      <c r="HH23" s="114">
        <v>1801939</v>
      </c>
      <c r="HI23" s="114">
        <v>2179294</v>
      </c>
      <c r="HJ23" s="114">
        <v>953187</v>
      </c>
      <c r="HK23" s="114">
        <v>1745676</v>
      </c>
      <c r="HL23" s="114">
        <v>2086640</v>
      </c>
      <c r="HM23" s="113">
        <v>8766736</v>
      </c>
      <c r="HN23" s="109">
        <v>9087842</v>
      </c>
      <c r="HO23" s="328">
        <v>0</v>
      </c>
      <c r="HP23" s="329">
        <v>0</v>
      </c>
      <c r="HQ23" s="330">
        <v>0</v>
      </c>
      <c r="HR23" s="331">
        <v>0</v>
      </c>
      <c r="HS23" s="329">
        <v>0</v>
      </c>
      <c r="HT23" s="329">
        <v>0</v>
      </c>
      <c r="HU23" s="329">
        <v>0</v>
      </c>
      <c r="HV23" s="329">
        <v>0</v>
      </c>
      <c r="HW23" s="329">
        <v>0</v>
      </c>
      <c r="HX23" s="332">
        <v>0</v>
      </c>
      <c r="HY23" s="333">
        <v>0</v>
      </c>
      <c r="HZ23" s="131">
        <v>0</v>
      </c>
      <c r="IA23" s="132">
        <v>0</v>
      </c>
      <c r="IB23" s="133">
        <v>0</v>
      </c>
      <c r="IC23" s="146">
        <v>0</v>
      </c>
      <c r="ID23" s="132">
        <v>1191503</v>
      </c>
      <c r="IE23" s="147">
        <v>1130786</v>
      </c>
      <c r="IF23" s="133">
        <v>2014323</v>
      </c>
      <c r="IG23" s="132">
        <v>1760906</v>
      </c>
      <c r="IH23" s="133">
        <v>1880806</v>
      </c>
      <c r="II23" s="148">
        <v>7978324</v>
      </c>
      <c r="IJ23" s="139">
        <v>7978324</v>
      </c>
      <c r="IK23" s="232">
        <v>0</v>
      </c>
      <c r="IL23" s="236">
        <v>0</v>
      </c>
      <c r="IM23" s="237">
        <v>0</v>
      </c>
      <c r="IN23" s="140">
        <v>0</v>
      </c>
      <c r="IO23" s="119">
        <v>0</v>
      </c>
      <c r="IP23" s="119">
        <v>0</v>
      </c>
      <c r="IQ23" s="119">
        <v>0</v>
      </c>
      <c r="IR23" s="119">
        <v>0</v>
      </c>
      <c r="IS23" s="119">
        <v>227502</v>
      </c>
      <c r="IT23" s="141">
        <v>227502</v>
      </c>
      <c r="IU23" s="320">
        <v>227502</v>
      </c>
      <c r="IV23" s="142">
        <v>0</v>
      </c>
      <c r="IW23" s="119">
        <v>0</v>
      </c>
      <c r="IX23" s="120">
        <v>0</v>
      </c>
      <c r="IY23" s="144">
        <v>0</v>
      </c>
      <c r="IZ23" s="119">
        <v>0</v>
      </c>
      <c r="JA23" s="119">
        <v>0</v>
      </c>
      <c r="JB23" s="119">
        <v>0</v>
      </c>
      <c r="JC23" s="119">
        <v>0</v>
      </c>
      <c r="JD23" s="119">
        <v>0</v>
      </c>
      <c r="JE23" s="120">
        <v>0</v>
      </c>
      <c r="JF23" s="121">
        <v>0</v>
      </c>
      <c r="JG23" s="142">
        <v>0</v>
      </c>
      <c r="JH23" s="119">
        <v>0</v>
      </c>
      <c r="JI23" s="141">
        <v>0</v>
      </c>
      <c r="JJ23" s="118">
        <v>0</v>
      </c>
      <c r="JK23" s="119">
        <v>709658</v>
      </c>
      <c r="JL23" s="119">
        <v>447873</v>
      </c>
      <c r="JM23" s="119">
        <v>532986</v>
      </c>
      <c r="JN23" s="119">
        <v>509472</v>
      </c>
      <c r="JO23" s="119">
        <v>0</v>
      </c>
      <c r="JP23" s="120">
        <v>2199989</v>
      </c>
      <c r="JQ23" s="320">
        <v>2199989</v>
      </c>
      <c r="JR23" s="142">
        <v>0</v>
      </c>
      <c r="JS23" s="119">
        <v>0</v>
      </c>
      <c r="JT23" s="141">
        <v>0</v>
      </c>
      <c r="JU23" s="118">
        <v>0</v>
      </c>
      <c r="JV23" s="119">
        <v>73421</v>
      </c>
      <c r="JW23" s="119">
        <v>49508</v>
      </c>
      <c r="JX23" s="119">
        <v>260622</v>
      </c>
      <c r="JY23" s="119">
        <v>148815</v>
      </c>
      <c r="JZ23" s="119">
        <v>0</v>
      </c>
      <c r="KA23" s="120">
        <v>532366</v>
      </c>
      <c r="KB23" s="320">
        <v>532366</v>
      </c>
      <c r="KC23" s="234">
        <v>0</v>
      </c>
      <c r="KD23" s="230">
        <v>0</v>
      </c>
      <c r="KE23" s="120">
        <v>0</v>
      </c>
      <c r="KF23" s="118">
        <v>0</v>
      </c>
      <c r="KG23" s="119">
        <v>0</v>
      </c>
      <c r="KH23" s="119">
        <v>246909</v>
      </c>
      <c r="KI23" s="119">
        <v>0</v>
      </c>
      <c r="KJ23" s="119">
        <v>83619</v>
      </c>
      <c r="KK23" s="119">
        <v>210945</v>
      </c>
      <c r="KL23" s="120">
        <v>541473</v>
      </c>
      <c r="KM23" s="143">
        <v>541473</v>
      </c>
      <c r="KN23" s="232">
        <v>0</v>
      </c>
      <c r="KO23" s="236">
        <v>0</v>
      </c>
      <c r="KP23" s="237">
        <v>0</v>
      </c>
      <c r="KQ23" s="140">
        <v>0</v>
      </c>
      <c r="KR23" s="119">
        <v>408424</v>
      </c>
      <c r="KS23" s="119">
        <v>196341</v>
      </c>
      <c r="KT23" s="119">
        <v>1011243</v>
      </c>
      <c r="KU23" s="119">
        <v>417868</v>
      </c>
      <c r="KV23" s="119">
        <v>209252</v>
      </c>
      <c r="KW23" s="120">
        <v>2243128</v>
      </c>
      <c r="KX23" s="320">
        <v>2243128</v>
      </c>
      <c r="KY23" s="142">
        <v>0</v>
      </c>
      <c r="KZ23" s="119">
        <v>0</v>
      </c>
      <c r="LA23" s="120">
        <v>0</v>
      </c>
      <c r="LB23" s="145">
        <v>0</v>
      </c>
      <c r="LC23" s="119">
        <v>0</v>
      </c>
      <c r="LD23" s="119">
        <v>0</v>
      </c>
      <c r="LE23" s="119">
        <v>0</v>
      </c>
      <c r="LF23" s="119">
        <v>0</v>
      </c>
      <c r="LG23" s="119">
        <v>0</v>
      </c>
      <c r="LH23" s="120">
        <v>0</v>
      </c>
      <c r="LI23" s="121">
        <v>0</v>
      </c>
      <c r="LJ23" s="142">
        <v>0</v>
      </c>
      <c r="LK23" s="119">
        <v>0</v>
      </c>
      <c r="LL23" s="120">
        <v>0</v>
      </c>
      <c r="LM23" s="145">
        <v>0</v>
      </c>
      <c r="LN23" s="119">
        <v>0</v>
      </c>
      <c r="LO23" s="119">
        <v>0</v>
      </c>
      <c r="LP23" s="119">
        <v>209472</v>
      </c>
      <c r="LQ23" s="119">
        <v>225843</v>
      </c>
      <c r="LR23" s="119">
        <v>0</v>
      </c>
      <c r="LS23" s="120">
        <v>435315</v>
      </c>
      <c r="LT23" s="320">
        <v>435315</v>
      </c>
      <c r="LU23" s="142">
        <v>0</v>
      </c>
      <c r="LV23" s="119">
        <v>0</v>
      </c>
      <c r="LW23" s="120">
        <v>0</v>
      </c>
      <c r="LX23" s="145">
        <v>0</v>
      </c>
      <c r="LY23" s="119">
        <v>0</v>
      </c>
      <c r="LZ23" s="119">
        <v>190155</v>
      </c>
      <c r="MA23" s="119">
        <v>0</v>
      </c>
      <c r="MB23" s="119">
        <v>375289</v>
      </c>
      <c r="MC23" s="119">
        <v>1233107</v>
      </c>
      <c r="MD23" s="120">
        <v>1798551</v>
      </c>
      <c r="ME23" s="121">
        <v>1798551</v>
      </c>
      <c r="MF23" s="142">
        <v>0</v>
      </c>
      <c r="MG23" s="119">
        <v>0</v>
      </c>
      <c r="MH23" s="120">
        <v>0</v>
      </c>
      <c r="MI23" s="145">
        <v>0</v>
      </c>
      <c r="MJ23" s="119">
        <v>540955</v>
      </c>
      <c r="MK23" s="119">
        <v>464642</v>
      </c>
      <c r="ML23" s="119">
        <v>2276532</v>
      </c>
      <c r="MM23" s="119">
        <v>4149804</v>
      </c>
      <c r="MN23" s="119">
        <v>2643648</v>
      </c>
      <c r="MO23" s="120">
        <v>10075581</v>
      </c>
      <c r="MP23" s="143">
        <v>10075581</v>
      </c>
      <c r="MQ23" s="142">
        <v>0</v>
      </c>
      <c r="MR23" s="119">
        <v>0</v>
      </c>
      <c r="MS23" s="120">
        <v>0</v>
      </c>
      <c r="MT23" s="145">
        <v>0</v>
      </c>
      <c r="MU23" s="119">
        <v>0</v>
      </c>
      <c r="MV23" s="119">
        <v>176381</v>
      </c>
      <c r="MW23" s="119">
        <v>1294078</v>
      </c>
      <c r="MX23" s="119">
        <v>2542434</v>
      </c>
      <c r="MY23" s="119">
        <v>1645851</v>
      </c>
      <c r="MZ23" s="120">
        <v>5658744</v>
      </c>
      <c r="NA23" s="143">
        <v>5658744</v>
      </c>
      <c r="NB23" s="142">
        <v>0</v>
      </c>
      <c r="NC23" s="119">
        <v>0</v>
      </c>
      <c r="ND23" s="120">
        <v>0</v>
      </c>
      <c r="NE23" s="145">
        <v>0</v>
      </c>
      <c r="NF23" s="119">
        <v>540955</v>
      </c>
      <c r="NG23" s="119">
        <v>288261</v>
      </c>
      <c r="NH23" s="119">
        <v>932724</v>
      </c>
      <c r="NI23" s="119">
        <v>1607370</v>
      </c>
      <c r="NJ23" s="119">
        <v>751883</v>
      </c>
      <c r="NK23" s="120">
        <v>4121193</v>
      </c>
      <c r="NL23" s="320">
        <v>4121193</v>
      </c>
      <c r="NM23" s="142">
        <v>0</v>
      </c>
      <c r="NN23" s="119">
        <v>0</v>
      </c>
      <c r="NO23" s="120">
        <v>0</v>
      </c>
      <c r="NP23" s="145">
        <v>0</v>
      </c>
      <c r="NQ23" s="119">
        <v>0</v>
      </c>
      <c r="NR23" s="119">
        <v>0</v>
      </c>
      <c r="NS23" s="119">
        <v>0</v>
      </c>
      <c r="NT23" s="119">
        <v>0</v>
      </c>
      <c r="NU23" s="119">
        <v>245914</v>
      </c>
      <c r="NV23" s="120">
        <v>245914</v>
      </c>
      <c r="NW23" s="121">
        <v>245914</v>
      </c>
      <c r="NX23" s="142">
        <v>0</v>
      </c>
      <c r="NY23" s="119">
        <v>0</v>
      </c>
      <c r="NZ23" s="120">
        <v>0</v>
      </c>
      <c r="OA23" s="145">
        <v>0</v>
      </c>
      <c r="OB23" s="119">
        <v>0</v>
      </c>
      <c r="OC23" s="119">
        <v>0</v>
      </c>
      <c r="OD23" s="119">
        <v>49730</v>
      </c>
      <c r="OE23" s="119">
        <v>0</v>
      </c>
      <c r="OF23" s="119">
        <v>0</v>
      </c>
      <c r="OG23" s="120">
        <v>49730</v>
      </c>
      <c r="OH23" s="121">
        <v>49730</v>
      </c>
      <c r="OI23" s="142">
        <v>402632</v>
      </c>
      <c r="OJ23" s="119">
        <v>504244</v>
      </c>
      <c r="OK23" s="141">
        <v>906876</v>
      </c>
      <c r="OL23" s="118">
        <v>0</v>
      </c>
      <c r="OM23" s="119">
        <v>7129469</v>
      </c>
      <c r="ON23" s="119">
        <v>10582461</v>
      </c>
      <c r="OO23" s="119">
        <v>10168753</v>
      </c>
      <c r="OP23" s="119">
        <v>12283878</v>
      </c>
      <c r="OQ23" s="119">
        <v>10381329</v>
      </c>
      <c r="OR23" s="120">
        <v>50545890</v>
      </c>
      <c r="OS23" s="143">
        <v>51452766</v>
      </c>
    </row>
    <row r="24" spans="2:409" ht="21" customHeight="1" x14ac:dyDescent="0.2">
      <c r="B24" s="126" t="s">
        <v>19</v>
      </c>
      <c r="C24" s="110">
        <v>171334</v>
      </c>
      <c r="D24" s="114">
        <v>659050</v>
      </c>
      <c r="E24" s="113">
        <v>830384</v>
      </c>
      <c r="F24" s="109">
        <v>0</v>
      </c>
      <c r="G24" s="114">
        <v>2522790</v>
      </c>
      <c r="H24" s="114">
        <v>2618658</v>
      </c>
      <c r="I24" s="114">
        <v>2085437</v>
      </c>
      <c r="J24" s="114">
        <v>3009166</v>
      </c>
      <c r="K24" s="114">
        <v>1779947</v>
      </c>
      <c r="L24" s="109">
        <v>12015998</v>
      </c>
      <c r="M24" s="116">
        <v>12846382</v>
      </c>
      <c r="N24" s="110">
        <v>60164</v>
      </c>
      <c r="O24" s="114">
        <v>71263</v>
      </c>
      <c r="P24" s="113">
        <v>131427</v>
      </c>
      <c r="Q24" s="110">
        <v>0</v>
      </c>
      <c r="R24" s="114">
        <v>638088</v>
      </c>
      <c r="S24" s="114">
        <v>552511</v>
      </c>
      <c r="T24" s="114">
        <v>768579</v>
      </c>
      <c r="U24" s="114">
        <v>1086329</v>
      </c>
      <c r="V24" s="114">
        <v>740750</v>
      </c>
      <c r="W24" s="113">
        <v>3786257</v>
      </c>
      <c r="X24" s="116">
        <v>3917684</v>
      </c>
      <c r="Y24" s="110">
        <v>0</v>
      </c>
      <c r="Z24" s="114">
        <v>0</v>
      </c>
      <c r="AA24" s="113">
        <v>0</v>
      </c>
      <c r="AB24" s="110">
        <v>0</v>
      </c>
      <c r="AC24" s="114">
        <v>114825</v>
      </c>
      <c r="AD24" s="114">
        <v>226697</v>
      </c>
      <c r="AE24" s="114">
        <v>286355</v>
      </c>
      <c r="AF24" s="114">
        <v>355499</v>
      </c>
      <c r="AG24" s="114">
        <v>366351</v>
      </c>
      <c r="AH24" s="113">
        <v>1349727</v>
      </c>
      <c r="AI24" s="116">
        <v>1349727</v>
      </c>
      <c r="AJ24" s="110">
        <v>0</v>
      </c>
      <c r="AK24" s="114">
        <v>0</v>
      </c>
      <c r="AL24" s="113">
        <v>0</v>
      </c>
      <c r="AM24" s="110">
        <v>0</v>
      </c>
      <c r="AN24" s="114">
        <v>0</v>
      </c>
      <c r="AO24" s="114">
        <v>20657</v>
      </c>
      <c r="AP24" s="114">
        <v>80194</v>
      </c>
      <c r="AQ24" s="114">
        <v>79701</v>
      </c>
      <c r="AR24" s="114">
        <v>124220</v>
      </c>
      <c r="AS24" s="113">
        <v>304772</v>
      </c>
      <c r="AT24" s="116">
        <v>304772</v>
      </c>
      <c r="AU24" s="110">
        <v>48754</v>
      </c>
      <c r="AV24" s="114">
        <v>36088</v>
      </c>
      <c r="AW24" s="113">
        <v>84842</v>
      </c>
      <c r="AX24" s="110">
        <v>0</v>
      </c>
      <c r="AY24" s="114">
        <v>252447</v>
      </c>
      <c r="AZ24" s="114">
        <v>171072</v>
      </c>
      <c r="BA24" s="114">
        <v>273027</v>
      </c>
      <c r="BB24" s="114">
        <v>434803</v>
      </c>
      <c r="BC24" s="114">
        <v>191442</v>
      </c>
      <c r="BD24" s="113">
        <v>1322791</v>
      </c>
      <c r="BE24" s="116">
        <v>1407633</v>
      </c>
      <c r="BF24" s="110">
        <v>0</v>
      </c>
      <c r="BG24" s="114">
        <v>0</v>
      </c>
      <c r="BH24" s="112">
        <v>0</v>
      </c>
      <c r="BI24" s="111">
        <v>0</v>
      </c>
      <c r="BJ24" s="114">
        <v>119637</v>
      </c>
      <c r="BK24" s="114">
        <v>0</v>
      </c>
      <c r="BL24" s="114">
        <v>27650</v>
      </c>
      <c r="BM24" s="114">
        <v>30847</v>
      </c>
      <c r="BN24" s="114">
        <v>0</v>
      </c>
      <c r="BO24" s="113">
        <v>178134</v>
      </c>
      <c r="BP24" s="116">
        <v>178134</v>
      </c>
      <c r="BQ24" s="110">
        <v>11410</v>
      </c>
      <c r="BR24" s="114">
        <v>35175</v>
      </c>
      <c r="BS24" s="113">
        <v>46585</v>
      </c>
      <c r="BT24" s="110">
        <v>0</v>
      </c>
      <c r="BU24" s="114">
        <v>151179</v>
      </c>
      <c r="BV24" s="114">
        <v>134085</v>
      </c>
      <c r="BW24" s="114">
        <v>101353</v>
      </c>
      <c r="BX24" s="114">
        <v>185479</v>
      </c>
      <c r="BY24" s="114">
        <v>58737</v>
      </c>
      <c r="BZ24" s="113">
        <v>630833</v>
      </c>
      <c r="CA24" s="116">
        <v>677418</v>
      </c>
      <c r="CB24" s="110">
        <v>0</v>
      </c>
      <c r="CC24" s="114">
        <v>173508</v>
      </c>
      <c r="CD24" s="113">
        <v>173508</v>
      </c>
      <c r="CE24" s="110">
        <v>0</v>
      </c>
      <c r="CF24" s="114">
        <v>660577</v>
      </c>
      <c r="CG24" s="114">
        <v>673673</v>
      </c>
      <c r="CH24" s="114">
        <v>541218</v>
      </c>
      <c r="CI24" s="114">
        <v>726765</v>
      </c>
      <c r="CJ24" s="114">
        <v>450860</v>
      </c>
      <c r="CK24" s="113">
        <v>3053093</v>
      </c>
      <c r="CL24" s="116">
        <v>3226601</v>
      </c>
      <c r="CM24" s="110">
        <v>0</v>
      </c>
      <c r="CN24" s="114">
        <v>0</v>
      </c>
      <c r="CO24" s="113">
        <v>0</v>
      </c>
      <c r="CP24" s="111">
        <v>0</v>
      </c>
      <c r="CQ24" s="114">
        <v>399455</v>
      </c>
      <c r="CR24" s="114">
        <v>516642</v>
      </c>
      <c r="CS24" s="114">
        <v>231722</v>
      </c>
      <c r="CT24" s="114">
        <v>361007</v>
      </c>
      <c r="CU24" s="114">
        <v>349841</v>
      </c>
      <c r="CV24" s="113">
        <v>1858667</v>
      </c>
      <c r="CW24" s="116">
        <v>1858667</v>
      </c>
      <c r="CX24" s="110">
        <v>0</v>
      </c>
      <c r="CY24" s="114">
        <v>173508</v>
      </c>
      <c r="CZ24" s="113">
        <v>173508</v>
      </c>
      <c r="DA24" s="110">
        <v>0</v>
      </c>
      <c r="DB24" s="114">
        <v>261122</v>
      </c>
      <c r="DC24" s="114">
        <v>157031</v>
      </c>
      <c r="DD24" s="114">
        <v>309496</v>
      </c>
      <c r="DE24" s="114">
        <v>365758</v>
      </c>
      <c r="DF24" s="114">
        <v>101019</v>
      </c>
      <c r="DG24" s="113">
        <v>1194426</v>
      </c>
      <c r="DH24" s="116">
        <v>1367934</v>
      </c>
      <c r="DI24" s="110">
        <v>0</v>
      </c>
      <c r="DJ24" s="114">
        <v>16262</v>
      </c>
      <c r="DK24" s="112">
        <v>16262</v>
      </c>
      <c r="DL24" s="111">
        <v>0</v>
      </c>
      <c r="DM24" s="114">
        <v>19364</v>
      </c>
      <c r="DN24" s="114">
        <v>41841</v>
      </c>
      <c r="DO24" s="114">
        <v>91393</v>
      </c>
      <c r="DP24" s="114">
        <v>182380</v>
      </c>
      <c r="DQ24" s="114">
        <v>214134</v>
      </c>
      <c r="DR24" s="113">
        <v>549112</v>
      </c>
      <c r="DS24" s="116">
        <v>565374</v>
      </c>
      <c r="DT24" s="110">
        <v>0</v>
      </c>
      <c r="DU24" s="114">
        <v>16262</v>
      </c>
      <c r="DV24" s="113">
        <v>16262</v>
      </c>
      <c r="DW24" s="110">
        <v>0</v>
      </c>
      <c r="DX24" s="114">
        <v>19364</v>
      </c>
      <c r="DY24" s="114">
        <v>41841</v>
      </c>
      <c r="DZ24" s="114">
        <v>0</v>
      </c>
      <c r="EA24" s="114">
        <v>24436</v>
      </c>
      <c r="EB24" s="114">
        <v>214134</v>
      </c>
      <c r="EC24" s="113">
        <v>299775</v>
      </c>
      <c r="ED24" s="116">
        <v>316037</v>
      </c>
      <c r="EE24" s="110">
        <v>0</v>
      </c>
      <c r="EF24" s="112">
        <v>0</v>
      </c>
      <c r="EG24" s="113">
        <v>0</v>
      </c>
      <c r="EH24" s="110">
        <v>0</v>
      </c>
      <c r="EI24" s="114">
        <v>0</v>
      </c>
      <c r="EJ24" s="114">
        <v>0</v>
      </c>
      <c r="EK24" s="114">
        <v>91393</v>
      </c>
      <c r="EL24" s="114">
        <v>157944</v>
      </c>
      <c r="EM24" s="114">
        <v>0</v>
      </c>
      <c r="EN24" s="112">
        <v>249337</v>
      </c>
      <c r="EO24" s="116">
        <v>249337</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v>0</v>
      </c>
      <c r="FE24" s="114">
        <v>0</v>
      </c>
      <c r="FF24" s="114">
        <v>0</v>
      </c>
      <c r="FG24" s="114">
        <v>0</v>
      </c>
      <c r="FH24" s="114">
        <v>0</v>
      </c>
      <c r="FI24" s="114">
        <v>0</v>
      </c>
      <c r="FJ24" s="113">
        <v>0</v>
      </c>
      <c r="FK24" s="116">
        <v>0</v>
      </c>
      <c r="FL24" s="110">
        <v>111170</v>
      </c>
      <c r="FM24" s="114">
        <v>189630</v>
      </c>
      <c r="FN24" s="113">
        <v>300800</v>
      </c>
      <c r="FO24" s="110">
        <v>0</v>
      </c>
      <c r="FP24" s="114">
        <v>192493</v>
      </c>
      <c r="FQ24" s="114">
        <v>212093</v>
      </c>
      <c r="FR24" s="114">
        <v>318210</v>
      </c>
      <c r="FS24" s="114">
        <v>307454</v>
      </c>
      <c r="FT24" s="114">
        <v>183932</v>
      </c>
      <c r="FU24" s="113">
        <v>1214182</v>
      </c>
      <c r="FV24" s="116">
        <v>1514982</v>
      </c>
      <c r="FW24" s="115">
        <v>18770</v>
      </c>
      <c r="FX24" s="114">
        <v>32830</v>
      </c>
      <c r="FY24" s="112">
        <v>51600</v>
      </c>
      <c r="FZ24" s="111">
        <v>0</v>
      </c>
      <c r="GA24" s="114">
        <v>153993</v>
      </c>
      <c r="GB24" s="114">
        <v>212093</v>
      </c>
      <c r="GC24" s="114">
        <v>251321</v>
      </c>
      <c r="GD24" s="114">
        <v>307454</v>
      </c>
      <c r="GE24" s="114">
        <v>165452</v>
      </c>
      <c r="GF24" s="113">
        <v>1090313</v>
      </c>
      <c r="GG24" s="318">
        <v>1141913</v>
      </c>
      <c r="GH24" s="115">
        <v>0</v>
      </c>
      <c r="GI24" s="114">
        <v>0</v>
      </c>
      <c r="GJ24" s="112">
        <v>0</v>
      </c>
      <c r="GK24" s="111">
        <v>0</v>
      </c>
      <c r="GL24" s="114">
        <v>38500</v>
      </c>
      <c r="GM24" s="114">
        <v>0</v>
      </c>
      <c r="GN24" s="114">
        <v>0</v>
      </c>
      <c r="GO24" s="114">
        <v>0</v>
      </c>
      <c r="GP24" s="114">
        <v>18480</v>
      </c>
      <c r="GQ24" s="113">
        <v>56980</v>
      </c>
      <c r="GR24" s="116">
        <v>56980</v>
      </c>
      <c r="GS24" s="110">
        <v>92400</v>
      </c>
      <c r="GT24" s="114">
        <v>156800</v>
      </c>
      <c r="GU24" s="113">
        <v>249200</v>
      </c>
      <c r="GV24" s="110">
        <v>0</v>
      </c>
      <c r="GW24" s="114">
        <v>0</v>
      </c>
      <c r="GX24" s="114">
        <v>0</v>
      </c>
      <c r="GY24" s="114">
        <v>66889</v>
      </c>
      <c r="GZ24" s="114">
        <v>0</v>
      </c>
      <c r="HA24" s="114">
        <v>0</v>
      </c>
      <c r="HB24" s="112">
        <v>66889</v>
      </c>
      <c r="HC24" s="116">
        <v>316089</v>
      </c>
      <c r="HD24" s="110">
        <v>0</v>
      </c>
      <c r="HE24" s="114">
        <v>208387</v>
      </c>
      <c r="HF24" s="112">
        <v>208387</v>
      </c>
      <c r="HG24" s="111">
        <v>0</v>
      </c>
      <c r="HH24" s="114">
        <v>1012268</v>
      </c>
      <c r="HI24" s="114">
        <v>1138540</v>
      </c>
      <c r="HJ24" s="114">
        <v>366037</v>
      </c>
      <c r="HK24" s="114">
        <v>706238</v>
      </c>
      <c r="HL24" s="114">
        <v>190271</v>
      </c>
      <c r="HM24" s="113">
        <v>3413354</v>
      </c>
      <c r="HN24" s="109">
        <v>3621741</v>
      </c>
      <c r="HO24" s="328">
        <v>0</v>
      </c>
      <c r="HP24" s="329">
        <v>0</v>
      </c>
      <c r="HQ24" s="330">
        <v>0</v>
      </c>
      <c r="HR24" s="331">
        <v>0</v>
      </c>
      <c r="HS24" s="329">
        <v>0</v>
      </c>
      <c r="HT24" s="329">
        <v>0</v>
      </c>
      <c r="HU24" s="329">
        <v>0</v>
      </c>
      <c r="HV24" s="329">
        <v>0</v>
      </c>
      <c r="HW24" s="329">
        <v>0</v>
      </c>
      <c r="HX24" s="332">
        <v>0</v>
      </c>
      <c r="HY24" s="333">
        <v>0</v>
      </c>
      <c r="HZ24" s="150">
        <v>0</v>
      </c>
      <c r="IA24" s="135">
        <v>0</v>
      </c>
      <c r="IB24" s="150">
        <v>0</v>
      </c>
      <c r="IC24" s="134">
        <v>0</v>
      </c>
      <c r="ID24" s="135">
        <v>568353</v>
      </c>
      <c r="IE24" s="136">
        <v>464201</v>
      </c>
      <c r="IF24" s="137">
        <v>534232</v>
      </c>
      <c r="IG24" s="135">
        <v>752738</v>
      </c>
      <c r="IH24" s="137">
        <v>53478</v>
      </c>
      <c r="II24" s="138">
        <v>2373002</v>
      </c>
      <c r="IJ24" s="150">
        <v>2373002</v>
      </c>
      <c r="IK24" s="232">
        <v>0</v>
      </c>
      <c r="IL24" s="236">
        <v>0</v>
      </c>
      <c r="IM24" s="237">
        <v>0</v>
      </c>
      <c r="IN24" s="140">
        <v>0</v>
      </c>
      <c r="IO24" s="119">
        <v>0</v>
      </c>
      <c r="IP24" s="119">
        <v>97115</v>
      </c>
      <c r="IQ24" s="119">
        <v>0</v>
      </c>
      <c r="IR24" s="119">
        <v>364260</v>
      </c>
      <c r="IS24" s="119">
        <v>53478</v>
      </c>
      <c r="IT24" s="141">
        <v>514853</v>
      </c>
      <c r="IU24" s="320">
        <v>514853</v>
      </c>
      <c r="IV24" s="142">
        <v>0</v>
      </c>
      <c r="IW24" s="119">
        <v>0</v>
      </c>
      <c r="IX24" s="120">
        <v>0</v>
      </c>
      <c r="IY24" s="144">
        <v>0</v>
      </c>
      <c r="IZ24" s="119">
        <v>0</v>
      </c>
      <c r="JA24" s="119">
        <v>0</v>
      </c>
      <c r="JB24" s="119">
        <v>0</v>
      </c>
      <c r="JC24" s="119">
        <v>8913</v>
      </c>
      <c r="JD24" s="119">
        <v>0</v>
      </c>
      <c r="JE24" s="120">
        <v>8913</v>
      </c>
      <c r="JF24" s="121">
        <v>8913</v>
      </c>
      <c r="JG24" s="142">
        <v>0</v>
      </c>
      <c r="JH24" s="119">
        <v>0</v>
      </c>
      <c r="JI24" s="141">
        <v>0</v>
      </c>
      <c r="JJ24" s="118">
        <v>0</v>
      </c>
      <c r="JK24" s="119">
        <v>423505</v>
      </c>
      <c r="JL24" s="119">
        <v>192868</v>
      </c>
      <c r="JM24" s="119">
        <v>116210</v>
      </c>
      <c r="JN24" s="119">
        <v>183121</v>
      </c>
      <c r="JO24" s="119">
        <v>0</v>
      </c>
      <c r="JP24" s="120">
        <v>915704</v>
      </c>
      <c r="JQ24" s="320">
        <v>915704</v>
      </c>
      <c r="JR24" s="142">
        <v>0</v>
      </c>
      <c r="JS24" s="119">
        <v>0</v>
      </c>
      <c r="JT24" s="141">
        <v>0</v>
      </c>
      <c r="JU24" s="118">
        <v>0</v>
      </c>
      <c r="JV24" s="119">
        <v>35026</v>
      </c>
      <c r="JW24" s="119">
        <v>174218</v>
      </c>
      <c r="JX24" s="119">
        <v>0</v>
      </c>
      <c r="JY24" s="119">
        <v>0</v>
      </c>
      <c r="JZ24" s="119">
        <v>0</v>
      </c>
      <c r="KA24" s="120">
        <v>209244</v>
      </c>
      <c r="KB24" s="320">
        <v>209244</v>
      </c>
      <c r="KC24" s="234">
        <v>0</v>
      </c>
      <c r="KD24" s="230">
        <v>0</v>
      </c>
      <c r="KE24" s="120">
        <v>0</v>
      </c>
      <c r="KF24" s="118">
        <v>0</v>
      </c>
      <c r="KG24" s="119">
        <v>109822</v>
      </c>
      <c r="KH24" s="119">
        <v>0</v>
      </c>
      <c r="KI24" s="119">
        <v>209143</v>
      </c>
      <c r="KJ24" s="119">
        <v>142219</v>
      </c>
      <c r="KK24" s="119">
        <v>0</v>
      </c>
      <c r="KL24" s="120">
        <v>461184</v>
      </c>
      <c r="KM24" s="143">
        <v>461184</v>
      </c>
      <c r="KN24" s="232">
        <v>0</v>
      </c>
      <c r="KO24" s="236">
        <v>0</v>
      </c>
      <c r="KP24" s="237">
        <v>0</v>
      </c>
      <c r="KQ24" s="140">
        <v>0</v>
      </c>
      <c r="KR24" s="119">
        <v>0</v>
      </c>
      <c r="KS24" s="119">
        <v>0</v>
      </c>
      <c r="KT24" s="119">
        <v>208879</v>
      </c>
      <c r="KU24" s="119">
        <v>54225</v>
      </c>
      <c r="KV24" s="119">
        <v>0</v>
      </c>
      <c r="KW24" s="120">
        <v>263104</v>
      </c>
      <c r="KX24" s="320">
        <v>263104</v>
      </c>
      <c r="KY24" s="142">
        <v>0</v>
      </c>
      <c r="KZ24" s="119">
        <v>0</v>
      </c>
      <c r="LA24" s="120">
        <v>0</v>
      </c>
      <c r="LB24" s="145">
        <v>0</v>
      </c>
      <c r="LC24" s="119">
        <v>0</v>
      </c>
      <c r="LD24" s="119">
        <v>0</v>
      </c>
      <c r="LE24" s="119">
        <v>0</v>
      </c>
      <c r="LF24" s="119">
        <v>0</v>
      </c>
      <c r="LG24" s="119">
        <v>0</v>
      </c>
      <c r="LH24" s="120">
        <v>0</v>
      </c>
      <c r="LI24" s="121">
        <v>0</v>
      </c>
      <c r="LJ24" s="142">
        <v>0</v>
      </c>
      <c r="LK24" s="119">
        <v>0</v>
      </c>
      <c r="LL24" s="120">
        <v>0</v>
      </c>
      <c r="LM24" s="145">
        <v>0</v>
      </c>
      <c r="LN24" s="119">
        <v>0</v>
      </c>
      <c r="LO24" s="119">
        <v>0</v>
      </c>
      <c r="LP24" s="119">
        <v>0</v>
      </c>
      <c r="LQ24" s="119">
        <v>0</v>
      </c>
      <c r="LR24" s="119">
        <v>0</v>
      </c>
      <c r="LS24" s="120">
        <v>0</v>
      </c>
      <c r="LT24" s="320">
        <v>0</v>
      </c>
      <c r="LU24" s="142">
        <v>0</v>
      </c>
      <c r="LV24" s="119">
        <v>0</v>
      </c>
      <c r="LW24" s="120">
        <v>0</v>
      </c>
      <c r="LX24" s="145">
        <v>0</v>
      </c>
      <c r="LY24" s="119">
        <v>0</v>
      </c>
      <c r="LZ24" s="119">
        <v>0</v>
      </c>
      <c r="MA24" s="119">
        <v>0</v>
      </c>
      <c r="MB24" s="119">
        <v>0</v>
      </c>
      <c r="MC24" s="119">
        <v>0</v>
      </c>
      <c r="MD24" s="120">
        <v>0</v>
      </c>
      <c r="ME24" s="121">
        <v>0</v>
      </c>
      <c r="MF24" s="142">
        <v>0</v>
      </c>
      <c r="MG24" s="119">
        <v>0</v>
      </c>
      <c r="MH24" s="120">
        <v>0</v>
      </c>
      <c r="MI24" s="145">
        <v>0</v>
      </c>
      <c r="MJ24" s="119">
        <v>0</v>
      </c>
      <c r="MK24" s="119">
        <v>573484</v>
      </c>
      <c r="ML24" s="119">
        <v>1226180</v>
      </c>
      <c r="MM24" s="119">
        <v>1057408</v>
      </c>
      <c r="MN24" s="119">
        <v>750145</v>
      </c>
      <c r="MO24" s="120">
        <v>3607217</v>
      </c>
      <c r="MP24" s="143">
        <v>3607217</v>
      </c>
      <c r="MQ24" s="142">
        <v>0</v>
      </c>
      <c r="MR24" s="119">
        <v>0</v>
      </c>
      <c r="MS24" s="120">
        <v>0</v>
      </c>
      <c r="MT24" s="145">
        <v>0</v>
      </c>
      <c r="MU24" s="119">
        <v>0</v>
      </c>
      <c r="MV24" s="119">
        <v>0</v>
      </c>
      <c r="MW24" s="119">
        <v>382851</v>
      </c>
      <c r="MX24" s="119">
        <v>614742</v>
      </c>
      <c r="MY24" s="119">
        <v>490543</v>
      </c>
      <c r="MZ24" s="120">
        <v>1488136</v>
      </c>
      <c r="NA24" s="143">
        <v>1488136</v>
      </c>
      <c r="NB24" s="142">
        <v>0</v>
      </c>
      <c r="NC24" s="119">
        <v>0</v>
      </c>
      <c r="ND24" s="120">
        <v>0</v>
      </c>
      <c r="NE24" s="145">
        <v>0</v>
      </c>
      <c r="NF24" s="119">
        <v>0</v>
      </c>
      <c r="NG24" s="119">
        <v>573484</v>
      </c>
      <c r="NH24" s="119">
        <v>843329</v>
      </c>
      <c r="NI24" s="119">
        <v>442666</v>
      </c>
      <c r="NJ24" s="119">
        <v>259602</v>
      </c>
      <c r="NK24" s="120">
        <v>2119081</v>
      </c>
      <c r="NL24" s="320">
        <v>2119081</v>
      </c>
      <c r="NM24" s="142">
        <v>0</v>
      </c>
      <c r="NN24" s="119">
        <v>0</v>
      </c>
      <c r="NO24" s="120">
        <v>0</v>
      </c>
      <c r="NP24" s="145">
        <v>0</v>
      </c>
      <c r="NQ24" s="119">
        <v>0</v>
      </c>
      <c r="NR24" s="119">
        <v>0</v>
      </c>
      <c r="NS24" s="119">
        <v>0</v>
      </c>
      <c r="NT24" s="119">
        <v>0</v>
      </c>
      <c r="NU24" s="119">
        <v>0</v>
      </c>
      <c r="NV24" s="120">
        <v>0</v>
      </c>
      <c r="NW24" s="121">
        <v>0</v>
      </c>
      <c r="NX24" s="142">
        <v>0</v>
      </c>
      <c r="NY24" s="119">
        <v>0</v>
      </c>
      <c r="NZ24" s="120">
        <v>0</v>
      </c>
      <c r="OA24" s="145">
        <v>0</v>
      </c>
      <c r="OB24" s="119">
        <v>0</v>
      </c>
      <c r="OC24" s="119">
        <v>0</v>
      </c>
      <c r="OD24" s="119">
        <v>0</v>
      </c>
      <c r="OE24" s="119">
        <v>0</v>
      </c>
      <c r="OF24" s="119">
        <v>0</v>
      </c>
      <c r="OG24" s="120">
        <v>0</v>
      </c>
      <c r="OH24" s="121">
        <v>0</v>
      </c>
      <c r="OI24" s="142">
        <v>171334</v>
      </c>
      <c r="OJ24" s="119">
        <v>659050</v>
      </c>
      <c r="OK24" s="141">
        <v>830384</v>
      </c>
      <c r="OL24" s="118">
        <v>0</v>
      </c>
      <c r="OM24" s="119">
        <v>3091143</v>
      </c>
      <c r="ON24" s="119">
        <v>3656343</v>
      </c>
      <c r="OO24" s="119">
        <v>3845849</v>
      </c>
      <c r="OP24" s="119">
        <v>4819312</v>
      </c>
      <c r="OQ24" s="119">
        <v>2583570</v>
      </c>
      <c r="OR24" s="120">
        <v>17996217</v>
      </c>
      <c r="OS24" s="143">
        <v>18826601</v>
      </c>
    </row>
    <row r="25" spans="2:409" ht="21" customHeight="1" x14ac:dyDescent="0.2">
      <c r="B25" s="126" t="s">
        <v>20</v>
      </c>
      <c r="C25" s="110">
        <v>253840</v>
      </c>
      <c r="D25" s="114">
        <v>391556</v>
      </c>
      <c r="E25" s="113">
        <v>645396</v>
      </c>
      <c r="F25" s="110">
        <v>0</v>
      </c>
      <c r="G25" s="114">
        <v>2000171</v>
      </c>
      <c r="H25" s="114">
        <v>3472986</v>
      </c>
      <c r="I25" s="114">
        <v>3059206</v>
      </c>
      <c r="J25" s="114">
        <v>2623655</v>
      </c>
      <c r="K25" s="114">
        <v>1878582</v>
      </c>
      <c r="L25" s="173">
        <v>13034600</v>
      </c>
      <c r="M25" s="116">
        <v>13679996</v>
      </c>
      <c r="N25" s="110">
        <v>107704</v>
      </c>
      <c r="O25" s="114">
        <v>119942</v>
      </c>
      <c r="P25" s="113">
        <v>227646</v>
      </c>
      <c r="Q25" s="110">
        <v>0</v>
      </c>
      <c r="R25" s="114">
        <v>960660</v>
      </c>
      <c r="S25" s="114">
        <v>1184623</v>
      </c>
      <c r="T25" s="114">
        <v>1064035</v>
      </c>
      <c r="U25" s="114">
        <v>723508</v>
      </c>
      <c r="V25" s="114">
        <v>651462</v>
      </c>
      <c r="W25" s="113">
        <v>4584288</v>
      </c>
      <c r="X25" s="116">
        <v>4811934</v>
      </c>
      <c r="Y25" s="110">
        <v>0</v>
      </c>
      <c r="Z25" s="114">
        <v>0</v>
      </c>
      <c r="AA25" s="113">
        <v>0</v>
      </c>
      <c r="AB25" s="110">
        <v>0</v>
      </c>
      <c r="AC25" s="114">
        <v>223015</v>
      </c>
      <c r="AD25" s="114">
        <v>294060</v>
      </c>
      <c r="AE25" s="114">
        <v>468991</v>
      </c>
      <c r="AF25" s="114">
        <v>326782</v>
      </c>
      <c r="AG25" s="114">
        <v>302693</v>
      </c>
      <c r="AH25" s="113">
        <v>1615541</v>
      </c>
      <c r="AI25" s="116">
        <v>1615541</v>
      </c>
      <c r="AJ25" s="110">
        <v>0</v>
      </c>
      <c r="AK25" s="114">
        <v>0</v>
      </c>
      <c r="AL25" s="113">
        <v>0</v>
      </c>
      <c r="AM25" s="110">
        <v>0</v>
      </c>
      <c r="AN25" s="114">
        <v>0</v>
      </c>
      <c r="AO25" s="114">
        <v>41452</v>
      </c>
      <c r="AP25" s="114">
        <v>0</v>
      </c>
      <c r="AQ25" s="114">
        <v>81767</v>
      </c>
      <c r="AR25" s="114">
        <v>121060</v>
      </c>
      <c r="AS25" s="113">
        <v>244279</v>
      </c>
      <c r="AT25" s="116">
        <v>244279</v>
      </c>
      <c r="AU25" s="110">
        <v>53384</v>
      </c>
      <c r="AV25" s="114">
        <v>75295</v>
      </c>
      <c r="AW25" s="113">
        <v>128679</v>
      </c>
      <c r="AX25" s="110">
        <v>0</v>
      </c>
      <c r="AY25" s="114">
        <v>460544</v>
      </c>
      <c r="AZ25" s="114">
        <v>520232</v>
      </c>
      <c r="BA25" s="114">
        <v>348881</v>
      </c>
      <c r="BB25" s="114">
        <v>150812</v>
      </c>
      <c r="BC25" s="114">
        <v>122483</v>
      </c>
      <c r="BD25" s="113">
        <v>1602952</v>
      </c>
      <c r="BE25" s="116">
        <v>1731631</v>
      </c>
      <c r="BF25" s="110">
        <v>0</v>
      </c>
      <c r="BG25" s="114">
        <v>42561</v>
      </c>
      <c r="BH25" s="112">
        <v>42561</v>
      </c>
      <c r="BI25" s="111">
        <v>0</v>
      </c>
      <c r="BJ25" s="114">
        <v>182559</v>
      </c>
      <c r="BK25" s="114">
        <v>191385</v>
      </c>
      <c r="BL25" s="114">
        <v>111525</v>
      </c>
      <c r="BM25" s="114">
        <v>19191</v>
      </c>
      <c r="BN25" s="114">
        <v>16207</v>
      </c>
      <c r="BO25" s="113">
        <v>520867</v>
      </c>
      <c r="BP25" s="116">
        <v>563428</v>
      </c>
      <c r="BQ25" s="110">
        <v>54320</v>
      </c>
      <c r="BR25" s="114">
        <v>2086</v>
      </c>
      <c r="BS25" s="113">
        <v>56406</v>
      </c>
      <c r="BT25" s="110">
        <v>0</v>
      </c>
      <c r="BU25" s="114">
        <v>94542</v>
      </c>
      <c r="BV25" s="114">
        <v>137494</v>
      </c>
      <c r="BW25" s="114">
        <v>134638</v>
      </c>
      <c r="BX25" s="114">
        <v>144956</v>
      </c>
      <c r="BY25" s="114">
        <v>89019</v>
      </c>
      <c r="BZ25" s="113">
        <v>600649</v>
      </c>
      <c r="CA25" s="116">
        <v>657055</v>
      </c>
      <c r="CB25" s="110">
        <v>18225</v>
      </c>
      <c r="CC25" s="114">
        <v>102165</v>
      </c>
      <c r="CD25" s="113">
        <v>120390</v>
      </c>
      <c r="CE25" s="110">
        <v>0</v>
      </c>
      <c r="CF25" s="114">
        <v>562776</v>
      </c>
      <c r="CG25" s="114">
        <v>1326499</v>
      </c>
      <c r="CH25" s="114">
        <v>882416</v>
      </c>
      <c r="CI25" s="114">
        <v>274053</v>
      </c>
      <c r="CJ25" s="114">
        <v>436709</v>
      </c>
      <c r="CK25" s="113">
        <v>3482453</v>
      </c>
      <c r="CL25" s="116">
        <v>3602843</v>
      </c>
      <c r="CM25" s="110">
        <v>0</v>
      </c>
      <c r="CN25" s="114">
        <v>0</v>
      </c>
      <c r="CO25" s="113">
        <v>0</v>
      </c>
      <c r="CP25" s="111">
        <v>0</v>
      </c>
      <c r="CQ25" s="114">
        <v>318610</v>
      </c>
      <c r="CR25" s="114">
        <v>816392</v>
      </c>
      <c r="CS25" s="114">
        <v>620891</v>
      </c>
      <c r="CT25" s="114">
        <v>66578</v>
      </c>
      <c r="CU25" s="114">
        <v>305395</v>
      </c>
      <c r="CV25" s="113">
        <v>2127866</v>
      </c>
      <c r="CW25" s="116">
        <v>2127866</v>
      </c>
      <c r="CX25" s="110">
        <v>18225</v>
      </c>
      <c r="CY25" s="114">
        <v>102165</v>
      </c>
      <c r="CZ25" s="113">
        <v>120390</v>
      </c>
      <c r="DA25" s="110">
        <v>0</v>
      </c>
      <c r="DB25" s="114">
        <v>244166</v>
      </c>
      <c r="DC25" s="114">
        <v>510107</v>
      </c>
      <c r="DD25" s="114">
        <v>261525</v>
      </c>
      <c r="DE25" s="114">
        <v>207475</v>
      </c>
      <c r="DF25" s="114">
        <v>131314</v>
      </c>
      <c r="DG25" s="113">
        <v>1354587</v>
      </c>
      <c r="DH25" s="116">
        <v>1474977</v>
      </c>
      <c r="DI25" s="110">
        <v>0</v>
      </c>
      <c r="DJ25" s="114">
        <v>0</v>
      </c>
      <c r="DK25" s="112">
        <v>0</v>
      </c>
      <c r="DL25" s="111">
        <v>0</v>
      </c>
      <c r="DM25" s="114">
        <v>157446</v>
      </c>
      <c r="DN25" s="114">
        <v>181878</v>
      </c>
      <c r="DO25" s="114">
        <v>203917</v>
      </c>
      <c r="DP25" s="114">
        <v>443377</v>
      </c>
      <c r="DQ25" s="114">
        <v>65367</v>
      </c>
      <c r="DR25" s="113">
        <v>1051985</v>
      </c>
      <c r="DS25" s="116">
        <v>1051985</v>
      </c>
      <c r="DT25" s="110">
        <v>0</v>
      </c>
      <c r="DU25" s="114">
        <v>0</v>
      </c>
      <c r="DV25" s="113">
        <v>0</v>
      </c>
      <c r="DW25" s="110">
        <v>0</v>
      </c>
      <c r="DX25" s="114">
        <v>157446</v>
      </c>
      <c r="DY25" s="114">
        <v>108098</v>
      </c>
      <c r="DZ25" s="114">
        <v>188535</v>
      </c>
      <c r="EA25" s="114">
        <v>371508</v>
      </c>
      <c r="EB25" s="114">
        <v>0</v>
      </c>
      <c r="EC25" s="113">
        <v>825587</v>
      </c>
      <c r="ED25" s="116">
        <v>825587</v>
      </c>
      <c r="EE25" s="110">
        <v>0</v>
      </c>
      <c r="EF25" s="112">
        <v>0</v>
      </c>
      <c r="EG25" s="113">
        <v>0</v>
      </c>
      <c r="EH25" s="110">
        <v>0</v>
      </c>
      <c r="EI25" s="114">
        <v>0</v>
      </c>
      <c r="EJ25" s="114">
        <v>73780</v>
      </c>
      <c r="EK25" s="114">
        <v>15382</v>
      </c>
      <c r="EL25" s="114">
        <v>71869</v>
      </c>
      <c r="EM25" s="114">
        <v>65367</v>
      </c>
      <c r="EN25" s="112">
        <v>226398</v>
      </c>
      <c r="EO25" s="116">
        <v>226398</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v>0</v>
      </c>
      <c r="FE25" s="114">
        <v>0</v>
      </c>
      <c r="FF25" s="114">
        <v>0</v>
      </c>
      <c r="FG25" s="114">
        <v>0</v>
      </c>
      <c r="FH25" s="114">
        <v>0</v>
      </c>
      <c r="FI25" s="114">
        <v>0</v>
      </c>
      <c r="FJ25" s="113">
        <v>0</v>
      </c>
      <c r="FK25" s="116">
        <v>0</v>
      </c>
      <c r="FL25" s="110">
        <v>36141</v>
      </c>
      <c r="FM25" s="114">
        <v>98056</v>
      </c>
      <c r="FN25" s="113">
        <v>134197</v>
      </c>
      <c r="FO25" s="110">
        <v>0</v>
      </c>
      <c r="FP25" s="114">
        <v>189105</v>
      </c>
      <c r="FQ25" s="114">
        <v>340067</v>
      </c>
      <c r="FR25" s="114">
        <v>416682</v>
      </c>
      <c r="FS25" s="114">
        <v>139482</v>
      </c>
      <c r="FT25" s="114">
        <v>150073</v>
      </c>
      <c r="FU25" s="113">
        <v>1235409</v>
      </c>
      <c r="FV25" s="116">
        <v>1369606</v>
      </c>
      <c r="FW25" s="115">
        <v>36141</v>
      </c>
      <c r="FX25" s="114">
        <v>85456</v>
      </c>
      <c r="FY25" s="112">
        <v>121597</v>
      </c>
      <c r="FZ25" s="111">
        <v>0</v>
      </c>
      <c r="GA25" s="114">
        <v>176925</v>
      </c>
      <c r="GB25" s="114">
        <v>340067</v>
      </c>
      <c r="GC25" s="114">
        <v>274078</v>
      </c>
      <c r="GD25" s="114">
        <v>139482</v>
      </c>
      <c r="GE25" s="114">
        <v>150073</v>
      </c>
      <c r="GF25" s="113">
        <v>1080625</v>
      </c>
      <c r="GG25" s="318">
        <v>1202222</v>
      </c>
      <c r="GH25" s="115">
        <v>0</v>
      </c>
      <c r="GI25" s="114">
        <v>12600</v>
      </c>
      <c r="GJ25" s="112">
        <v>12600</v>
      </c>
      <c r="GK25" s="111">
        <v>0</v>
      </c>
      <c r="GL25" s="114">
        <v>12180</v>
      </c>
      <c r="GM25" s="114">
        <v>0</v>
      </c>
      <c r="GN25" s="114">
        <v>19404</v>
      </c>
      <c r="GO25" s="114">
        <v>0</v>
      </c>
      <c r="GP25" s="114">
        <v>0</v>
      </c>
      <c r="GQ25" s="113">
        <v>31584</v>
      </c>
      <c r="GR25" s="116">
        <v>44184</v>
      </c>
      <c r="GS25" s="110">
        <v>0</v>
      </c>
      <c r="GT25" s="114">
        <v>0</v>
      </c>
      <c r="GU25" s="113">
        <v>0</v>
      </c>
      <c r="GV25" s="110">
        <v>0</v>
      </c>
      <c r="GW25" s="114">
        <v>0</v>
      </c>
      <c r="GX25" s="114">
        <v>0</v>
      </c>
      <c r="GY25" s="114">
        <v>123200</v>
      </c>
      <c r="GZ25" s="114">
        <v>0</v>
      </c>
      <c r="HA25" s="114">
        <v>0</v>
      </c>
      <c r="HB25" s="112">
        <v>123200</v>
      </c>
      <c r="HC25" s="116">
        <v>123200</v>
      </c>
      <c r="HD25" s="110">
        <v>91770</v>
      </c>
      <c r="HE25" s="114">
        <v>71393</v>
      </c>
      <c r="HF25" s="112">
        <v>163163</v>
      </c>
      <c r="HG25" s="111">
        <v>0</v>
      </c>
      <c r="HH25" s="114">
        <v>130184</v>
      </c>
      <c r="HI25" s="114">
        <v>439919</v>
      </c>
      <c r="HJ25" s="114">
        <v>492156</v>
      </c>
      <c r="HK25" s="114">
        <v>1043235</v>
      </c>
      <c r="HL25" s="114">
        <v>574971</v>
      </c>
      <c r="HM25" s="113">
        <v>2680465</v>
      </c>
      <c r="HN25" s="109">
        <v>2843628</v>
      </c>
      <c r="HO25" s="328">
        <v>0</v>
      </c>
      <c r="HP25" s="329">
        <v>0</v>
      </c>
      <c r="HQ25" s="330">
        <v>0</v>
      </c>
      <c r="HR25" s="331">
        <v>0</v>
      </c>
      <c r="HS25" s="329">
        <v>0</v>
      </c>
      <c r="HT25" s="329">
        <v>0</v>
      </c>
      <c r="HU25" s="329">
        <v>0</v>
      </c>
      <c r="HV25" s="329">
        <v>0</v>
      </c>
      <c r="HW25" s="329">
        <v>0</v>
      </c>
      <c r="HX25" s="332">
        <v>0</v>
      </c>
      <c r="HY25" s="333">
        <v>0</v>
      </c>
      <c r="HZ25" s="131">
        <v>0</v>
      </c>
      <c r="IA25" s="132">
        <v>64157</v>
      </c>
      <c r="IB25" s="133">
        <v>64157</v>
      </c>
      <c r="IC25" s="146">
        <v>0</v>
      </c>
      <c r="ID25" s="132">
        <v>396970</v>
      </c>
      <c r="IE25" s="147">
        <v>498939</v>
      </c>
      <c r="IF25" s="133">
        <v>586531</v>
      </c>
      <c r="IG25" s="132">
        <v>0</v>
      </c>
      <c r="IH25" s="133">
        <v>362704</v>
      </c>
      <c r="II25" s="148">
        <v>1845144</v>
      </c>
      <c r="IJ25" s="139">
        <v>1909301</v>
      </c>
      <c r="IK25" s="232">
        <v>0</v>
      </c>
      <c r="IL25" s="236">
        <v>0</v>
      </c>
      <c r="IM25" s="237">
        <v>0</v>
      </c>
      <c r="IN25" s="140">
        <v>0</v>
      </c>
      <c r="IO25" s="119">
        <v>0</v>
      </c>
      <c r="IP25" s="119">
        <v>87345</v>
      </c>
      <c r="IQ25" s="119">
        <v>0</v>
      </c>
      <c r="IR25" s="119">
        <v>0</v>
      </c>
      <c r="IS25" s="119">
        <v>0</v>
      </c>
      <c r="IT25" s="141">
        <v>87345</v>
      </c>
      <c r="IU25" s="320">
        <v>87345</v>
      </c>
      <c r="IV25" s="142">
        <v>0</v>
      </c>
      <c r="IW25" s="119">
        <v>0</v>
      </c>
      <c r="IX25" s="120">
        <v>0</v>
      </c>
      <c r="IY25" s="144">
        <v>0</v>
      </c>
      <c r="IZ25" s="119">
        <v>0</v>
      </c>
      <c r="JA25" s="119">
        <v>0</v>
      </c>
      <c r="JB25" s="119">
        <v>0</v>
      </c>
      <c r="JC25" s="119">
        <v>0</v>
      </c>
      <c r="JD25" s="119">
        <v>0</v>
      </c>
      <c r="JE25" s="120">
        <v>0</v>
      </c>
      <c r="JF25" s="121">
        <v>0</v>
      </c>
      <c r="JG25" s="142">
        <v>0</v>
      </c>
      <c r="JH25" s="119">
        <v>0</v>
      </c>
      <c r="JI25" s="141">
        <v>0</v>
      </c>
      <c r="JJ25" s="118">
        <v>0</v>
      </c>
      <c r="JK25" s="119">
        <v>93600</v>
      </c>
      <c r="JL25" s="119">
        <v>213820</v>
      </c>
      <c r="JM25" s="119">
        <v>0</v>
      </c>
      <c r="JN25" s="119">
        <v>0</v>
      </c>
      <c r="JO25" s="119">
        <v>0</v>
      </c>
      <c r="JP25" s="120">
        <v>307420</v>
      </c>
      <c r="JQ25" s="320">
        <v>307420</v>
      </c>
      <c r="JR25" s="142">
        <v>0</v>
      </c>
      <c r="JS25" s="119">
        <v>0</v>
      </c>
      <c r="JT25" s="141">
        <v>0</v>
      </c>
      <c r="JU25" s="118">
        <v>0</v>
      </c>
      <c r="JV25" s="119">
        <v>20580</v>
      </c>
      <c r="JW25" s="119">
        <v>0</v>
      </c>
      <c r="JX25" s="119">
        <v>0</v>
      </c>
      <c r="JY25" s="119">
        <v>0</v>
      </c>
      <c r="JZ25" s="119">
        <v>144538</v>
      </c>
      <c r="KA25" s="120">
        <v>165118</v>
      </c>
      <c r="KB25" s="320">
        <v>165118</v>
      </c>
      <c r="KC25" s="234">
        <v>0</v>
      </c>
      <c r="KD25" s="230">
        <v>64157</v>
      </c>
      <c r="KE25" s="120">
        <v>64157</v>
      </c>
      <c r="KF25" s="118">
        <v>0</v>
      </c>
      <c r="KG25" s="119">
        <v>93132</v>
      </c>
      <c r="KH25" s="119">
        <v>0</v>
      </c>
      <c r="KI25" s="119">
        <v>381217</v>
      </c>
      <c r="KJ25" s="119">
        <v>0</v>
      </c>
      <c r="KK25" s="119">
        <v>0</v>
      </c>
      <c r="KL25" s="120">
        <v>474349</v>
      </c>
      <c r="KM25" s="143">
        <v>538506</v>
      </c>
      <c r="KN25" s="232">
        <v>0</v>
      </c>
      <c r="KO25" s="236">
        <v>0</v>
      </c>
      <c r="KP25" s="237">
        <v>0</v>
      </c>
      <c r="KQ25" s="140">
        <v>0</v>
      </c>
      <c r="KR25" s="119">
        <v>189658</v>
      </c>
      <c r="KS25" s="119">
        <v>197774</v>
      </c>
      <c r="KT25" s="119">
        <v>205314</v>
      </c>
      <c r="KU25" s="119">
        <v>0</v>
      </c>
      <c r="KV25" s="119">
        <v>218166</v>
      </c>
      <c r="KW25" s="120">
        <v>810912</v>
      </c>
      <c r="KX25" s="320">
        <v>810912</v>
      </c>
      <c r="KY25" s="142">
        <v>0</v>
      </c>
      <c r="KZ25" s="119">
        <v>0</v>
      </c>
      <c r="LA25" s="120">
        <v>0</v>
      </c>
      <c r="LB25" s="145">
        <v>0</v>
      </c>
      <c r="LC25" s="119">
        <v>0</v>
      </c>
      <c r="LD25" s="119">
        <v>0</v>
      </c>
      <c r="LE25" s="119">
        <v>0</v>
      </c>
      <c r="LF25" s="119">
        <v>0</v>
      </c>
      <c r="LG25" s="119">
        <v>0</v>
      </c>
      <c r="LH25" s="120">
        <v>0</v>
      </c>
      <c r="LI25" s="121">
        <v>0</v>
      </c>
      <c r="LJ25" s="142">
        <v>0</v>
      </c>
      <c r="LK25" s="119">
        <v>0</v>
      </c>
      <c r="LL25" s="120">
        <v>0</v>
      </c>
      <c r="LM25" s="145">
        <v>0</v>
      </c>
      <c r="LN25" s="119">
        <v>0</v>
      </c>
      <c r="LO25" s="119">
        <v>0</v>
      </c>
      <c r="LP25" s="119">
        <v>0</v>
      </c>
      <c r="LQ25" s="119">
        <v>0</v>
      </c>
      <c r="LR25" s="119">
        <v>0</v>
      </c>
      <c r="LS25" s="120">
        <v>0</v>
      </c>
      <c r="LT25" s="320">
        <v>0</v>
      </c>
      <c r="LU25" s="142">
        <v>0</v>
      </c>
      <c r="LV25" s="119">
        <v>0</v>
      </c>
      <c r="LW25" s="120">
        <v>0</v>
      </c>
      <c r="LX25" s="145">
        <v>0</v>
      </c>
      <c r="LY25" s="119">
        <v>0</v>
      </c>
      <c r="LZ25" s="119">
        <v>0</v>
      </c>
      <c r="MA25" s="119">
        <v>0</v>
      </c>
      <c r="MB25" s="119">
        <v>0</v>
      </c>
      <c r="MC25" s="119">
        <v>0</v>
      </c>
      <c r="MD25" s="120">
        <v>0</v>
      </c>
      <c r="ME25" s="121">
        <v>0</v>
      </c>
      <c r="MF25" s="142">
        <v>0</v>
      </c>
      <c r="MG25" s="119">
        <v>0</v>
      </c>
      <c r="MH25" s="120">
        <v>0</v>
      </c>
      <c r="MI25" s="145">
        <v>0</v>
      </c>
      <c r="MJ25" s="119">
        <v>342286</v>
      </c>
      <c r="MK25" s="119">
        <v>685503</v>
      </c>
      <c r="ML25" s="119">
        <v>226545</v>
      </c>
      <c r="MM25" s="119">
        <v>1967350</v>
      </c>
      <c r="MN25" s="119">
        <v>1176765</v>
      </c>
      <c r="MO25" s="120">
        <v>4398449</v>
      </c>
      <c r="MP25" s="143">
        <v>4398449</v>
      </c>
      <c r="MQ25" s="142">
        <v>0</v>
      </c>
      <c r="MR25" s="119">
        <v>0</v>
      </c>
      <c r="MS25" s="120">
        <v>0</v>
      </c>
      <c r="MT25" s="145">
        <v>0</v>
      </c>
      <c r="MU25" s="119">
        <v>0</v>
      </c>
      <c r="MV25" s="119">
        <v>199058</v>
      </c>
      <c r="MW25" s="119">
        <v>0</v>
      </c>
      <c r="MX25" s="119">
        <v>1284628</v>
      </c>
      <c r="MY25" s="119">
        <v>1176765</v>
      </c>
      <c r="MZ25" s="120">
        <v>2660451</v>
      </c>
      <c r="NA25" s="143">
        <v>2660451</v>
      </c>
      <c r="NB25" s="142">
        <v>0</v>
      </c>
      <c r="NC25" s="119">
        <v>0</v>
      </c>
      <c r="ND25" s="120">
        <v>0</v>
      </c>
      <c r="NE25" s="145">
        <v>0</v>
      </c>
      <c r="NF25" s="119">
        <v>342286</v>
      </c>
      <c r="NG25" s="119">
        <v>486445</v>
      </c>
      <c r="NH25" s="119">
        <v>226545</v>
      </c>
      <c r="NI25" s="119">
        <v>682722</v>
      </c>
      <c r="NJ25" s="119">
        <v>0</v>
      </c>
      <c r="NK25" s="120">
        <v>1737998</v>
      </c>
      <c r="NL25" s="320">
        <v>1737998</v>
      </c>
      <c r="NM25" s="142">
        <v>0</v>
      </c>
      <c r="NN25" s="119">
        <v>0</v>
      </c>
      <c r="NO25" s="120">
        <v>0</v>
      </c>
      <c r="NP25" s="145">
        <v>0</v>
      </c>
      <c r="NQ25" s="119">
        <v>0</v>
      </c>
      <c r="NR25" s="119">
        <v>0</v>
      </c>
      <c r="NS25" s="119">
        <v>0</v>
      </c>
      <c r="NT25" s="119">
        <v>0</v>
      </c>
      <c r="NU25" s="119">
        <v>0</v>
      </c>
      <c r="NV25" s="120">
        <v>0</v>
      </c>
      <c r="NW25" s="121">
        <v>0</v>
      </c>
      <c r="NX25" s="142">
        <v>0</v>
      </c>
      <c r="NY25" s="119">
        <v>0</v>
      </c>
      <c r="NZ25" s="120">
        <v>0</v>
      </c>
      <c r="OA25" s="145">
        <v>0</v>
      </c>
      <c r="OB25" s="119">
        <v>0</v>
      </c>
      <c r="OC25" s="119">
        <v>0</v>
      </c>
      <c r="OD25" s="119">
        <v>0</v>
      </c>
      <c r="OE25" s="119">
        <v>0</v>
      </c>
      <c r="OF25" s="119">
        <v>0</v>
      </c>
      <c r="OG25" s="120">
        <v>0</v>
      </c>
      <c r="OH25" s="121">
        <v>0</v>
      </c>
      <c r="OI25" s="142">
        <v>253840</v>
      </c>
      <c r="OJ25" s="119">
        <v>455713</v>
      </c>
      <c r="OK25" s="141">
        <v>709553</v>
      </c>
      <c r="OL25" s="118">
        <v>0</v>
      </c>
      <c r="OM25" s="119">
        <v>2739427</v>
      </c>
      <c r="ON25" s="119">
        <v>4657428</v>
      </c>
      <c r="OO25" s="119">
        <v>3872282</v>
      </c>
      <c r="OP25" s="119">
        <v>4591005</v>
      </c>
      <c r="OQ25" s="119">
        <v>3418051</v>
      </c>
      <c r="OR25" s="120">
        <v>19278193</v>
      </c>
      <c r="OS25" s="143">
        <v>19987746</v>
      </c>
    </row>
    <row r="26" spans="2:409" ht="21" customHeight="1" x14ac:dyDescent="0.2">
      <c r="B26" s="126" t="s">
        <v>21</v>
      </c>
      <c r="C26" s="110">
        <v>258618</v>
      </c>
      <c r="D26" s="114">
        <v>292859</v>
      </c>
      <c r="E26" s="113">
        <v>551477</v>
      </c>
      <c r="F26" s="109">
        <v>0</v>
      </c>
      <c r="G26" s="114">
        <v>2359026</v>
      </c>
      <c r="H26" s="114">
        <v>3465044</v>
      </c>
      <c r="I26" s="114">
        <v>3019105</v>
      </c>
      <c r="J26" s="114">
        <v>2376812</v>
      </c>
      <c r="K26" s="114">
        <v>1501702</v>
      </c>
      <c r="L26" s="173">
        <v>12721689</v>
      </c>
      <c r="M26" s="116">
        <v>13273166</v>
      </c>
      <c r="N26" s="110">
        <v>125379</v>
      </c>
      <c r="O26" s="114">
        <v>54119</v>
      </c>
      <c r="P26" s="113">
        <v>179498</v>
      </c>
      <c r="Q26" s="110">
        <v>0</v>
      </c>
      <c r="R26" s="114">
        <v>667941</v>
      </c>
      <c r="S26" s="114">
        <v>1077406</v>
      </c>
      <c r="T26" s="114">
        <v>1086798</v>
      </c>
      <c r="U26" s="114">
        <v>948737</v>
      </c>
      <c r="V26" s="114">
        <v>816543</v>
      </c>
      <c r="W26" s="113">
        <v>4597425</v>
      </c>
      <c r="X26" s="116">
        <v>4776923</v>
      </c>
      <c r="Y26" s="110">
        <v>0</v>
      </c>
      <c r="Z26" s="114">
        <v>0</v>
      </c>
      <c r="AA26" s="113">
        <v>0</v>
      </c>
      <c r="AB26" s="110">
        <v>0</v>
      </c>
      <c r="AC26" s="114">
        <v>291866</v>
      </c>
      <c r="AD26" s="114">
        <v>521249</v>
      </c>
      <c r="AE26" s="114">
        <v>493291</v>
      </c>
      <c r="AF26" s="114">
        <v>450386</v>
      </c>
      <c r="AG26" s="114">
        <v>304143</v>
      </c>
      <c r="AH26" s="113">
        <v>2060935</v>
      </c>
      <c r="AI26" s="116">
        <v>2060935</v>
      </c>
      <c r="AJ26" s="110">
        <v>0</v>
      </c>
      <c r="AK26" s="114">
        <v>0</v>
      </c>
      <c r="AL26" s="113">
        <v>0</v>
      </c>
      <c r="AM26" s="110">
        <v>0</v>
      </c>
      <c r="AN26" s="114">
        <v>0</v>
      </c>
      <c r="AO26" s="114">
        <v>0</v>
      </c>
      <c r="AP26" s="114">
        <v>41452</v>
      </c>
      <c r="AQ26" s="114">
        <v>51818</v>
      </c>
      <c r="AR26" s="114">
        <v>92074</v>
      </c>
      <c r="AS26" s="113">
        <v>185344</v>
      </c>
      <c r="AT26" s="116">
        <v>185344</v>
      </c>
      <c r="AU26" s="110">
        <v>74702</v>
      </c>
      <c r="AV26" s="114">
        <v>37284</v>
      </c>
      <c r="AW26" s="113">
        <v>111986</v>
      </c>
      <c r="AX26" s="110">
        <v>0</v>
      </c>
      <c r="AY26" s="114">
        <v>222957</v>
      </c>
      <c r="AZ26" s="114">
        <v>337538</v>
      </c>
      <c r="BA26" s="114">
        <v>366254</v>
      </c>
      <c r="BB26" s="114">
        <v>274385</v>
      </c>
      <c r="BC26" s="114">
        <v>324141</v>
      </c>
      <c r="BD26" s="113">
        <v>1525275</v>
      </c>
      <c r="BE26" s="116">
        <v>1637261</v>
      </c>
      <c r="BF26" s="110">
        <v>9097</v>
      </c>
      <c r="BG26" s="114">
        <v>0</v>
      </c>
      <c r="BH26" s="112">
        <v>9097</v>
      </c>
      <c r="BI26" s="111">
        <v>0</v>
      </c>
      <c r="BJ26" s="114">
        <v>0</v>
      </c>
      <c r="BK26" s="114">
        <v>18314</v>
      </c>
      <c r="BL26" s="114">
        <v>0</v>
      </c>
      <c r="BM26" s="114">
        <v>41052</v>
      </c>
      <c r="BN26" s="114">
        <v>28026</v>
      </c>
      <c r="BO26" s="113">
        <v>87392</v>
      </c>
      <c r="BP26" s="116">
        <v>96489</v>
      </c>
      <c r="BQ26" s="110">
        <v>41580</v>
      </c>
      <c r="BR26" s="114">
        <v>16835</v>
      </c>
      <c r="BS26" s="113">
        <v>58415</v>
      </c>
      <c r="BT26" s="110">
        <v>0</v>
      </c>
      <c r="BU26" s="114">
        <v>153118</v>
      </c>
      <c r="BV26" s="114">
        <v>200305</v>
      </c>
      <c r="BW26" s="114">
        <v>185801</v>
      </c>
      <c r="BX26" s="114">
        <v>131096</v>
      </c>
      <c r="BY26" s="114">
        <v>68159</v>
      </c>
      <c r="BZ26" s="113">
        <v>738479</v>
      </c>
      <c r="CA26" s="116">
        <v>796894</v>
      </c>
      <c r="CB26" s="110">
        <v>0</v>
      </c>
      <c r="CC26" s="114">
        <v>0</v>
      </c>
      <c r="CD26" s="113">
        <v>0</v>
      </c>
      <c r="CE26" s="110">
        <v>0</v>
      </c>
      <c r="CF26" s="114">
        <v>782422</v>
      </c>
      <c r="CG26" s="114">
        <v>771924</v>
      </c>
      <c r="CH26" s="114">
        <v>102114</v>
      </c>
      <c r="CI26" s="114">
        <v>324810</v>
      </c>
      <c r="CJ26" s="114">
        <v>312025</v>
      </c>
      <c r="CK26" s="113">
        <v>2293295</v>
      </c>
      <c r="CL26" s="116">
        <v>2293295</v>
      </c>
      <c r="CM26" s="110">
        <v>0</v>
      </c>
      <c r="CN26" s="114">
        <v>0</v>
      </c>
      <c r="CO26" s="113">
        <v>0</v>
      </c>
      <c r="CP26" s="111">
        <v>0</v>
      </c>
      <c r="CQ26" s="114">
        <v>782422</v>
      </c>
      <c r="CR26" s="114">
        <v>623884</v>
      </c>
      <c r="CS26" s="114">
        <v>102114</v>
      </c>
      <c r="CT26" s="114">
        <v>312574</v>
      </c>
      <c r="CU26" s="114">
        <v>182463</v>
      </c>
      <c r="CV26" s="113">
        <v>2003457</v>
      </c>
      <c r="CW26" s="116">
        <v>2003457</v>
      </c>
      <c r="CX26" s="110">
        <v>0</v>
      </c>
      <c r="CY26" s="114">
        <v>0</v>
      </c>
      <c r="CZ26" s="113">
        <v>0</v>
      </c>
      <c r="DA26" s="110">
        <v>0</v>
      </c>
      <c r="DB26" s="114">
        <v>0</v>
      </c>
      <c r="DC26" s="114">
        <v>148040</v>
      </c>
      <c r="DD26" s="114">
        <v>0</v>
      </c>
      <c r="DE26" s="114">
        <v>12236</v>
      </c>
      <c r="DF26" s="114">
        <v>129562</v>
      </c>
      <c r="DG26" s="113">
        <v>289838</v>
      </c>
      <c r="DH26" s="116">
        <v>289838</v>
      </c>
      <c r="DI26" s="110">
        <v>0</v>
      </c>
      <c r="DJ26" s="114">
        <v>19702</v>
      </c>
      <c r="DK26" s="112">
        <v>19702</v>
      </c>
      <c r="DL26" s="111">
        <v>0</v>
      </c>
      <c r="DM26" s="114">
        <v>150291</v>
      </c>
      <c r="DN26" s="114">
        <v>90376</v>
      </c>
      <c r="DO26" s="114">
        <v>573999</v>
      </c>
      <c r="DP26" s="114">
        <v>33741</v>
      </c>
      <c r="DQ26" s="114">
        <v>265474</v>
      </c>
      <c r="DR26" s="113">
        <v>1113881</v>
      </c>
      <c r="DS26" s="116">
        <v>1133583</v>
      </c>
      <c r="DT26" s="110">
        <v>0</v>
      </c>
      <c r="DU26" s="114">
        <v>19702</v>
      </c>
      <c r="DV26" s="113">
        <v>19702</v>
      </c>
      <c r="DW26" s="110">
        <v>0</v>
      </c>
      <c r="DX26" s="114">
        <v>150291</v>
      </c>
      <c r="DY26" s="114">
        <v>90376</v>
      </c>
      <c r="DZ26" s="114">
        <v>573999</v>
      </c>
      <c r="EA26" s="114">
        <v>33741</v>
      </c>
      <c r="EB26" s="114">
        <v>265474</v>
      </c>
      <c r="EC26" s="113">
        <v>1113881</v>
      </c>
      <c r="ED26" s="116">
        <v>1133583</v>
      </c>
      <c r="EE26" s="110">
        <v>0</v>
      </c>
      <c r="EF26" s="112">
        <v>0</v>
      </c>
      <c r="EG26" s="113">
        <v>0</v>
      </c>
      <c r="EH26" s="110">
        <v>0</v>
      </c>
      <c r="EI26" s="114">
        <v>0</v>
      </c>
      <c r="EJ26" s="114">
        <v>0</v>
      </c>
      <c r="EK26" s="114">
        <v>0</v>
      </c>
      <c r="EL26" s="114">
        <v>0</v>
      </c>
      <c r="EM26" s="114">
        <v>0</v>
      </c>
      <c r="EN26" s="112">
        <v>0</v>
      </c>
      <c r="EO26" s="116">
        <v>0</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v>0</v>
      </c>
      <c r="FE26" s="114">
        <v>0</v>
      </c>
      <c r="FF26" s="114">
        <v>0</v>
      </c>
      <c r="FG26" s="114">
        <v>0</v>
      </c>
      <c r="FH26" s="114">
        <v>0</v>
      </c>
      <c r="FI26" s="114">
        <v>0</v>
      </c>
      <c r="FJ26" s="113">
        <v>0</v>
      </c>
      <c r="FK26" s="116">
        <v>0</v>
      </c>
      <c r="FL26" s="110">
        <v>45024</v>
      </c>
      <c r="FM26" s="114">
        <v>105756</v>
      </c>
      <c r="FN26" s="113">
        <v>150780</v>
      </c>
      <c r="FO26" s="110">
        <v>0</v>
      </c>
      <c r="FP26" s="114">
        <v>57610</v>
      </c>
      <c r="FQ26" s="114">
        <v>319221</v>
      </c>
      <c r="FR26" s="114">
        <v>85876</v>
      </c>
      <c r="FS26" s="114">
        <v>156415</v>
      </c>
      <c r="FT26" s="114">
        <v>107660</v>
      </c>
      <c r="FU26" s="113">
        <v>726782</v>
      </c>
      <c r="FV26" s="116">
        <v>877562</v>
      </c>
      <c r="FW26" s="115">
        <v>45024</v>
      </c>
      <c r="FX26" s="114">
        <v>26656</v>
      </c>
      <c r="FY26" s="112">
        <v>71680</v>
      </c>
      <c r="FZ26" s="111">
        <v>0</v>
      </c>
      <c r="GA26" s="114">
        <v>57610</v>
      </c>
      <c r="GB26" s="114">
        <v>319221</v>
      </c>
      <c r="GC26" s="114">
        <v>69706</v>
      </c>
      <c r="GD26" s="114">
        <v>156415</v>
      </c>
      <c r="GE26" s="114">
        <v>107660</v>
      </c>
      <c r="GF26" s="113">
        <v>710612</v>
      </c>
      <c r="GG26" s="318">
        <v>782292</v>
      </c>
      <c r="GH26" s="115">
        <v>0</v>
      </c>
      <c r="GI26" s="114">
        <v>0</v>
      </c>
      <c r="GJ26" s="112">
        <v>0</v>
      </c>
      <c r="GK26" s="111">
        <v>0</v>
      </c>
      <c r="GL26" s="114">
        <v>0</v>
      </c>
      <c r="GM26" s="114">
        <v>0</v>
      </c>
      <c r="GN26" s="114">
        <v>16170</v>
      </c>
      <c r="GO26" s="114">
        <v>0</v>
      </c>
      <c r="GP26" s="114">
        <v>0</v>
      </c>
      <c r="GQ26" s="113">
        <v>16170</v>
      </c>
      <c r="GR26" s="116">
        <v>16170</v>
      </c>
      <c r="GS26" s="110">
        <v>0</v>
      </c>
      <c r="GT26" s="114">
        <v>79100</v>
      </c>
      <c r="GU26" s="113">
        <v>79100</v>
      </c>
      <c r="GV26" s="110">
        <v>0</v>
      </c>
      <c r="GW26" s="114">
        <v>0</v>
      </c>
      <c r="GX26" s="114">
        <v>0</v>
      </c>
      <c r="GY26" s="114">
        <v>0</v>
      </c>
      <c r="GZ26" s="114">
        <v>0</v>
      </c>
      <c r="HA26" s="114">
        <v>0</v>
      </c>
      <c r="HB26" s="112">
        <v>0</v>
      </c>
      <c r="HC26" s="116">
        <v>79100</v>
      </c>
      <c r="HD26" s="110">
        <v>88215</v>
      </c>
      <c r="HE26" s="114">
        <v>113282</v>
      </c>
      <c r="HF26" s="112">
        <v>201497</v>
      </c>
      <c r="HG26" s="111">
        <v>0</v>
      </c>
      <c r="HH26" s="114">
        <v>700762</v>
      </c>
      <c r="HI26" s="114">
        <v>1206117</v>
      </c>
      <c r="HJ26" s="114">
        <v>1170318</v>
      </c>
      <c r="HK26" s="114">
        <v>913109</v>
      </c>
      <c r="HL26" s="114">
        <v>0</v>
      </c>
      <c r="HM26" s="113">
        <v>3990306</v>
      </c>
      <c r="HN26" s="109">
        <v>4191803</v>
      </c>
      <c r="HO26" s="328">
        <v>0</v>
      </c>
      <c r="HP26" s="329">
        <v>0</v>
      </c>
      <c r="HQ26" s="330">
        <v>0</v>
      </c>
      <c r="HR26" s="331">
        <v>0</v>
      </c>
      <c r="HS26" s="329">
        <v>0</v>
      </c>
      <c r="HT26" s="329">
        <v>0</v>
      </c>
      <c r="HU26" s="329">
        <v>0</v>
      </c>
      <c r="HV26" s="329">
        <v>0</v>
      </c>
      <c r="HW26" s="329">
        <v>0</v>
      </c>
      <c r="HX26" s="332">
        <v>0</v>
      </c>
      <c r="HY26" s="333">
        <v>0</v>
      </c>
      <c r="HZ26" s="150">
        <v>0</v>
      </c>
      <c r="IA26" s="135">
        <v>0</v>
      </c>
      <c r="IB26" s="150">
        <v>0</v>
      </c>
      <c r="IC26" s="134">
        <v>0</v>
      </c>
      <c r="ID26" s="135">
        <v>628202</v>
      </c>
      <c r="IE26" s="136">
        <v>386158</v>
      </c>
      <c r="IF26" s="137">
        <v>393002</v>
      </c>
      <c r="IG26" s="135">
        <v>778083</v>
      </c>
      <c r="IH26" s="137">
        <v>211264</v>
      </c>
      <c r="II26" s="138">
        <v>2396709</v>
      </c>
      <c r="IJ26" s="150">
        <v>2396709</v>
      </c>
      <c r="IK26" s="232">
        <v>0</v>
      </c>
      <c r="IL26" s="236">
        <v>0</v>
      </c>
      <c r="IM26" s="237">
        <v>0</v>
      </c>
      <c r="IN26" s="140">
        <v>0</v>
      </c>
      <c r="IO26" s="119">
        <v>0</v>
      </c>
      <c r="IP26" s="119">
        <v>0</v>
      </c>
      <c r="IQ26" s="119">
        <v>0</v>
      </c>
      <c r="IR26" s="119">
        <v>0</v>
      </c>
      <c r="IS26" s="119">
        <v>0</v>
      </c>
      <c r="IT26" s="141">
        <v>0</v>
      </c>
      <c r="IU26" s="320">
        <v>0</v>
      </c>
      <c r="IV26" s="142">
        <v>0</v>
      </c>
      <c r="IW26" s="119">
        <v>0</v>
      </c>
      <c r="IX26" s="120">
        <v>0</v>
      </c>
      <c r="IY26" s="144">
        <v>0</v>
      </c>
      <c r="IZ26" s="119">
        <v>0</v>
      </c>
      <c r="JA26" s="119">
        <v>0</v>
      </c>
      <c r="JB26" s="119">
        <v>0</v>
      </c>
      <c r="JC26" s="119">
        <v>0</v>
      </c>
      <c r="JD26" s="119">
        <v>0</v>
      </c>
      <c r="JE26" s="120">
        <v>0</v>
      </c>
      <c r="JF26" s="121">
        <v>0</v>
      </c>
      <c r="JG26" s="142">
        <v>0</v>
      </c>
      <c r="JH26" s="119">
        <v>0</v>
      </c>
      <c r="JI26" s="141">
        <v>0</v>
      </c>
      <c r="JJ26" s="118">
        <v>0</v>
      </c>
      <c r="JK26" s="119">
        <v>347720</v>
      </c>
      <c r="JL26" s="119">
        <v>189817</v>
      </c>
      <c r="JM26" s="119">
        <v>190977</v>
      </c>
      <c r="JN26" s="119">
        <v>141372</v>
      </c>
      <c r="JO26" s="119">
        <v>0</v>
      </c>
      <c r="JP26" s="120">
        <v>869886</v>
      </c>
      <c r="JQ26" s="320">
        <v>869886</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93043</v>
      </c>
      <c r="KH26" s="119">
        <v>0</v>
      </c>
      <c r="KI26" s="119">
        <v>0</v>
      </c>
      <c r="KJ26" s="119">
        <v>223137</v>
      </c>
      <c r="KK26" s="119">
        <v>0</v>
      </c>
      <c r="KL26" s="120">
        <v>316180</v>
      </c>
      <c r="KM26" s="143">
        <v>316180</v>
      </c>
      <c r="KN26" s="232">
        <v>0</v>
      </c>
      <c r="KO26" s="236">
        <v>0</v>
      </c>
      <c r="KP26" s="237">
        <v>0</v>
      </c>
      <c r="KQ26" s="140">
        <v>0</v>
      </c>
      <c r="KR26" s="119">
        <v>187439</v>
      </c>
      <c r="KS26" s="119">
        <v>196341</v>
      </c>
      <c r="KT26" s="119">
        <v>202025</v>
      </c>
      <c r="KU26" s="119">
        <v>413574</v>
      </c>
      <c r="KV26" s="119">
        <v>211264</v>
      </c>
      <c r="KW26" s="120">
        <v>1210643</v>
      </c>
      <c r="KX26" s="320">
        <v>1210643</v>
      </c>
      <c r="KY26" s="142">
        <v>0</v>
      </c>
      <c r="KZ26" s="119">
        <v>0</v>
      </c>
      <c r="LA26" s="120">
        <v>0</v>
      </c>
      <c r="LB26" s="145">
        <v>0</v>
      </c>
      <c r="LC26" s="119">
        <v>0</v>
      </c>
      <c r="LD26" s="119">
        <v>0</v>
      </c>
      <c r="LE26" s="119">
        <v>0</v>
      </c>
      <c r="LF26" s="119">
        <v>0</v>
      </c>
      <c r="LG26" s="119">
        <v>0</v>
      </c>
      <c r="LH26" s="120">
        <v>0</v>
      </c>
      <c r="LI26" s="121">
        <v>0</v>
      </c>
      <c r="LJ26" s="142">
        <v>0</v>
      </c>
      <c r="LK26" s="119">
        <v>0</v>
      </c>
      <c r="LL26" s="120">
        <v>0</v>
      </c>
      <c r="LM26" s="145">
        <v>0</v>
      </c>
      <c r="LN26" s="119">
        <v>0</v>
      </c>
      <c r="LO26" s="119">
        <v>0</v>
      </c>
      <c r="LP26" s="119">
        <v>0</v>
      </c>
      <c r="LQ26" s="119">
        <v>0</v>
      </c>
      <c r="LR26" s="119">
        <v>0</v>
      </c>
      <c r="LS26" s="120">
        <v>0</v>
      </c>
      <c r="LT26" s="320">
        <v>0</v>
      </c>
      <c r="LU26" s="142">
        <v>0</v>
      </c>
      <c r="LV26" s="119">
        <v>0</v>
      </c>
      <c r="LW26" s="120">
        <v>0</v>
      </c>
      <c r="LX26" s="145">
        <v>0</v>
      </c>
      <c r="LY26" s="119">
        <v>0</v>
      </c>
      <c r="LZ26" s="119">
        <v>0</v>
      </c>
      <c r="MA26" s="119">
        <v>0</v>
      </c>
      <c r="MB26" s="119">
        <v>0</v>
      </c>
      <c r="MC26" s="119">
        <v>0</v>
      </c>
      <c r="MD26" s="120">
        <v>0</v>
      </c>
      <c r="ME26" s="121">
        <v>0</v>
      </c>
      <c r="MF26" s="142">
        <v>0</v>
      </c>
      <c r="MG26" s="119">
        <v>0</v>
      </c>
      <c r="MH26" s="120">
        <v>0</v>
      </c>
      <c r="MI26" s="145">
        <v>0</v>
      </c>
      <c r="MJ26" s="119">
        <v>0</v>
      </c>
      <c r="MK26" s="119">
        <v>660514</v>
      </c>
      <c r="ML26" s="119">
        <v>824001</v>
      </c>
      <c r="MM26" s="119">
        <v>1101395</v>
      </c>
      <c r="MN26" s="119">
        <v>2155486</v>
      </c>
      <c r="MO26" s="120">
        <v>4741396</v>
      </c>
      <c r="MP26" s="143">
        <v>4741396</v>
      </c>
      <c r="MQ26" s="142">
        <v>0</v>
      </c>
      <c r="MR26" s="119">
        <v>0</v>
      </c>
      <c r="MS26" s="120">
        <v>0</v>
      </c>
      <c r="MT26" s="145">
        <v>0</v>
      </c>
      <c r="MU26" s="119">
        <v>0</v>
      </c>
      <c r="MV26" s="119">
        <v>0</v>
      </c>
      <c r="MW26" s="119">
        <v>612637</v>
      </c>
      <c r="MX26" s="119">
        <v>618306</v>
      </c>
      <c r="MY26" s="119">
        <v>1333706</v>
      </c>
      <c r="MZ26" s="120">
        <v>2564649</v>
      </c>
      <c r="NA26" s="143">
        <v>2564649</v>
      </c>
      <c r="NB26" s="142">
        <v>0</v>
      </c>
      <c r="NC26" s="119">
        <v>0</v>
      </c>
      <c r="ND26" s="120">
        <v>0</v>
      </c>
      <c r="NE26" s="145">
        <v>0</v>
      </c>
      <c r="NF26" s="119">
        <v>0</v>
      </c>
      <c r="NG26" s="119">
        <v>660514</v>
      </c>
      <c r="NH26" s="119">
        <v>211364</v>
      </c>
      <c r="NI26" s="119">
        <v>483089</v>
      </c>
      <c r="NJ26" s="119">
        <v>238973</v>
      </c>
      <c r="NK26" s="120">
        <v>1593940</v>
      </c>
      <c r="NL26" s="320">
        <v>1593940</v>
      </c>
      <c r="NM26" s="142">
        <v>0</v>
      </c>
      <c r="NN26" s="119">
        <v>0</v>
      </c>
      <c r="NO26" s="120">
        <v>0</v>
      </c>
      <c r="NP26" s="145">
        <v>0</v>
      </c>
      <c r="NQ26" s="119">
        <v>0</v>
      </c>
      <c r="NR26" s="119">
        <v>0</v>
      </c>
      <c r="NS26" s="119">
        <v>0</v>
      </c>
      <c r="NT26" s="119">
        <v>0</v>
      </c>
      <c r="NU26" s="119">
        <v>0</v>
      </c>
      <c r="NV26" s="120">
        <v>0</v>
      </c>
      <c r="NW26" s="121">
        <v>0</v>
      </c>
      <c r="NX26" s="142">
        <v>0</v>
      </c>
      <c r="NY26" s="119">
        <v>0</v>
      </c>
      <c r="NZ26" s="120">
        <v>0</v>
      </c>
      <c r="OA26" s="145">
        <v>0</v>
      </c>
      <c r="OB26" s="119">
        <v>0</v>
      </c>
      <c r="OC26" s="119">
        <v>0</v>
      </c>
      <c r="OD26" s="119">
        <v>0</v>
      </c>
      <c r="OE26" s="119">
        <v>0</v>
      </c>
      <c r="OF26" s="119">
        <v>582807</v>
      </c>
      <c r="OG26" s="120">
        <v>582807</v>
      </c>
      <c r="OH26" s="121">
        <v>582807</v>
      </c>
      <c r="OI26" s="142">
        <v>258618</v>
      </c>
      <c r="OJ26" s="119">
        <v>292859</v>
      </c>
      <c r="OK26" s="141">
        <v>551477</v>
      </c>
      <c r="OL26" s="118">
        <v>0</v>
      </c>
      <c r="OM26" s="119">
        <v>2987228</v>
      </c>
      <c r="ON26" s="119">
        <v>4511716</v>
      </c>
      <c r="OO26" s="119">
        <v>4236108</v>
      </c>
      <c r="OP26" s="119">
        <v>4256290</v>
      </c>
      <c r="OQ26" s="119">
        <v>3868452</v>
      </c>
      <c r="OR26" s="120">
        <v>19859794</v>
      </c>
      <c r="OS26" s="143">
        <v>20411271</v>
      </c>
    </row>
    <row r="27" spans="2:409" ht="21" customHeight="1" x14ac:dyDescent="0.2">
      <c r="B27" s="126" t="s">
        <v>22</v>
      </c>
      <c r="C27" s="110">
        <v>69013</v>
      </c>
      <c r="D27" s="114">
        <v>56322</v>
      </c>
      <c r="E27" s="113">
        <v>125335</v>
      </c>
      <c r="F27" s="109">
        <v>0</v>
      </c>
      <c r="G27" s="114">
        <v>1060441</v>
      </c>
      <c r="H27" s="114">
        <v>1007273</v>
      </c>
      <c r="I27" s="114">
        <v>1004499</v>
      </c>
      <c r="J27" s="114">
        <v>1396411</v>
      </c>
      <c r="K27" s="114">
        <v>1541483</v>
      </c>
      <c r="L27" s="173">
        <v>6010107</v>
      </c>
      <c r="M27" s="116">
        <v>6135442</v>
      </c>
      <c r="N27" s="110">
        <v>0</v>
      </c>
      <c r="O27" s="114">
        <v>15162</v>
      </c>
      <c r="P27" s="113">
        <v>15162</v>
      </c>
      <c r="Q27" s="110">
        <v>0</v>
      </c>
      <c r="R27" s="114">
        <v>320348</v>
      </c>
      <c r="S27" s="114">
        <v>230272</v>
      </c>
      <c r="T27" s="114">
        <v>238387</v>
      </c>
      <c r="U27" s="114">
        <v>208183</v>
      </c>
      <c r="V27" s="114">
        <v>923503</v>
      </c>
      <c r="W27" s="113">
        <v>1920693</v>
      </c>
      <c r="X27" s="116">
        <v>1935855</v>
      </c>
      <c r="Y27" s="110">
        <v>0</v>
      </c>
      <c r="Z27" s="114">
        <v>0</v>
      </c>
      <c r="AA27" s="113">
        <v>0</v>
      </c>
      <c r="AB27" s="110">
        <v>0</v>
      </c>
      <c r="AC27" s="114">
        <v>101031</v>
      </c>
      <c r="AD27" s="114">
        <v>8155</v>
      </c>
      <c r="AE27" s="114">
        <v>142302</v>
      </c>
      <c r="AF27" s="114">
        <v>8421</v>
      </c>
      <c r="AG27" s="114">
        <v>336357</v>
      </c>
      <c r="AH27" s="113">
        <v>596266</v>
      </c>
      <c r="AI27" s="116">
        <v>596266</v>
      </c>
      <c r="AJ27" s="110">
        <v>0</v>
      </c>
      <c r="AK27" s="114">
        <v>0</v>
      </c>
      <c r="AL27" s="113">
        <v>0</v>
      </c>
      <c r="AM27" s="110">
        <v>0</v>
      </c>
      <c r="AN27" s="114">
        <v>0</v>
      </c>
      <c r="AO27" s="114">
        <v>0</v>
      </c>
      <c r="AP27" s="114">
        <v>0</v>
      </c>
      <c r="AQ27" s="114">
        <v>0</v>
      </c>
      <c r="AR27" s="114">
        <v>302162</v>
      </c>
      <c r="AS27" s="113">
        <v>302162</v>
      </c>
      <c r="AT27" s="116">
        <v>302162</v>
      </c>
      <c r="AU27" s="110">
        <v>0</v>
      </c>
      <c r="AV27" s="114">
        <v>15162</v>
      </c>
      <c r="AW27" s="113">
        <v>15162</v>
      </c>
      <c r="AX27" s="110">
        <v>0</v>
      </c>
      <c r="AY27" s="114">
        <v>116977</v>
      </c>
      <c r="AZ27" s="114">
        <v>148841</v>
      </c>
      <c r="BA27" s="114">
        <v>60609</v>
      </c>
      <c r="BB27" s="114">
        <v>83905</v>
      </c>
      <c r="BC27" s="114">
        <v>276584</v>
      </c>
      <c r="BD27" s="113">
        <v>686916</v>
      </c>
      <c r="BE27" s="116">
        <v>702078</v>
      </c>
      <c r="BF27" s="110">
        <v>0</v>
      </c>
      <c r="BG27" s="114">
        <v>0</v>
      </c>
      <c r="BH27" s="112">
        <v>0</v>
      </c>
      <c r="BI27" s="111">
        <v>0</v>
      </c>
      <c r="BJ27" s="114">
        <v>53536</v>
      </c>
      <c r="BK27" s="114">
        <v>53536</v>
      </c>
      <c r="BL27" s="114">
        <v>0</v>
      </c>
      <c r="BM27" s="114">
        <v>53536</v>
      </c>
      <c r="BN27" s="114">
        <v>0</v>
      </c>
      <c r="BO27" s="113">
        <v>160608</v>
      </c>
      <c r="BP27" s="116">
        <v>160608</v>
      </c>
      <c r="BQ27" s="110">
        <v>0</v>
      </c>
      <c r="BR27" s="114">
        <v>0</v>
      </c>
      <c r="BS27" s="113">
        <v>0</v>
      </c>
      <c r="BT27" s="110">
        <v>0</v>
      </c>
      <c r="BU27" s="114">
        <v>48804</v>
      </c>
      <c r="BV27" s="114">
        <v>19740</v>
      </c>
      <c r="BW27" s="114">
        <v>35476</v>
      </c>
      <c r="BX27" s="114">
        <v>62321</v>
      </c>
      <c r="BY27" s="114">
        <v>8400</v>
      </c>
      <c r="BZ27" s="113">
        <v>174741</v>
      </c>
      <c r="CA27" s="116">
        <v>174741</v>
      </c>
      <c r="CB27" s="110">
        <v>16226</v>
      </c>
      <c r="CC27" s="114">
        <v>0</v>
      </c>
      <c r="CD27" s="113">
        <v>16226</v>
      </c>
      <c r="CE27" s="110">
        <v>0</v>
      </c>
      <c r="CF27" s="114">
        <v>426225</v>
      </c>
      <c r="CG27" s="114">
        <v>115544</v>
      </c>
      <c r="CH27" s="114">
        <v>190062</v>
      </c>
      <c r="CI27" s="114">
        <v>353157</v>
      </c>
      <c r="CJ27" s="114">
        <v>124047</v>
      </c>
      <c r="CK27" s="113">
        <v>1209035</v>
      </c>
      <c r="CL27" s="116">
        <v>1225261</v>
      </c>
      <c r="CM27" s="110">
        <v>0</v>
      </c>
      <c r="CN27" s="114">
        <v>0</v>
      </c>
      <c r="CO27" s="113">
        <v>0</v>
      </c>
      <c r="CP27" s="111">
        <v>0</v>
      </c>
      <c r="CQ27" s="114">
        <v>379474</v>
      </c>
      <c r="CR27" s="114">
        <v>91469</v>
      </c>
      <c r="CS27" s="114">
        <v>100734</v>
      </c>
      <c r="CT27" s="114">
        <v>279727</v>
      </c>
      <c r="CU27" s="114">
        <v>124047</v>
      </c>
      <c r="CV27" s="113">
        <v>975451</v>
      </c>
      <c r="CW27" s="116">
        <v>975451</v>
      </c>
      <c r="CX27" s="110">
        <v>16226</v>
      </c>
      <c r="CY27" s="114">
        <v>0</v>
      </c>
      <c r="CZ27" s="113">
        <v>16226</v>
      </c>
      <c r="DA27" s="110">
        <v>0</v>
      </c>
      <c r="DB27" s="114">
        <v>46751</v>
      </c>
      <c r="DC27" s="114">
        <v>24075</v>
      </c>
      <c r="DD27" s="114">
        <v>89328</v>
      </c>
      <c r="DE27" s="114">
        <v>73430</v>
      </c>
      <c r="DF27" s="114">
        <v>0</v>
      </c>
      <c r="DG27" s="113">
        <v>233584</v>
      </c>
      <c r="DH27" s="116">
        <v>249810</v>
      </c>
      <c r="DI27" s="110">
        <v>0</v>
      </c>
      <c r="DJ27" s="114">
        <v>0</v>
      </c>
      <c r="DK27" s="112">
        <v>0</v>
      </c>
      <c r="DL27" s="111">
        <v>0</v>
      </c>
      <c r="DM27" s="114">
        <v>13750</v>
      </c>
      <c r="DN27" s="114">
        <v>73310</v>
      </c>
      <c r="DO27" s="114">
        <v>208030</v>
      </c>
      <c r="DP27" s="114">
        <v>91071</v>
      </c>
      <c r="DQ27" s="114">
        <v>163138</v>
      </c>
      <c r="DR27" s="113">
        <v>549299</v>
      </c>
      <c r="DS27" s="116">
        <v>549299</v>
      </c>
      <c r="DT27" s="110">
        <v>0</v>
      </c>
      <c r="DU27" s="114">
        <v>0</v>
      </c>
      <c r="DV27" s="113">
        <v>0</v>
      </c>
      <c r="DW27" s="110">
        <v>0</v>
      </c>
      <c r="DX27" s="114">
        <v>13750</v>
      </c>
      <c r="DY27" s="114">
        <v>73310</v>
      </c>
      <c r="DZ27" s="114">
        <v>171309</v>
      </c>
      <c r="EA27" s="114">
        <v>91071</v>
      </c>
      <c r="EB27" s="114">
        <v>163138</v>
      </c>
      <c r="EC27" s="113">
        <v>512578</v>
      </c>
      <c r="ED27" s="116">
        <v>512578</v>
      </c>
      <c r="EE27" s="110">
        <v>0</v>
      </c>
      <c r="EF27" s="112">
        <v>0</v>
      </c>
      <c r="EG27" s="113">
        <v>0</v>
      </c>
      <c r="EH27" s="110">
        <v>0</v>
      </c>
      <c r="EI27" s="114">
        <v>0</v>
      </c>
      <c r="EJ27" s="114">
        <v>0</v>
      </c>
      <c r="EK27" s="114">
        <v>36721</v>
      </c>
      <c r="EL27" s="114">
        <v>0</v>
      </c>
      <c r="EM27" s="114">
        <v>0</v>
      </c>
      <c r="EN27" s="112">
        <v>36721</v>
      </c>
      <c r="EO27" s="116">
        <v>36721</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v>0</v>
      </c>
      <c r="FE27" s="114">
        <v>0</v>
      </c>
      <c r="FF27" s="114">
        <v>0</v>
      </c>
      <c r="FG27" s="114">
        <v>0</v>
      </c>
      <c r="FH27" s="114">
        <v>0</v>
      </c>
      <c r="FI27" s="114">
        <v>0</v>
      </c>
      <c r="FJ27" s="113">
        <v>0</v>
      </c>
      <c r="FK27" s="116">
        <v>0</v>
      </c>
      <c r="FL27" s="110">
        <v>10990</v>
      </c>
      <c r="FM27" s="114">
        <v>41160</v>
      </c>
      <c r="FN27" s="113">
        <v>52150</v>
      </c>
      <c r="FO27" s="110">
        <v>0</v>
      </c>
      <c r="FP27" s="114">
        <v>56560</v>
      </c>
      <c r="FQ27" s="114">
        <v>25025</v>
      </c>
      <c r="FR27" s="114">
        <v>54170</v>
      </c>
      <c r="FS27" s="114">
        <v>70980</v>
      </c>
      <c r="FT27" s="114">
        <v>142961</v>
      </c>
      <c r="FU27" s="113">
        <v>349696</v>
      </c>
      <c r="FV27" s="116">
        <v>401846</v>
      </c>
      <c r="FW27" s="115">
        <v>10990</v>
      </c>
      <c r="FX27" s="114">
        <v>41160</v>
      </c>
      <c r="FY27" s="112">
        <v>52150</v>
      </c>
      <c r="FZ27" s="111">
        <v>0</v>
      </c>
      <c r="GA27" s="114">
        <v>56560</v>
      </c>
      <c r="GB27" s="114">
        <v>25025</v>
      </c>
      <c r="GC27" s="114">
        <v>72170</v>
      </c>
      <c r="GD27" s="114">
        <v>70980</v>
      </c>
      <c r="GE27" s="114">
        <v>142961</v>
      </c>
      <c r="GF27" s="113">
        <v>367696</v>
      </c>
      <c r="GG27" s="318">
        <v>419846</v>
      </c>
      <c r="GH27" s="115">
        <v>0</v>
      </c>
      <c r="GI27" s="114">
        <v>0</v>
      </c>
      <c r="GJ27" s="112">
        <v>0</v>
      </c>
      <c r="GK27" s="111">
        <v>0</v>
      </c>
      <c r="GL27" s="114">
        <v>0</v>
      </c>
      <c r="GM27" s="114">
        <v>0</v>
      </c>
      <c r="GN27" s="114">
        <v>-18000</v>
      </c>
      <c r="GO27" s="114">
        <v>0</v>
      </c>
      <c r="GP27" s="114">
        <v>0</v>
      </c>
      <c r="GQ27" s="113">
        <v>-18000</v>
      </c>
      <c r="GR27" s="116">
        <v>-18000</v>
      </c>
      <c r="GS27" s="110">
        <v>0</v>
      </c>
      <c r="GT27" s="114">
        <v>0</v>
      </c>
      <c r="GU27" s="113">
        <v>0</v>
      </c>
      <c r="GV27" s="110">
        <v>0</v>
      </c>
      <c r="GW27" s="114">
        <v>0</v>
      </c>
      <c r="GX27" s="114">
        <v>0</v>
      </c>
      <c r="GY27" s="114">
        <v>0</v>
      </c>
      <c r="GZ27" s="114">
        <v>0</v>
      </c>
      <c r="HA27" s="114">
        <v>0</v>
      </c>
      <c r="HB27" s="112">
        <v>0</v>
      </c>
      <c r="HC27" s="116">
        <v>0</v>
      </c>
      <c r="HD27" s="110">
        <v>41797</v>
      </c>
      <c r="HE27" s="114">
        <v>0</v>
      </c>
      <c r="HF27" s="112">
        <v>41797</v>
      </c>
      <c r="HG27" s="111">
        <v>0</v>
      </c>
      <c r="HH27" s="114">
        <v>243558</v>
      </c>
      <c r="HI27" s="114">
        <v>563122</v>
      </c>
      <c r="HJ27" s="114">
        <v>313850</v>
      </c>
      <c r="HK27" s="114">
        <v>673020</v>
      </c>
      <c r="HL27" s="114">
        <v>187834</v>
      </c>
      <c r="HM27" s="113">
        <v>1981384</v>
      </c>
      <c r="HN27" s="109">
        <v>2023181</v>
      </c>
      <c r="HO27" s="328">
        <v>0</v>
      </c>
      <c r="HP27" s="329">
        <v>0</v>
      </c>
      <c r="HQ27" s="330">
        <v>0</v>
      </c>
      <c r="HR27" s="331">
        <v>0</v>
      </c>
      <c r="HS27" s="329">
        <v>0</v>
      </c>
      <c r="HT27" s="329">
        <v>0</v>
      </c>
      <c r="HU27" s="329">
        <v>0</v>
      </c>
      <c r="HV27" s="329">
        <v>0</v>
      </c>
      <c r="HW27" s="329">
        <v>0</v>
      </c>
      <c r="HX27" s="332">
        <v>0</v>
      </c>
      <c r="HY27" s="333">
        <v>0</v>
      </c>
      <c r="HZ27" s="131">
        <v>0</v>
      </c>
      <c r="IA27" s="132">
        <v>107737</v>
      </c>
      <c r="IB27" s="133">
        <v>107737</v>
      </c>
      <c r="IC27" s="146">
        <v>0</v>
      </c>
      <c r="ID27" s="132">
        <v>704109</v>
      </c>
      <c r="IE27" s="147">
        <v>530138</v>
      </c>
      <c r="IF27" s="133">
        <v>214382</v>
      </c>
      <c r="IG27" s="132">
        <v>0</v>
      </c>
      <c r="IH27" s="133">
        <v>0</v>
      </c>
      <c r="II27" s="148">
        <v>1448629</v>
      </c>
      <c r="IJ27" s="139">
        <v>1556366</v>
      </c>
      <c r="IK27" s="232">
        <v>0</v>
      </c>
      <c r="IL27" s="236">
        <v>0</v>
      </c>
      <c r="IM27" s="237">
        <v>0</v>
      </c>
      <c r="IN27" s="140">
        <v>0</v>
      </c>
      <c r="IO27" s="119">
        <v>103229</v>
      </c>
      <c r="IP27" s="119">
        <v>72121</v>
      </c>
      <c r="IQ27" s="119">
        <v>148834</v>
      </c>
      <c r="IR27" s="119">
        <v>0</v>
      </c>
      <c r="IS27" s="119">
        <v>0</v>
      </c>
      <c r="IT27" s="141">
        <v>324184</v>
      </c>
      <c r="IU27" s="320">
        <v>324184</v>
      </c>
      <c r="IV27" s="142">
        <v>0</v>
      </c>
      <c r="IW27" s="119">
        <v>0</v>
      </c>
      <c r="IX27" s="120">
        <v>0</v>
      </c>
      <c r="IY27" s="144">
        <v>0</v>
      </c>
      <c r="IZ27" s="119">
        <v>0</v>
      </c>
      <c r="JA27" s="119">
        <v>0</v>
      </c>
      <c r="JB27" s="119">
        <v>0</v>
      </c>
      <c r="JC27" s="119">
        <v>0</v>
      </c>
      <c r="JD27" s="119">
        <v>0</v>
      </c>
      <c r="JE27" s="120">
        <v>0</v>
      </c>
      <c r="JF27" s="121">
        <v>0</v>
      </c>
      <c r="JG27" s="142">
        <v>0</v>
      </c>
      <c r="JH27" s="119">
        <v>0</v>
      </c>
      <c r="JI27" s="141">
        <v>0</v>
      </c>
      <c r="JJ27" s="118">
        <v>0</v>
      </c>
      <c r="JK27" s="119">
        <v>245714</v>
      </c>
      <c r="JL27" s="119">
        <v>58464</v>
      </c>
      <c r="JM27" s="119">
        <v>0</v>
      </c>
      <c r="JN27" s="119">
        <v>0</v>
      </c>
      <c r="JO27" s="119">
        <v>0</v>
      </c>
      <c r="JP27" s="120">
        <v>304178</v>
      </c>
      <c r="JQ27" s="320">
        <v>304178</v>
      </c>
      <c r="JR27" s="142">
        <v>0</v>
      </c>
      <c r="JS27" s="119">
        <v>0</v>
      </c>
      <c r="JT27" s="141">
        <v>0</v>
      </c>
      <c r="JU27" s="118">
        <v>0</v>
      </c>
      <c r="JV27" s="119">
        <v>0</v>
      </c>
      <c r="JW27" s="119">
        <v>0</v>
      </c>
      <c r="JX27" s="119">
        <v>65548</v>
      </c>
      <c r="JY27" s="119">
        <v>0</v>
      </c>
      <c r="JZ27" s="119">
        <v>0</v>
      </c>
      <c r="KA27" s="120">
        <v>65548</v>
      </c>
      <c r="KB27" s="320">
        <v>65548</v>
      </c>
      <c r="KC27" s="234">
        <v>0</v>
      </c>
      <c r="KD27" s="230">
        <v>107737</v>
      </c>
      <c r="KE27" s="120">
        <v>107737</v>
      </c>
      <c r="KF27" s="118">
        <v>0</v>
      </c>
      <c r="KG27" s="119">
        <v>167895</v>
      </c>
      <c r="KH27" s="119">
        <v>399553</v>
      </c>
      <c r="KI27" s="119">
        <v>0</v>
      </c>
      <c r="KJ27" s="119">
        <v>0</v>
      </c>
      <c r="KK27" s="119">
        <v>0</v>
      </c>
      <c r="KL27" s="120">
        <v>567448</v>
      </c>
      <c r="KM27" s="143">
        <v>675185</v>
      </c>
      <c r="KN27" s="232">
        <v>0</v>
      </c>
      <c r="KO27" s="236">
        <v>0</v>
      </c>
      <c r="KP27" s="237">
        <v>0</v>
      </c>
      <c r="KQ27" s="140">
        <v>0</v>
      </c>
      <c r="KR27" s="119">
        <v>187271</v>
      </c>
      <c r="KS27" s="119">
        <v>0</v>
      </c>
      <c r="KT27" s="119">
        <v>0</v>
      </c>
      <c r="KU27" s="119">
        <v>0</v>
      </c>
      <c r="KV27" s="119">
        <v>0</v>
      </c>
      <c r="KW27" s="120">
        <v>187271</v>
      </c>
      <c r="KX27" s="320">
        <v>187271</v>
      </c>
      <c r="KY27" s="142">
        <v>0</v>
      </c>
      <c r="KZ27" s="119">
        <v>0</v>
      </c>
      <c r="LA27" s="120">
        <v>0</v>
      </c>
      <c r="LB27" s="145">
        <v>0</v>
      </c>
      <c r="LC27" s="119">
        <v>0</v>
      </c>
      <c r="LD27" s="119">
        <v>0</v>
      </c>
      <c r="LE27" s="119">
        <v>0</v>
      </c>
      <c r="LF27" s="119">
        <v>0</v>
      </c>
      <c r="LG27" s="119">
        <v>0</v>
      </c>
      <c r="LH27" s="120">
        <v>0</v>
      </c>
      <c r="LI27" s="121">
        <v>0</v>
      </c>
      <c r="LJ27" s="142">
        <v>0</v>
      </c>
      <c r="LK27" s="119">
        <v>0</v>
      </c>
      <c r="LL27" s="120">
        <v>0</v>
      </c>
      <c r="LM27" s="145">
        <v>0</v>
      </c>
      <c r="LN27" s="119">
        <v>0</v>
      </c>
      <c r="LO27" s="119">
        <v>0</v>
      </c>
      <c r="LP27" s="119">
        <v>0</v>
      </c>
      <c r="LQ27" s="119">
        <v>0</v>
      </c>
      <c r="LR27" s="119">
        <v>0</v>
      </c>
      <c r="LS27" s="120">
        <v>0</v>
      </c>
      <c r="LT27" s="320">
        <v>0</v>
      </c>
      <c r="LU27" s="142">
        <v>0</v>
      </c>
      <c r="LV27" s="119">
        <v>0</v>
      </c>
      <c r="LW27" s="120">
        <v>0</v>
      </c>
      <c r="LX27" s="145">
        <v>0</v>
      </c>
      <c r="LY27" s="119">
        <v>0</v>
      </c>
      <c r="LZ27" s="119">
        <v>0</v>
      </c>
      <c r="MA27" s="119">
        <v>0</v>
      </c>
      <c r="MB27" s="119">
        <v>0</v>
      </c>
      <c r="MC27" s="119">
        <v>0</v>
      </c>
      <c r="MD27" s="120">
        <v>0</v>
      </c>
      <c r="ME27" s="121">
        <v>0</v>
      </c>
      <c r="MF27" s="142">
        <v>0</v>
      </c>
      <c r="MG27" s="119">
        <v>0</v>
      </c>
      <c r="MH27" s="120">
        <v>0</v>
      </c>
      <c r="MI27" s="145">
        <v>0</v>
      </c>
      <c r="MJ27" s="119">
        <v>181558</v>
      </c>
      <c r="MK27" s="119">
        <v>0</v>
      </c>
      <c r="ML27" s="119">
        <v>411248</v>
      </c>
      <c r="MM27" s="119">
        <v>418901</v>
      </c>
      <c r="MN27" s="119">
        <v>222467</v>
      </c>
      <c r="MO27" s="120">
        <v>1234174</v>
      </c>
      <c r="MP27" s="143">
        <v>1234174</v>
      </c>
      <c r="MQ27" s="142">
        <v>0</v>
      </c>
      <c r="MR27" s="119">
        <v>0</v>
      </c>
      <c r="MS27" s="120">
        <v>0</v>
      </c>
      <c r="MT27" s="145">
        <v>0</v>
      </c>
      <c r="MU27" s="119">
        <v>0</v>
      </c>
      <c r="MV27" s="119">
        <v>0</v>
      </c>
      <c r="MW27" s="119">
        <v>0</v>
      </c>
      <c r="MX27" s="119">
        <v>418901</v>
      </c>
      <c r="MY27" s="119">
        <v>222467</v>
      </c>
      <c r="MZ27" s="120">
        <v>641368</v>
      </c>
      <c r="NA27" s="143">
        <v>641368</v>
      </c>
      <c r="NB27" s="142">
        <v>0</v>
      </c>
      <c r="NC27" s="119">
        <v>0</v>
      </c>
      <c r="ND27" s="120">
        <v>0</v>
      </c>
      <c r="NE27" s="145">
        <v>0</v>
      </c>
      <c r="NF27" s="119">
        <v>181558</v>
      </c>
      <c r="NG27" s="119">
        <v>0</v>
      </c>
      <c r="NH27" s="119">
        <v>411248</v>
      </c>
      <c r="NI27" s="119">
        <v>0</v>
      </c>
      <c r="NJ27" s="119">
        <v>0</v>
      </c>
      <c r="NK27" s="120">
        <v>592806</v>
      </c>
      <c r="NL27" s="320">
        <v>592806</v>
      </c>
      <c r="NM27" s="142">
        <v>0</v>
      </c>
      <c r="NN27" s="119">
        <v>0</v>
      </c>
      <c r="NO27" s="120">
        <v>0</v>
      </c>
      <c r="NP27" s="145">
        <v>0</v>
      </c>
      <c r="NQ27" s="119">
        <v>0</v>
      </c>
      <c r="NR27" s="119">
        <v>0</v>
      </c>
      <c r="NS27" s="119">
        <v>0</v>
      </c>
      <c r="NT27" s="119">
        <v>0</v>
      </c>
      <c r="NU27" s="119">
        <v>0</v>
      </c>
      <c r="NV27" s="120">
        <v>0</v>
      </c>
      <c r="NW27" s="121">
        <v>0</v>
      </c>
      <c r="NX27" s="142">
        <v>0</v>
      </c>
      <c r="NY27" s="119">
        <v>0</v>
      </c>
      <c r="NZ27" s="120">
        <v>0</v>
      </c>
      <c r="OA27" s="145">
        <v>0</v>
      </c>
      <c r="OB27" s="119">
        <v>0</v>
      </c>
      <c r="OC27" s="119">
        <v>0</v>
      </c>
      <c r="OD27" s="119">
        <v>0</v>
      </c>
      <c r="OE27" s="119">
        <v>0</v>
      </c>
      <c r="OF27" s="119">
        <v>0</v>
      </c>
      <c r="OG27" s="120">
        <v>0</v>
      </c>
      <c r="OH27" s="121">
        <v>0</v>
      </c>
      <c r="OI27" s="142">
        <v>69013</v>
      </c>
      <c r="OJ27" s="119">
        <v>164059</v>
      </c>
      <c r="OK27" s="141">
        <v>233072</v>
      </c>
      <c r="OL27" s="118">
        <v>0</v>
      </c>
      <c r="OM27" s="119">
        <v>1946108</v>
      </c>
      <c r="ON27" s="119">
        <v>1537411</v>
      </c>
      <c r="OO27" s="119">
        <v>1630129</v>
      </c>
      <c r="OP27" s="119">
        <v>1815312</v>
      </c>
      <c r="OQ27" s="119">
        <v>1763950</v>
      </c>
      <c r="OR27" s="120">
        <v>8692910</v>
      </c>
      <c r="OS27" s="143">
        <v>8925982</v>
      </c>
    </row>
    <row r="28" spans="2:409" ht="21" customHeight="1" x14ac:dyDescent="0.2">
      <c r="B28" s="126" t="s">
        <v>23</v>
      </c>
      <c r="C28" s="110">
        <v>58654</v>
      </c>
      <c r="D28" s="114">
        <v>94839</v>
      </c>
      <c r="E28" s="113">
        <v>153493</v>
      </c>
      <c r="F28" s="109">
        <v>0</v>
      </c>
      <c r="G28" s="114">
        <v>1087399</v>
      </c>
      <c r="H28" s="114">
        <v>1697435</v>
      </c>
      <c r="I28" s="114">
        <v>1453673</v>
      </c>
      <c r="J28" s="114">
        <v>3610889</v>
      </c>
      <c r="K28" s="114">
        <v>1249750</v>
      </c>
      <c r="L28" s="173">
        <v>9099146</v>
      </c>
      <c r="M28" s="116">
        <v>9252639</v>
      </c>
      <c r="N28" s="110">
        <v>45970</v>
      </c>
      <c r="O28" s="114">
        <v>74315</v>
      </c>
      <c r="P28" s="113">
        <v>120285</v>
      </c>
      <c r="Q28" s="110">
        <v>0</v>
      </c>
      <c r="R28" s="114">
        <v>180105</v>
      </c>
      <c r="S28" s="114">
        <v>442449</v>
      </c>
      <c r="T28" s="114">
        <v>567577</v>
      </c>
      <c r="U28" s="114">
        <v>456550</v>
      </c>
      <c r="V28" s="114">
        <v>365982</v>
      </c>
      <c r="W28" s="113">
        <v>2012663</v>
      </c>
      <c r="X28" s="116">
        <v>2132948</v>
      </c>
      <c r="Y28" s="110">
        <v>0</v>
      </c>
      <c r="Z28" s="114">
        <v>0</v>
      </c>
      <c r="AA28" s="113">
        <v>0</v>
      </c>
      <c r="AB28" s="110">
        <v>0</v>
      </c>
      <c r="AC28" s="114">
        <v>6449</v>
      </c>
      <c r="AD28" s="114">
        <v>181228</v>
      </c>
      <c r="AE28" s="114">
        <v>394769</v>
      </c>
      <c r="AF28" s="114">
        <v>45890</v>
      </c>
      <c r="AG28" s="114">
        <v>37613</v>
      </c>
      <c r="AH28" s="113">
        <v>665949</v>
      </c>
      <c r="AI28" s="116">
        <v>665949</v>
      </c>
      <c r="AJ28" s="110">
        <v>0</v>
      </c>
      <c r="AK28" s="114">
        <v>0</v>
      </c>
      <c r="AL28" s="113">
        <v>0</v>
      </c>
      <c r="AM28" s="110">
        <v>0</v>
      </c>
      <c r="AN28" s="114">
        <v>40917</v>
      </c>
      <c r="AO28" s="114">
        <v>0</v>
      </c>
      <c r="AP28" s="114">
        <v>0</v>
      </c>
      <c r="AQ28" s="114">
        <v>0</v>
      </c>
      <c r="AR28" s="114">
        <v>151326</v>
      </c>
      <c r="AS28" s="113">
        <v>192243</v>
      </c>
      <c r="AT28" s="116">
        <v>192243</v>
      </c>
      <c r="AU28" s="110">
        <v>45970</v>
      </c>
      <c r="AV28" s="114">
        <v>47274</v>
      </c>
      <c r="AW28" s="113">
        <v>93244</v>
      </c>
      <c r="AX28" s="110">
        <v>0</v>
      </c>
      <c r="AY28" s="114">
        <v>88828</v>
      </c>
      <c r="AZ28" s="114">
        <v>142104</v>
      </c>
      <c r="BA28" s="114">
        <v>91993</v>
      </c>
      <c r="BB28" s="114">
        <v>108692</v>
      </c>
      <c r="BC28" s="114">
        <v>90103</v>
      </c>
      <c r="BD28" s="113">
        <v>521720</v>
      </c>
      <c r="BE28" s="116">
        <v>614964</v>
      </c>
      <c r="BF28" s="110">
        <v>0</v>
      </c>
      <c r="BG28" s="114">
        <v>27041</v>
      </c>
      <c r="BH28" s="112">
        <v>27041</v>
      </c>
      <c r="BI28" s="111">
        <v>0</v>
      </c>
      <c r="BJ28" s="114">
        <v>0</v>
      </c>
      <c r="BK28" s="114">
        <v>103101</v>
      </c>
      <c r="BL28" s="114">
        <v>0</v>
      </c>
      <c r="BM28" s="114">
        <v>50675</v>
      </c>
      <c r="BN28" s="114">
        <v>0</v>
      </c>
      <c r="BO28" s="113">
        <v>153776</v>
      </c>
      <c r="BP28" s="116">
        <v>180817</v>
      </c>
      <c r="BQ28" s="110">
        <v>0</v>
      </c>
      <c r="BR28" s="114">
        <v>0</v>
      </c>
      <c r="BS28" s="113">
        <v>0</v>
      </c>
      <c r="BT28" s="110">
        <v>0</v>
      </c>
      <c r="BU28" s="114">
        <v>43911</v>
      </c>
      <c r="BV28" s="114">
        <v>16016</v>
      </c>
      <c r="BW28" s="114">
        <v>80815</v>
      </c>
      <c r="BX28" s="114">
        <v>251293</v>
      </c>
      <c r="BY28" s="114">
        <v>86940</v>
      </c>
      <c r="BZ28" s="113">
        <v>478975</v>
      </c>
      <c r="CA28" s="116">
        <v>478975</v>
      </c>
      <c r="CB28" s="110">
        <v>0</v>
      </c>
      <c r="CC28" s="114">
        <v>0</v>
      </c>
      <c r="CD28" s="113">
        <v>0</v>
      </c>
      <c r="CE28" s="110">
        <v>0</v>
      </c>
      <c r="CF28" s="114">
        <v>357199</v>
      </c>
      <c r="CG28" s="114">
        <v>1011377</v>
      </c>
      <c r="CH28" s="114">
        <v>614319</v>
      </c>
      <c r="CI28" s="114">
        <v>681409</v>
      </c>
      <c r="CJ28" s="114">
        <v>0</v>
      </c>
      <c r="CK28" s="113">
        <v>2664304</v>
      </c>
      <c r="CL28" s="116">
        <v>2664304</v>
      </c>
      <c r="CM28" s="110">
        <v>0</v>
      </c>
      <c r="CN28" s="114">
        <v>0</v>
      </c>
      <c r="CO28" s="113">
        <v>0</v>
      </c>
      <c r="CP28" s="111">
        <v>0</v>
      </c>
      <c r="CQ28" s="114">
        <v>241552</v>
      </c>
      <c r="CR28" s="114">
        <v>978508</v>
      </c>
      <c r="CS28" s="114">
        <v>189857</v>
      </c>
      <c r="CT28" s="114">
        <v>398100</v>
      </c>
      <c r="CU28" s="114">
        <v>0</v>
      </c>
      <c r="CV28" s="113">
        <v>1808017</v>
      </c>
      <c r="CW28" s="116">
        <v>1808017</v>
      </c>
      <c r="CX28" s="110">
        <v>0</v>
      </c>
      <c r="CY28" s="114">
        <v>0</v>
      </c>
      <c r="CZ28" s="113">
        <v>0</v>
      </c>
      <c r="DA28" s="110">
        <v>0</v>
      </c>
      <c r="DB28" s="114">
        <v>115647</v>
      </c>
      <c r="DC28" s="114">
        <v>32869</v>
      </c>
      <c r="DD28" s="114">
        <v>424462</v>
      </c>
      <c r="DE28" s="114">
        <v>283309</v>
      </c>
      <c r="DF28" s="114">
        <v>0</v>
      </c>
      <c r="DG28" s="113">
        <v>856287</v>
      </c>
      <c r="DH28" s="116">
        <v>856287</v>
      </c>
      <c r="DI28" s="110">
        <v>0</v>
      </c>
      <c r="DJ28" s="114">
        <v>0</v>
      </c>
      <c r="DK28" s="112">
        <v>0</v>
      </c>
      <c r="DL28" s="111">
        <v>0</v>
      </c>
      <c r="DM28" s="114">
        <v>67379</v>
      </c>
      <c r="DN28" s="114">
        <v>42226</v>
      </c>
      <c r="DO28" s="114">
        <v>0</v>
      </c>
      <c r="DP28" s="114">
        <v>53282</v>
      </c>
      <c r="DQ28" s="114">
        <v>0</v>
      </c>
      <c r="DR28" s="113">
        <v>162887</v>
      </c>
      <c r="DS28" s="116">
        <v>162887</v>
      </c>
      <c r="DT28" s="110">
        <v>0</v>
      </c>
      <c r="DU28" s="114">
        <v>0</v>
      </c>
      <c r="DV28" s="113">
        <v>0</v>
      </c>
      <c r="DW28" s="110">
        <v>0</v>
      </c>
      <c r="DX28" s="114">
        <v>67379</v>
      </c>
      <c r="DY28" s="114">
        <v>42226</v>
      </c>
      <c r="DZ28" s="114">
        <v>0</v>
      </c>
      <c r="EA28" s="114">
        <v>53282</v>
      </c>
      <c r="EB28" s="114">
        <v>0</v>
      </c>
      <c r="EC28" s="113">
        <v>162887</v>
      </c>
      <c r="ED28" s="116">
        <v>162887</v>
      </c>
      <c r="EE28" s="110">
        <v>0</v>
      </c>
      <c r="EF28" s="112">
        <v>0</v>
      </c>
      <c r="EG28" s="113">
        <v>0</v>
      </c>
      <c r="EH28" s="110">
        <v>0</v>
      </c>
      <c r="EI28" s="114">
        <v>0</v>
      </c>
      <c r="EJ28" s="114">
        <v>0</v>
      </c>
      <c r="EK28" s="114">
        <v>0</v>
      </c>
      <c r="EL28" s="114">
        <v>0</v>
      </c>
      <c r="EM28" s="114">
        <v>0</v>
      </c>
      <c r="EN28" s="112">
        <v>0</v>
      </c>
      <c r="EO28" s="116">
        <v>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v>0</v>
      </c>
      <c r="FE28" s="114">
        <v>0</v>
      </c>
      <c r="FF28" s="114">
        <v>0</v>
      </c>
      <c r="FG28" s="114">
        <v>0</v>
      </c>
      <c r="FH28" s="114">
        <v>0</v>
      </c>
      <c r="FI28" s="114">
        <v>0</v>
      </c>
      <c r="FJ28" s="113">
        <v>0</v>
      </c>
      <c r="FK28" s="116">
        <v>0</v>
      </c>
      <c r="FL28" s="110">
        <v>12684</v>
      </c>
      <c r="FM28" s="114">
        <v>20524</v>
      </c>
      <c r="FN28" s="113">
        <v>33208</v>
      </c>
      <c r="FO28" s="110">
        <v>0</v>
      </c>
      <c r="FP28" s="114">
        <v>89362</v>
      </c>
      <c r="FQ28" s="114">
        <v>201383</v>
      </c>
      <c r="FR28" s="114">
        <v>108794</v>
      </c>
      <c r="FS28" s="114">
        <v>152579</v>
      </c>
      <c r="FT28" s="114">
        <v>120799</v>
      </c>
      <c r="FU28" s="113">
        <v>672917</v>
      </c>
      <c r="FV28" s="116">
        <v>706125</v>
      </c>
      <c r="FW28" s="115">
        <v>12684</v>
      </c>
      <c r="FX28" s="114">
        <v>20524</v>
      </c>
      <c r="FY28" s="112">
        <v>33208</v>
      </c>
      <c r="FZ28" s="111">
        <v>0</v>
      </c>
      <c r="GA28" s="114">
        <v>77812</v>
      </c>
      <c r="GB28" s="114">
        <v>201383</v>
      </c>
      <c r="GC28" s="114">
        <v>100464</v>
      </c>
      <c r="GD28" s="114">
        <v>152579</v>
      </c>
      <c r="GE28" s="114">
        <v>120799</v>
      </c>
      <c r="GF28" s="113">
        <v>653037</v>
      </c>
      <c r="GG28" s="318">
        <v>686245</v>
      </c>
      <c r="GH28" s="115">
        <v>0</v>
      </c>
      <c r="GI28" s="114">
        <v>0</v>
      </c>
      <c r="GJ28" s="112">
        <v>0</v>
      </c>
      <c r="GK28" s="111">
        <v>0</v>
      </c>
      <c r="GL28" s="114">
        <v>11550</v>
      </c>
      <c r="GM28" s="114">
        <v>0</v>
      </c>
      <c r="GN28" s="114">
        <v>8330</v>
      </c>
      <c r="GO28" s="114">
        <v>0</v>
      </c>
      <c r="GP28" s="114">
        <v>0</v>
      </c>
      <c r="GQ28" s="113">
        <v>19880</v>
      </c>
      <c r="GR28" s="116">
        <v>19880</v>
      </c>
      <c r="GS28" s="110">
        <v>0</v>
      </c>
      <c r="GT28" s="114">
        <v>0</v>
      </c>
      <c r="GU28" s="113">
        <v>0</v>
      </c>
      <c r="GV28" s="110">
        <v>0</v>
      </c>
      <c r="GW28" s="114">
        <v>0</v>
      </c>
      <c r="GX28" s="114">
        <v>0</v>
      </c>
      <c r="GY28" s="114">
        <v>0</v>
      </c>
      <c r="GZ28" s="114">
        <v>0</v>
      </c>
      <c r="HA28" s="114">
        <v>0</v>
      </c>
      <c r="HB28" s="112">
        <v>0</v>
      </c>
      <c r="HC28" s="116">
        <v>0</v>
      </c>
      <c r="HD28" s="110">
        <v>0</v>
      </c>
      <c r="HE28" s="114">
        <v>0</v>
      </c>
      <c r="HF28" s="112">
        <v>0</v>
      </c>
      <c r="HG28" s="111">
        <v>0</v>
      </c>
      <c r="HH28" s="114">
        <v>393354</v>
      </c>
      <c r="HI28" s="114">
        <v>0</v>
      </c>
      <c r="HJ28" s="114">
        <v>162983</v>
      </c>
      <c r="HK28" s="114">
        <v>2267069</v>
      </c>
      <c r="HL28" s="114">
        <v>762969</v>
      </c>
      <c r="HM28" s="113">
        <v>3586375</v>
      </c>
      <c r="HN28" s="109">
        <v>3586375</v>
      </c>
      <c r="HO28" s="328">
        <v>0</v>
      </c>
      <c r="HP28" s="329">
        <v>0</v>
      </c>
      <c r="HQ28" s="330">
        <v>0</v>
      </c>
      <c r="HR28" s="331">
        <v>0</v>
      </c>
      <c r="HS28" s="329">
        <v>0</v>
      </c>
      <c r="HT28" s="329">
        <v>0</v>
      </c>
      <c r="HU28" s="329">
        <v>0</v>
      </c>
      <c r="HV28" s="329">
        <v>0</v>
      </c>
      <c r="HW28" s="329">
        <v>0</v>
      </c>
      <c r="HX28" s="332">
        <v>0</v>
      </c>
      <c r="HY28" s="333">
        <v>0</v>
      </c>
      <c r="HZ28" s="150">
        <v>0</v>
      </c>
      <c r="IA28" s="135">
        <v>0</v>
      </c>
      <c r="IB28" s="150">
        <v>0</v>
      </c>
      <c r="IC28" s="134">
        <v>0</v>
      </c>
      <c r="ID28" s="135">
        <v>17131</v>
      </c>
      <c r="IE28" s="136">
        <v>70265</v>
      </c>
      <c r="IF28" s="137">
        <v>721885</v>
      </c>
      <c r="IG28" s="135">
        <v>0</v>
      </c>
      <c r="IH28" s="137">
        <v>497173</v>
      </c>
      <c r="II28" s="138">
        <v>1306454</v>
      </c>
      <c r="IJ28" s="150">
        <v>1306454</v>
      </c>
      <c r="IK28" s="232">
        <v>0</v>
      </c>
      <c r="IL28" s="236">
        <v>0</v>
      </c>
      <c r="IM28" s="237">
        <v>0</v>
      </c>
      <c r="IN28" s="140">
        <v>0</v>
      </c>
      <c r="IO28" s="119">
        <v>0</v>
      </c>
      <c r="IP28" s="119">
        <v>0</v>
      </c>
      <c r="IQ28" s="119">
        <v>0</v>
      </c>
      <c r="IR28" s="119">
        <v>0</v>
      </c>
      <c r="IS28" s="119">
        <v>304460</v>
      </c>
      <c r="IT28" s="141">
        <v>304460</v>
      </c>
      <c r="IU28" s="320">
        <v>304460</v>
      </c>
      <c r="IV28" s="142">
        <v>0</v>
      </c>
      <c r="IW28" s="119">
        <v>0</v>
      </c>
      <c r="IX28" s="120">
        <v>0</v>
      </c>
      <c r="IY28" s="144">
        <v>0</v>
      </c>
      <c r="IZ28" s="119">
        <v>0</v>
      </c>
      <c r="JA28" s="119">
        <v>0</v>
      </c>
      <c r="JB28" s="119">
        <v>0</v>
      </c>
      <c r="JC28" s="119">
        <v>0</v>
      </c>
      <c r="JD28" s="119">
        <v>0</v>
      </c>
      <c r="JE28" s="120">
        <v>0</v>
      </c>
      <c r="JF28" s="121">
        <v>0</v>
      </c>
      <c r="JG28" s="142">
        <v>0</v>
      </c>
      <c r="JH28" s="119">
        <v>0</v>
      </c>
      <c r="JI28" s="141">
        <v>0</v>
      </c>
      <c r="JJ28" s="118">
        <v>0</v>
      </c>
      <c r="JK28" s="119">
        <v>17131</v>
      </c>
      <c r="JL28" s="119">
        <v>70265</v>
      </c>
      <c r="JM28" s="119">
        <v>109131</v>
      </c>
      <c r="JN28" s="119">
        <v>0</v>
      </c>
      <c r="JO28" s="119">
        <v>192713</v>
      </c>
      <c r="JP28" s="120">
        <v>389240</v>
      </c>
      <c r="JQ28" s="320">
        <v>389240</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v>0</v>
      </c>
      <c r="KR28" s="119">
        <v>0</v>
      </c>
      <c r="KS28" s="119">
        <v>0</v>
      </c>
      <c r="KT28" s="119">
        <v>612754</v>
      </c>
      <c r="KU28" s="119">
        <v>0</v>
      </c>
      <c r="KV28" s="119">
        <v>0</v>
      </c>
      <c r="KW28" s="120">
        <v>612754</v>
      </c>
      <c r="KX28" s="320">
        <v>612754</v>
      </c>
      <c r="KY28" s="142">
        <v>0</v>
      </c>
      <c r="KZ28" s="119">
        <v>0</v>
      </c>
      <c r="LA28" s="120">
        <v>0</v>
      </c>
      <c r="LB28" s="145">
        <v>0</v>
      </c>
      <c r="LC28" s="119">
        <v>0</v>
      </c>
      <c r="LD28" s="119">
        <v>0</v>
      </c>
      <c r="LE28" s="119">
        <v>0</v>
      </c>
      <c r="LF28" s="119">
        <v>0</v>
      </c>
      <c r="LG28" s="119">
        <v>0</v>
      </c>
      <c r="LH28" s="120">
        <v>0</v>
      </c>
      <c r="LI28" s="121">
        <v>0</v>
      </c>
      <c r="LJ28" s="142">
        <v>0</v>
      </c>
      <c r="LK28" s="119">
        <v>0</v>
      </c>
      <c r="LL28" s="120">
        <v>0</v>
      </c>
      <c r="LM28" s="145">
        <v>0</v>
      </c>
      <c r="LN28" s="119">
        <v>0</v>
      </c>
      <c r="LO28" s="119">
        <v>0</v>
      </c>
      <c r="LP28" s="119">
        <v>0</v>
      </c>
      <c r="LQ28" s="119">
        <v>0</v>
      </c>
      <c r="LR28" s="119">
        <v>0</v>
      </c>
      <c r="LS28" s="120">
        <v>0</v>
      </c>
      <c r="LT28" s="320">
        <v>0</v>
      </c>
      <c r="LU28" s="142">
        <v>0</v>
      </c>
      <c r="LV28" s="119">
        <v>0</v>
      </c>
      <c r="LW28" s="120">
        <v>0</v>
      </c>
      <c r="LX28" s="145">
        <v>0</v>
      </c>
      <c r="LY28" s="119">
        <v>0</v>
      </c>
      <c r="LZ28" s="119">
        <v>0</v>
      </c>
      <c r="MA28" s="119">
        <v>0</v>
      </c>
      <c r="MB28" s="119">
        <v>0</v>
      </c>
      <c r="MC28" s="119">
        <v>0</v>
      </c>
      <c r="MD28" s="120">
        <v>0</v>
      </c>
      <c r="ME28" s="121">
        <v>0</v>
      </c>
      <c r="MF28" s="142">
        <v>0</v>
      </c>
      <c r="MG28" s="119">
        <v>0</v>
      </c>
      <c r="MH28" s="120">
        <v>0</v>
      </c>
      <c r="MI28" s="145">
        <v>0</v>
      </c>
      <c r="MJ28" s="119">
        <v>0</v>
      </c>
      <c r="MK28" s="119">
        <v>0</v>
      </c>
      <c r="ML28" s="119">
        <v>409205</v>
      </c>
      <c r="MM28" s="119">
        <v>1153718</v>
      </c>
      <c r="MN28" s="119">
        <v>1442187</v>
      </c>
      <c r="MO28" s="120">
        <v>3005110</v>
      </c>
      <c r="MP28" s="143">
        <v>3005110</v>
      </c>
      <c r="MQ28" s="142">
        <v>0</v>
      </c>
      <c r="MR28" s="119">
        <v>0</v>
      </c>
      <c r="MS28" s="120">
        <v>0</v>
      </c>
      <c r="MT28" s="145">
        <v>0</v>
      </c>
      <c r="MU28" s="119">
        <v>0</v>
      </c>
      <c r="MV28" s="119">
        <v>0</v>
      </c>
      <c r="MW28" s="119">
        <v>193347</v>
      </c>
      <c r="MX28" s="119">
        <v>637454</v>
      </c>
      <c r="MY28" s="119">
        <v>429462</v>
      </c>
      <c r="MZ28" s="120">
        <v>1260263</v>
      </c>
      <c r="NA28" s="143">
        <v>1260263</v>
      </c>
      <c r="NB28" s="142">
        <v>0</v>
      </c>
      <c r="NC28" s="119">
        <v>0</v>
      </c>
      <c r="ND28" s="120">
        <v>0</v>
      </c>
      <c r="NE28" s="145">
        <v>0</v>
      </c>
      <c r="NF28" s="119">
        <v>0</v>
      </c>
      <c r="NG28" s="119">
        <v>0</v>
      </c>
      <c r="NH28" s="119">
        <v>215858</v>
      </c>
      <c r="NI28" s="119">
        <v>287084</v>
      </c>
      <c r="NJ28" s="119">
        <v>717519</v>
      </c>
      <c r="NK28" s="120">
        <v>1220461</v>
      </c>
      <c r="NL28" s="320">
        <v>1220461</v>
      </c>
      <c r="NM28" s="142">
        <v>0</v>
      </c>
      <c r="NN28" s="119">
        <v>0</v>
      </c>
      <c r="NO28" s="120">
        <v>0</v>
      </c>
      <c r="NP28" s="145">
        <v>0</v>
      </c>
      <c r="NQ28" s="119">
        <v>0</v>
      </c>
      <c r="NR28" s="119">
        <v>0</v>
      </c>
      <c r="NS28" s="119">
        <v>0</v>
      </c>
      <c r="NT28" s="119">
        <v>229180</v>
      </c>
      <c r="NU28" s="119">
        <v>0</v>
      </c>
      <c r="NV28" s="120">
        <v>229180</v>
      </c>
      <c r="NW28" s="121">
        <v>229180</v>
      </c>
      <c r="NX28" s="142">
        <v>0</v>
      </c>
      <c r="NY28" s="119">
        <v>0</v>
      </c>
      <c r="NZ28" s="120">
        <v>0</v>
      </c>
      <c r="OA28" s="145">
        <v>0</v>
      </c>
      <c r="OB28" s="119">
        <v>0</v>
      </c>
      <c r="OC28" s="119">
        <v>0</v>
      </c>
      <c r="OD28" s="119">
        <v>0</v>
      </c>
      <c r="OE28" s="119">
        <v>0</v>
      </c>
      <c r="OF28" s="119">
        <v>295206</v>
      </c>
      <c r="OG28" s="120">
        <v>295206</v>
      </c>
      <c r="OH28" s="121">
        <v>295206</v>
      </c>
      <c r="OI28" s="142">
        <v>58654</v>
      </c>
      <c r="OJ28" s="119">
        <v>94839</v>
      </c>
      <c r="OK28" s="141">
        <v>153493</v>
      </c>
      <c r="OL28" s="118">
        <v>0</v>
      </c>
      <c r="OM28" s="119">
        <v>1104530</v>
      </c>
      <c r="ON28" s="119">
        <v>1767700</v>
      </c>
      <c r="OO28" s="119">
        <v>2584763</v>
      </c>
      <c r="OP28" s="119">
        <v>4764607</v>
      </c>
      <c r="OQ28" s="119">
        <v>3189110</v>
      </c>
      <c r="OR28" s="120">
        <v>13410710</v>
      </c>
      <c r="OS28" s="143">
        <v>13564203</v>
      </c>
    </row>
    <row r="29" spans="2:409" ht="21" customHeight="1" x14ac:dyDescent="0.2">
      <c r="B29" s="126" t="s">
        <v>24</v>
      </c>
      <c r="C29" s="110">
        <v>162919</v>
      </c>
      <c r="D29" s="114">
        <v>433413</v>
      </c>
      <c r="E29" s="113">
        <v>596332</v>
      </c>
      <c r="F29" s="109">
        <v>0</v>
      </c>
      <c r="G29" s="114">
        <v>1973407</v>
      </c>
      <c r="H29" s="114">
        <v>1924096</v>
      </c>
      <c r="I29" s="114">
        <v>1528606</v>
      </c>
      <c r="J29" s="114">
        <v>1242451</v>
      </c>
      <c r="K29" s="114">
        <v>2868264</v>
      </c>
      <c r="L29" s="173">
        <v>9536824</v>
      </c>
      <c r="M29" s="116">
        <v>10133156</v>
      </c>
      <c r="N29" s="110">
        <v>36531</v>
      </c>
      <c r="O29" s="114">
        <v>106978</v>
      </c>
      <c r="P29" s="113">
        <v>143509</v>
      </c>
      <c r="Q29" s="110">
        <v>0</v>
      </c>
      <c r="R29" s="114">
        <v>512997</v>
      </c>
      <c r="S29" s="114">
        <v>301394</v>
      </c>
      <c r="T29" s="114">
        <v>559933</v>
      </c>
      <c r="U29" s="114">
        <v>357398</v>
      </c>
      <c r="V29" s="114">
        <v>1390390</v>
      </c>
      <c r="W29" s="113">
        <v>3122112</v>
      </c>
      <c r="X29" s="116">
        <v>3265621</v>
      </c>
      <c r="Y29" s="110">
        <v>0</v>
      </c>
      <c r="Z29" s="114">
        <v>0</v>
      </c>
      <c r="AA29" s="113">
        <v>0</v>
      </c>
      <c r="AB29" s="110">
        <v>0</v>
      </c>
      <c r="AC29" s="114">
        <v>175611</v>
      </c>
      <c r="AD29" s="114">
        <v>181547</v>
      </c>
      <c r="AE29" s="114">
        <v>227814</v>
      </c>
      <c r="AF29" s="114">
        <v>183317</v>
      </c>
      <c r="AG29" s="114">
        <v>865456</v>
      </c>
      <c r="AH29" s="113">
        <v>1633745</v>
      </c>
      <c r="AI29" s="116">
        <v>1633745</v>
      </c>
      <c r="AJ29" s="110">
        <v>0</v>
      </c>
      <c r="AK29" s="114">
        <v>0</v>
      </c>
      <c r="AL29" s="113">
        <v>0</v>
      </c>
      <c r="AM29" s="110">
        <v>0</v>
      </c>
      <c r="AN29" s="114">
        <v>0</v>
      </c>
      <c r="AO29" s="114">
        <v>0</v>
      </c>
      <c r="AP29" s="114">
        <v>0</v>
      </c>
      <c r="AQ29" s="114">
        <v>0</v>
      </c>
      <c r="AR29" s="114">
        <v>188792</v>
      </c>
      <c r="AS29" s="113">
        <v>188792</v>
      </c>
      <c r="AT29" s="116">
        <v>188792</v>
      </c>
      <c r="AU29" s="110">
        <v>6564</v>
      </c>
      <c r="AV29" s="114">
        <v>85040</v>
      </c>
      <c r="AW29" s="113">
        <v>91604</v>
      </c>
      <c r="AX29" s="110">
        <v>0</v>
      </c>
      <c r="AY29" s="114">
        <v>234724</v>
      </c>
      <c r="AZ29" s="114">
        <v>28070</v>
      </c>
      <c r="BA29" s="114">
        <v>234287</v>
      </c>
      <c r="BB29" s="114">
        <v>100546</v>
      </c>
      <c r="BC29" s="114">
        <v>151503</v>
      </c>
      <c r="BD29" s="113">
        <v>749130</v>
      </c>
      <c r="BE29" s="116">
        <v>840734</v>
      </c>
      <c r="BF29" s="110">
        <v>0</v>
      </c>
      <c r="BG29" s="114">
        <v>0</v>
      </c>
      <c r="BH29" s="112">
        <v>0</v>
      </c>
      <c r="BI29" s="111">
        <v>0</v>
      </c>
      <c r="BJ29" s="114">
        <v>0</v>
      </c>
      <c r="BK29" s="114">
        <v>0</v>
      </c>
      <c r="BL29" s="114">
        <v>0</v>
      </c>
      <c r="BM29" s="114">
        <v>0</v>
      </c>
      <c r="BN29" s="114">
        <v>28490</v>
      </c>
      <c r="BO29" s="113">
        <v>28490</v>
      </c>
      <c r="BP29" s="116">
        <v>28490</v>
      </c>
      <c r="BQ29" s="110">
        <v>29967</v>
      </c>
      <c r="BR29" s="114">
        <v>21938</v>
      </c>
      <c r="BS29" s="113">
        <v>51905</v>
      </c>
      <c r="BT29" s="110">
        <v>0</v>
      </c>
      <c r="BU29" s="114">
        <v>102662</v>
      </c>
      <c r="BV29" s="114">
        <v>91777</v>
      </c>
      <c r="BW29" s="114">
        <v>97832</v>
      </c>
      <c r="BX29" s="114">
        <v>73535</v>
      </c>
      <c r="BY29" s="114">
        <v>156149</v>
      </c>
      <c r="BZ29" s="113">
        <v>521955</v>
      </c>
      <c r="CA29" s="116">
        <v>573860</v>
      </c>
      <c r="CB29" s="110">
        <v>17874</v>
      </c>
      <c r="CC29" s="114">
        <v>0</v>
      </c>
      <c r="CD29" s="113">
        <v>17874</v>
      </c>
      <c r="CE29" s="110">
        <v>0</v>
      </c>
      <c r="CF29" s="114">
        <v>412085</v>
      </c>
      <c r="CG29" s="114">
        <v>628065</v>
      </c>
      <c r="CH29" s="114">
        <v>279596</v>
      </c>
      <c r="CI29" s="114">
        <v>59647</v>
      </c>
      <c r="CJ29" s="114">
        <v>463047</v>
      </c>
      <c r="CK29" s="113">
        <v>1842440</v>
      </c>
      <c r="CL29" s="116">
        <v>1860314</v>
      </c>
      <c r="CM29" s="110">
        <v>0</v>
      </c>
      <c r="CN29" s="114">
        <v>0</v>
      </c>
      <c r="CO29" s="113">
        <v>0</v>
      </c>
      <c r="CP29" s="111">
        <v>0</v>
      </c>
      <c r="CQ29" s="114">
        <v>298994</v>
      </c>
      <c r="CR29" s="114">
        <v>273388</v>
      </c>
      <c r="CS29" s="114">
        <v>204739</v>
      </c>
      <c r="CT29" s="114">
        <v>59647</v>
      </c>
      <c r="CU29" s="114">
        <v>123459</v>
      </c>
      <c r="CV29" s="113">
        <v>960227</v>
      </c>
      <c r="CW29" s="116">
        <v>960227</v>
      </c>
      <c r="CX29" s="110">
        <v>17874</v>
      </c>
      <c r="CY29" s="114">
        <v>0</v>
      </c>
      <c r="CZ29" s="113">
        <v>17874</v>
      </c>
      <c r="DA29" s="110">
        <v>0</v>
      </c>
      <c r="DB29" s="114">
        <v>113091</v>
      </c>
      <c r="DC29" s="114">
        <v>354677</v>
      </c>
      <c r="DD29" s="114">
        <v>74857</v>
      </c>
      <c r="DE29" s="114">
        <v>0</v>
      </c>
      <c r="DF29" s="114">
        <v>339588</v>
      </c>
      <c r="DG29" s="113">
        <v>882213</v>
      </c>
      <c r="DH29" s="116">
        <v>900087</v>
      </c>
      <c r="DI29" s="110">
        <v>0</v>
      </c>
      <c r="DJ29" s="114">
        <v>24245</v>
      </c>
      <c r="DK29" s="112">
        <v>24245</v>
      </c>
      <c r="DL29" s="111">
        <v>0</v>
      </c>
      <c r="DM29" s="114">
        <v>86058</v>
      </c>
      <c r="DN29" s="114">
        <v>56775</v>
      </c>
      <c r="DO29" s="114">
        <v>61918</v>
      </c>
      <c r="DP29" s="114">
        <v>25676</v>
      </c>
      <c r="DQ29" s="114">
        <v>59778</v>
      </c>
      <c r="DR29" s="113">
        <v>290205</v>
      </c>
      <c r="DS29" s="116">
        <v>314450</v>
      </c>
      <c r="DT29" s="110">
        <v>0</v>
      </c>
      <c r="DU29" s="114">
        <v>24245</v>
      </c>
      <c r="DV29" s="113">
        <v>24245</v>
      </c>
      <c r="DW29" s="110">
        <v>0</v>
      </c>
      <c r="DX29" s="114">
        <v>86058</v>
      </c>
      <c r="DY29" s="114">
        <v>56775</v>
      </c>
      <c r="DZ29" s="114">
        <v>61918</v>
      </c>
      <c r="EA29" s="114">
        <v>25676</v>
      </c>
      <c r="EB29" s="114">
        <v>59778</v>
      </c>
      <c r="EC29" s="113">
        <v>290205</v>
      </c>
      <c r="ED29" s="116">
        <v>314450</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v>0</v>
      </c>
      <c r="FE29" s="114">
        <v>0</v>
      </c>
      <c r="FF29" s="114">
        <v>0</v>
      </c>
      <c r="FG29" s="114">
        <v>0</v>
      </c>
      <c r="FH29" s="114">
        <v>0</v>
      </c>
      <c r="FI29" s="114">
        <v>0</v>
      </c>
      <c r="FJ29" s="113">
        <v>0</v>
      </c>
      <c r="FK29" s="116">
        <v>0</v>
      </c>
      <c r="FL29" s="110">
        <v>22190</v>
      </c>
      <c r="FM29" s="114">
        <v>86961</v>
      </c>
      <c r="FN29" s="113">
        <v>109151</v>
      </c>
      <c r="FO29" s="110">
        <v>0</v>
      </c>
      <c r="FP29" s="114">
        <v>154630</v>
      </c>
      <c r="FQ29" s="114">
        <v>136108</v>
      </c>
      <c r="FR29" s="114">
        <v>143556</v>
      </c>
      <c r="FS29" s="114">
        <v>110950</v>
      </c>
      <c r="FT29" s="114">
        <v>196609</v>
      </c>
      <c r="FU29" s="113">
        <v>741853</v>
      </c>
      <c r="FV29" s="116">
        <v>851004</v>
      </c>
      <c r="FW29" s="115">
        <v>22190</v>
      </c>
      <c r="FX29" s="114">
        <v>32116</v>
      </c>
      <c r="FY29" s="112">
        <v>54306</v>
      </c>
      <c r="FZ29" s="111">
        <v>0</v>
      </c>
      <c r="GA29" s="114">
        <v>48230</v>
      </c>
      <c r="GB29" s="114">
        <v>136108</v>
      </c>
      <c r="GC29" s="114">
        <v>143556</v>
      </c>
      <c r="GD29" s="114">
        <v>50610</v>
      </c>
      <c r="GE29" s="114">
        <v>196609</v>
      </c>
      <c r="GF29" s="113">
        <v>575113</v>
      </c>
      <c r="GG29" s="318">
        <v>629419</v>
      </c>
      <c r="GH29" s="115">
        <v>0</v>
      </c>
      <c r="GI29" s="114">
        <v>9625</v>
      </c>
      <c r="GJ29" s="112">
        <v>9625</v>
      </c>
      <c r="GK29" s="111">
        <v>0</v>
      </c>
      <c r="GL29" s="114">
        <v>0</v>
      </c>
      <c r="GM29" s="114">
        <v>0</v>
      </c>
      <c r="GN29" s="114">
        <v>0</v>
      </c>
      <c r="GO29" s="114">
        <v>18480</v>
      </c>
      <c r="GP29" s="114">
        <v>0</v>
      </c>
      <c r="GQ29" s="113">
        <v>18480</v>
      </c>
      <c r="GR29" s="116">
        <v>28105</v>
      </c>
      <c r="GS29" s="110">
        <v>0</v>
      </c>
      <c r="GT29" s="114">
        <v>45220</v>
      </c>
      <c r="GU29" s="113">
        <v>45220</v>
      </c>
      <c r="GV29" s="110">
        <v>0</v>
      </c>
      <c r="GW29" s="114">
        <v>106400</v>
      </c>
      <c r="GX29" s="114">
        <v>0</v>
      </c>
      <c r="GY29" s="114">
        <v>0</v>
      </c>
      <c r="GZ29" s="114">
        <v>41860</v>
      </c>
      <c r="HA29" s="114">
        <v>0</v>
      </c>
      <c r="HB29" s="112">
        <v>148260</v>
      </c>
      <c r="HC29" s="116">
        <v>193480</v>
      </c>
      <c r="HD29" s="110">
        <v>86324</v>
      </c>
      <c r="HE29" s="114">
        <v>215229</v>
      </c>
      <c r="HF29" s="112">
        <v>301553</v>
      </c>
      <c r="HG29" s="111">
        <v>0</v>
      </c>
      <c r="HH29" s="114">
        <v>807637</v>
      </c>
      <c r="HI29" s="114">
        <v>801754</v>
      </c>
      <c r="HJ29" s="114">
        <v>483603</v>
      </c>
      <c r="HK29" s="114">
        <v>688780</v>
      </c>
      <c r="HL29" s="114">
        <v>758440</v>
      </c>
      <c r="HM29" s="113">
        <v>3540214</v>
      </c>
      <c r="HN29" s="109">
        <v>3841767</v>
      </c>
      <c r="HO29" s="328">
        <v>0</v>
      </c>
      <c r="HP29" s="329">
        <v>0</v>
      </c>
      <c r="HQ29" s="330">
        <v>0</v>
      </c>
      <c r="HR29" s="331">
        <v>0</v>
      </c>
      <c r="HS29" s="329">
        <v>0</v>
      </c>
      <c r="HT29" s="329">
        <v>0</v>
      </c>
      <c r="HU29" s="329">
        <v>0</v>
      </c>
      <c r="HV29" s="329">
        <v>0</v>
      </c>
      <c r="HW29" s="329">
        <v>0</v>
      </c>
      <c r="HX29" s="332">
        <v>0</v>
      </c>
      <c r="HY29" s="333">
        <v>0</v>
      </c>
      <c r="HZ29" s="131">
        <v>0</v>
      </c>
      <c r="IA29" s="132">
        <v>0</v>
      </c>
      <c r="IB29" s="133">
        <v>0</v>
      </c>
      <c r="IC29" s="146">
        <v>0</v>
      </c>
      <c r="ID29" s="132">
        <v>338616</v>
      </c>
      <c r="IE29" s="147">
        <v>0</v>
      </c>
      <c r="IF29" s="133">
        <v>630156</v>
      </c>
      <c r="IG29" s="132">
        <v>189329</v>
      </c>
      <c r="IH29" s="133">
        <v>314955</v>
      </c>
      <c r="II29" s="148">
        <v>1473056</v>
      </c>
      <c r="IJ29" s="139">
        <v>1473056</v>
      </c>
      <c r="IK29" s="232">
        <v>0</v>
      </c>
      <c r="IL29" s="236">
        <v>0</v>
      </c>
      <c r="IM29" s="237">
        <v>0</v>
      </c>
      <c r="IN29" s="140">
        <v>0</v>
      </c>
      <c r="IO29" s="119">
        <v>55134</v>
      </c>
      <c r="IP29" s="119">
        <v>0</v>
      </c>
      <c r="IQ29" s="119">
        <v>0</v>
      </c>
      <c r="IR29" s="119">
        <v>189329</v>
      </c>
      <c r="IS29" s="119">
        <v>0</v>
      </c>
      <c r="IT29" s="141">
        <v>244463</v>
      </c>
      <c r="IU29" s="320">
        <v>244463</v>
      </c>
      <c r="IV29" s="142">
        <v>0</v>
      </c>
      <c r="IW29" s="119">
        <v>0</v>
      </c>
      <c r="IX29" s="120">
        <v>0</v>
      </c>
      <c r="IY29" s="144">
        <v>0</v>
      </c>
      <c r="IZ29" s="119">
        <v>0</v>
      </c>
      <c r="JA29" s="119">
        <v>0</v>
      </c>
      <c r="JB29" s="119">
        <v>0</v>
      </c>
      <c r="JC29" s="119">
        <v>0</v>
      </c>
      <c r="JD29" s="119">
        <v>0</v>
      </c>
      <c r="JE29" s="120">
        <v>0</v>
      </c>
      <c r="JF29" s="121">
        <v>0</v>
      </c>
      <c r="JG29" s="142">
        <v>0</v>
      </c>
      <c r="JH29" s="119">
        <v>0</v>
      </c>
      <c r="JI29" s="141">
        <v>0</v>
      </c>
      <c r="JJ29" s="118">
        <v>0</v>
      </c>
      <c r="JK29" s="119">
        <v>15599</v>
      </c>
      <c r="JL29" s="119">
        <v>0</v>
      </c>
      <c r="JM29" s="119">
        <v>0</v>
      </c>
      <c r="JN29" s="119">
        <v>0</v>
      </c>
      <c r="JO29" s="119">
        <v>0</v>
      </c>
      <c r="JP29" s="120">
        <v>15599</v>
      </c>
      <c r="JQ29" s="320">
        <v>15599</v>
      </c>
      <c r="JR29" s="142">
        <v>0</v>
      </c>
      <c r="JS29" s="119">
        <v>0</v>
      </c>
      <c r="JT29" s="141">
        <v>0</v>
      </c>
      <c r="JU29" s="118">
        <v>0</v>
      </c>
      <c r="JV29" s="119">
        <v>0</v>
      </c>
      <c r="JW29" s="119">
        <v>0</v>
      </c>
      <c r="JX29" s="119">
        <v>78752</v>
      </c>
      <c r="JY29" s="119">
        <v>0</v>
      </c>
      <c r="JZ29" s="119">
        <v>116050</v>
      </c>
      <c r="KA29" s="120">
        <v>194802</v>
      </c>
      <c r="KB29" s="320">
        <v>194802</v>
      </c>
      <c r="KC29" s="234">
        <v>0</v>
      </c>
      <c r="KD29" s="230">
        <v>0</v>
      </c>
      <c r="KE29" s="120">
        <v>0</v>
      </c>
      <c r="KF29" s="118">
        <v>0</v>
      </c>
      <c r="KG29" s="119">
        <v>267883</v>
      </c>
      <c r="KH29" s="119">
        <v>0</v>
      </c>
      <c r="KI29" s="119">
        <v>358078</v>
      </c>
      <c r="KJ29" s="119">
        <v>0</v>
      </c>
      <c r="KK29" s="119">
        <v>0</v>
      </c>
      <c r="KL29" s="120">
        <v>625961</v>
      </c>
      <c r="KM29" s="143">
        <v>625961</v>
      </c>
      <c r="KN29" s="232">
        <v>0</v>
      </c>
      <c r="KO29" s="236">
        <v>0</v>
      </c>
      <c r="KP29" s="237">
        <v>0</v>
      </c>
      <c r="KQ29" s="140">
        <v>0</v>
      </c>
      <c r="KR29" s="119">
        <v>0</v>
      </c>
      <c r="KS29" s="119">
        <v>0</v>
      </c>
      <c r="KT29" s="119">
        <v>193326</v>
      </c>
      <c r="KU29" s="119">
        <v>0</v>
      </c>
      <c r="KV29" s="119">
        <v>198905</v>
      </c>
      <c r="KW29" s="120">
        <v>392231</v>
      </c>
      <c r="KX29" s="320">
        <v>392231</v>
      </c>
      <c r="KY29" s="142">
        <v>0</v>
      </c>
      <c r="KZ29" s="119">
        <v>0</v>
      </c>
      <c r="LA29" s="120">
        <v>0</v>
      </c>
      <c r="LB29" s="145">
        <v>0</v>
      </c>
      <c r="LC29" s="119">
        <v>0</v>
      </c>
      <c r="LD29" s="119">
        <v>0</v>
      </c>
      <c r="LE29" s="119">
        <v>0</v>
      </c>
      <c r="LF29" s="119">
        <v>0</v>
      </c>
      <c r="LG29" s="119">
        <v>0</v>
      </c>
      <c r="LH29" s="120">
        <v>0</v>
      </c>
      <c r="LI29" s="121">
        <v>0</v>
      </c>
      <c r="LJ29" s="142">
        <v>0</v>
      </c>
      <c r="LK29" s="119">
        <v>0</v>
      </c>
      <c r="LL29" s="120">
        <v>0</v>
      </c>
      <c r="LM29" s="145">
        <v>0</v>
      </c>
      <c r="LN29" s="119">
        <v>0</v>
      </c>
      <c r="LO29" s="119">
        <v>0</v>
      </c>
      <c r="LP29" s="119">
        <v>0</v>
      </c>
      <c r="LQ29" s="119">
        <v>0</v>
      </c>
      <c r="LR29" s="119">
        <v>0</v>
      </c>
      <c r="LS29" s="120">
        <v>0</v>
      </c>
      <c r="LT29" s="320">
        <v>0</v>
      </c>
      <c r="LU29" s="142">
        <v>0</v>
      </c>
      <c r="LV29" s="119">
        <v>0</v>
      </c>
      <c r="LW29" s="120">
        <v>0</v>
      </c>
      <c r="LX29" s="145">
        <v>0</v>
      </c>
      <c r="LY29" s="119">
        <v>0</v>
      </c>
      <c r="LZ29" s="119">
        <v>0</v>
      </c>
      <c r="MA29" s="119">
        <v>0</v>
      </c>
      <c r="MB29" s="119">
        <v>0</v>
      </c>
      <c r="MC29" s="119">
        <v>0</v>
      </c>
      <c r="MD29" s="120">
        <v>0</v>
      </c>
      <c r="ME29" s="121">
        <v>0</v>
      </c>
      <c r="MF29" s="142">
        <v>0</v>
      </c>
      <c r="MG29" s="119">
        <v>0</v>
      </c>
      <c r="MH29" s="120">
        <v>0</v>
      </c>
      <c r="MI29" s="145">
        <v>0</v>
      </c>
      <c r="MJ29" s="119">
        <v>0</v>
      </c>
      <c r="MK29" s="119">
        <v>0</v>
      </c>
      <c r="ML29" s="119">
        <v>-120171</v>
      </c>
      <c r="MM29" s="119">
        <v>1108020</v>
      </c>
      <c r="MN29" s="119">
        <v>449972</v>
      </c>
      <c r="MO29" s="120">
        <v>1437821</v>
      </c>
      <c r="MP29" s="143">
        <v>1437821</v>
      </c>
      <c r="MQ29" s="142">
        <v>0</v>
      </c>
      <c r="MR29" s="119">
        <v>0</v>
      </c>
      <c r="MS29" s="120">
        <v>0</v>
      </c>
      <c r="MT29" s="145">
        <v>0</v>
      </c>
      <c r="MU29" s="119">
        <v>0</v>
      </c>
      <c r="MV29" s="119">
        <v>0</v>
      </c>
      <c r="MW29" s="119">
        <v>-187747</v>
      </c>
      <c r="MX29" s="119">
        <v>631718</v>
      </c>
      <c r="MY29" s="119">
        <v>449972</v>
      </c>
      <c r="MZ29" s="120">
        <v>893943</v>
      </c>
      <c r="NA29" s="143">
        <v>893943</v>
      </c>
      <c r="NB29" s="142">
        <v>0</v>
      </c>
      <c r="NC29" s="119">
        <v>0</v>
      </c>
      <c r="ND29" s="120">
        <v>0</v>
      </c>
      <c r="NE29" s="145">
        <v>0</v>
      </c>
      <c r="NF29" s="119">
        <v>0</v>
      </c>
      <c r="NG29" s="119">
        <v>0</v>
      </c>
      <c r="NH29" s="119">
        <v>67576</v>
      </c>
      <c r="NI29" s="119">
        <v>476302</v>
      </c>
      <c r="NJ29" s="119">
        <v>0</v>
      </c>
      <c r="NK29" s="120">
        <v>543878</v>
      </c>
      <c r="NL29" s="320">
        <v>543878</v>
      </c>
      <c r="NM29" s="142">
        <v>0</v>
      </c>
      <c r="NN29" s="119">
        <v>0</v>
      </c>
      <c r="NO29" s="120">
        <v>0</v>
      </c>
      <c r="NP29" s="145">
        <v>0</v>
      </c>
      <c r="NQ29" s="119">
        <v>0</v>
      </c>
      <c r="NR29" s="119">
        <v>0</v>
      </c>
      <c r="NS29" s="119">
        <v>0</v>
      </c>
      <c r="NT29" s="119">
        <v>0</v>
      </c>
      <c r="NU29" s="119">
        <v>0</v>
      </c>
      <c r="NV29" s="120">
        <v>0</v>
      </c>
      <c r="NW29" s="121">
        <v>0</v>
      </c>
      <c r="NX29" s="142">
        <v>0</v>
      </c>
      <c r="NY29" s="119">
        <v>0</v>
      </c>
      <c r="NZ29" s="120">
        <v>0</v>
      </c>
      <c r="OA29" s="145">
        <v>0</v>
      </c>
      <c r="OB29" s="119">
        <v>0</v>
      </c>
      <c r="OC29" s="119">
        <v>0</v>
      </c>
      <c r="OD29" s="119">
        <v>0</v>
      </c>
      <c r="OE29" s="119">
        <v>0</v>
      </c>
      <c r="OF29" s="119">
        <v>0</v>
      </c>
      <c r="OG29" s="120">
        <v>0</v>
      </c>
      <c r="OH29" s="121">
        <v>0</v>
      </c>
      <c r="OI29" s="142">
        <v>162919</v>
      </c>
      <c r="OJ29" s="119">
        <v>433413</v>
      </c>
      <c r="OK29" s="141">
        <v>596332</v>
      </c>
      <c r="OL29" s="118">
        <v>0</v>
      </c>
      <c r="OM29" s="119">
        <v>2312023</v>
      </c>
      <c r="ON29" s="119">
        <v>1924096</v>
      </c>
      <c r="OO29" s="119">
        <v>2038591</v>
      </c>
      <c r="OP29" s="119">
        <v>2539800</v>
      </c>
      <c r="OQ29" s="119">
        <v>3633191</v>
      </c>
      <c r="OR29" s="120">
        <v>12447701</v>
      </c>
      <c r="OS29" s="143">
        <v>13044033</v>
      </c>
    </row>
    <row r="30" spans="2:409" ht="21" customHeight="1" x14ac:dyDescent="0.2">
      <c r="B30" s="126" t="s">
        <v>25</v>
      </c>
      <c r="C30" s="110">
        <v>92631</v>
      </c>
      <c r="D30" s="114">
        <v>248571</v>
      </c>
      <c r="E30" s="113">
        <v>341202</v>
      </c>
      <c r="F30" s="109">
        <v>0</v>
      </c>
      <c r="G30" s="114">
        <v>487239</v>
      </c>
      <c r="H30" s="114">
        <v>1297835</v>
      </c>
      <c r="I30" s="114">
        <v>1107204</v>
      </c>
      <c r="J30" s="114">
        <v>785605</v>
      </c>
      <c r="K30" s="114">
        <v>933656</v>
      </c>
      <c r="L30" s="173">
        <v>4611539</v>
      </c>
      <c r="M30" s="116">
        <v>4952741</v>
      </c>
      <c r="N30" s="110">
        <v>60893</v>
      </c>
      <c r="O30" s="114">
        <v>95154</v>
      </c>
      <c r="P30" s="113">
        <v>156047</v>
      </c>
      <c r="Q30" s="110">
        <v>0</v>
      </c>
      <c r="R30" s="114">
        <v>119768</v>
      </c>
      <c r="S30" s="114">
        <v>374092</v>
      </c>
      <c r="T30" s="114">
        <v>174722</v>
      </c>
      <c r="U30" s="114">
        <v>249370</v>
      </c>
      <c r="V30" s="114">
        <v>343250</v>
      </c>
      <c r="W30" s="113">
        <v>1261202</v>
      </c>
      <c r="X30" s="116">
        <v>1417249</v>
      </c>
      <c r="Y30" s="110">
        <v>0</v>
      </c>
      <c r="Z30" s="114">
        <v>0</v>
      </c>
      <c r="AA30" s="113">
        <v>0</v>
      </c>
      <c r="AB30" s="110">
        <v>0</v>
      </c>
      <c r="AC30" s="114">
        <v>32468</v>
      </c>
      <c r="AD30" s="114">
        <v>94835</v>
      </c>
      <c r="AE30" s="114">
        <v>41807</v>
      </c>
      <c r="AF30" s="114">
        <v>6763</v>
      </c>
      <c r="AG30" s="114">
        <v>19818</v>
      </c>
      <c r="AH30" s="113">
        <v>195691</v>
      </c>
      <c r="AI30" s="116">
        <v>195691</v>
      </c>
      <c r="AJ30" s="110">
        <v>0</v>
      </c>
      <c r="AK30" s="114">
        <v>0</v>
      </c>
      <c r="AL30" s="113">
        <v>0</v>
      </c>
      <c r="AM30" s="110">
        <v>0</v>
      </c>
      <c r="AN30" s="114">
        <v>0</v>
      </c>
      <c r="AO30" s="114">
        <v>102298</v>
      </c>
      <c r="AP30" s="114">
        <v>0</v>
      </c>
      <c r="AQ30" s="114">
        <v>202273</v>
      </c>
      <c r="AR30" s="114">
        <v>197204</v>
      </c>
      <c r="AS30" s="113">
        <v>501775</v>
      </c>
      <c r="AT30" s="116">
        <v>501775</v>
      </c>
      <c r="AU30" s="110">
        <v>45297</v>
      </c>
      <c r="AV30" s="114">
        <v>88896</v>
      </c>
      <c r="AW30" s="113">
        <v>134193</v>
      </c>
      <c r="AX30" s="110">
        <v>0</v>
      </c>
      <c r="AY30" s="114">
        <v>69716</v>
      </c>
      <c r="AZ30" s="114">
        <v>169707</v>
      </c>
      <c r="BA30" s="114">
        <v>102416</v>
      </c>
      <c r="BB30" s="114">
        <v>28896</v>
      </c>
      <c r="BC30" s="114">
        <v>95603</v>
      </c>
      <c r="BD30" s="113">
        <v>466338</v>
      </c>
      <c r="BE30" s="116">
        <v>600531</v>
      </c>
      <c r="BF30" s="110">
        <v>0</v>
      </c>
      <c r="BG30" s="114">
        <v>0</v>
      </c>
      <c r="BH30" s="112">
        <v>0</v>
      </c>
      <c r="BI30" s="111">
        <v>0</v>
      </c>
      <c r="BJ30" s="114">
        <v>0</v>
      </c>
      <c r="BK30" s="114">
        <v>0</v>
      </c>
      <c r="BL30" s="114">
        <v>0</v>
      </c>
      <c r="BM30" s="114">
        <v>0</v>
      </c>
      <c r="BN30" s="114">
        <v>0</v>
      </c>
      <c r="BO30" s="113">
        <v>0</v>
      </c>
      <c r="BP30" s="116">
        <v>0</v>
      </c>
      <c r="BQ30" s="110">
        <v>15596</v>
      </c>
      <c r="BR30" s="114">
        <v>6258</v>
      </c>
      <c r="BS30" s="113">
        <v>21854</v>
      </c>
      <c r="BT30" s="110">
        <v>0</v>
      </c>
      <c r="BU30" s="114">
        <v>17584</v>
      </c>
      <c r="BV30" s="114">
        <v>7252</v>
      </c>
      <c r="BW30" s="114">
        <v>30499</v>
      </c>
      <c r="BX30" s="114">
        <v>11438</v>
      </c>
      <c r="BY30" s="114">
        <v>30625</v>
      </c>
      <c r="BZ30" s="113">
        <v>97398</v>
      </c>
      <c r="CA30" s="116">
        <v>119252</v>
      </c>
      <c r="CB30" s="110">
        <v>0</v>
      </c>
      <c r="CC30" s="114">
        <v>98113</v>
      </c>
      <c r="CD30" s="113">
        <v>98113</v>
      </c>
      <c r="CE30" s="110">
        <v>0</v>
      </c>
      <c r="CF30" s="114">
        <v>198676</v>
      </c>
      <c r="CG30" s="114">
        <v>468556</v>
      </c>
      <c r="CH30" s="114">
        <v>510620</v>
      </c>
      <c r="CI30" s="114">
        <v>76894</v>
      </c>
      <c r="CJ30" s="114">
        <v>122311</v>
      </c>
      <c r="CK30" s="113">
        <v>1377057</v>
      </c>
      <c r="CL30" s="116">
        <v>1475170</v>
      </c>
      <c r="CM30" s="110">
        <v>0</v>
      </c>
      <c r="CN30" s="114">
        <v>0</v>
      </c>
      <c r="CO30" s="113">
        <v>0</v>
      </c>
      <c r="CP30" s="111">
        <v>0</v>
      </c>
      <c r="CQ30" s="114">
        <v>156450</v>
      </c>
      <c r="CR30" s="114">
        <v>131515</v>
      </c>
      <c r="CS30" s="114">
        <v>442553</v>
      </c>
      <c r="CT30" s="114">
        <v>76894</v>
      </c>
      <c r="CU30" s="114">
        <v>0</v>
      </c>
      <c r="CV30" s="113">
        <v>807412</v>
      </c>
      <c r="CW30" s="116">
        <v>807412</v>
      </c>
      <c r="CX30" s="110">
        <v>0</v>
      </c>
      <c r="CY30" s="114">
        <v>98113</v>
      </c>
      <c r="CZ30" s="113">
        <v>98113</v>
      </c>
      <c r="DA30" s="110">
        <v>0</v>
      </c>
      <c r="DB30" s="114">
        <v>42226</v>
      </c>
      <c r="DC30" s="114">
        <v>337041</v>
      </c>
      <c r="DD30" s="114">
        <v>68067</v>
      </c>
      <c r="DE30" s="114">
        <v>0</v>
      </c>
      <c r="DF30" s="114">
        <v>122311</v>
      </c>
      <c r="DG30" s="113">
        <v>569645</v>
      </c>
      <c r="DH30" s="116">
        <v>667758</v>
      </c>
      <c r="DI30" s="110">
        <v>0</v>
      </c>
      <c r="DJ30" s="114">
        <v>17686</v>
      </c>
      <c r="DK30" s="112">
        <v>17686</v>
      </c>
      <c r="DL30" s="111">
        <v>0</v>
      </c>
      <c r="DM30" s="114">
        <v>54485</v>
      </c>
      <c r="DN30" s="114">
        <v>120326</v>
      </c>
      <c r="DO30" s="114">
        <v>178885</v>
      </c>
      <c r="DP30" s="114">
        <v>0</v>
      </c>
      <c r="DQ30" s="114">
        <v>53792</v>
      </c>
      <c r="DR30" s="113">
        <v>407488</v>
      </c>
      <c r="DS30" s="116">
        <v>425174</v>
      </c>
      <c r="DT30" s="110">
        <v>0</v>
      </c>
      <c r="DU30" s="114">
        <v>17686</v>
      </c>
      <c r="DV30" s="113">
        <v>17686</v>
      </c>
      <c r="DW30" s="110">
        <v>0</v>
      </c>
      <c r="DX30" s="114">
        <v>54485</v>
      </c>
      <c r="DY30" s="114">
        <v>93634</v>
      </c>
      <c r="DZ30" s="114">
        <v>178885</v>
      </c>
      <c r="EA30" s="114">
        <v>0</v>
      </c>
      <c r="EB30" s="114">
        <v>0</v>
      </c>
      <c r="EC30" s="113">
        <v>327004</v>
      </c>
      <c r="ED30" s="116">
        <v>344690</v>
      </c>
      <c r="EE30" s="110">
        <v>0</v>
      </c>
      <c r="EF30" s="112">
        <v>0</v>
      </c>
      <c r="EG30" s="113">
        <v>0</v>
      </c>
      <c r="EH30" s="110">
        <v>0</v>
      </c>
      <c r="EI30" s="114">
        <v>0</v>
      </c>
      <c r="EJ30" s="114">
        <v>26692</v>
      </c>
      <c r="EK30" s="114">
        <v>0</v>
      </c>
      <c r="EL30" s="114">
        <v>0</v>
      </c>
      <c r="EM30" s="114">
        <v>53792</v>
      </c>
      <c r="EN30" s="112">
        <v>80484</v>
      </c>
      <c r="EO30" s="116">
        <v>80484</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v>0</v>
      </c>
      <c r="FE30" s="114">
        <v>0</v>
      </c>
      <c r="FF30" s="114">
        <v>0</v>
      </c>
      <c r="FG30" s="114">
        <v>0</v>
      </c>
      <c r="FH30" s="114">
        <v>0</v>
      </c>
      <c r="FI30" s="114">
        <v>0</v>
      </c>
      <c r="FJ30" s="113">
        <v>0</v>
      </c>
      <c r="FK30" s="116">
        <v>0</v>
      </c>
      <c r="FL30" s="110">
        <v>31738</v>
      </c>
      <c r="FM30" s="114">
        <v>37618</v>
      </c>
      <c r="FN30" s="113">
        <v>69356</v>
      </c>
      <c r="FO30" s="110">
        <v>0</v>
      </c>
      <c r="FP30" s="114">
        <v>114310</v>
      </c>
      <c r="FQ30" s="114">
        <v>195657</v>
      </c>
      <c r="FR30" s="114">
        <v>85596</v>
      </c>
      <c r="FS30" s="114">
        <v>120841</v>
      </c>
      <c r="FT30" s="114">
        <v>107345</v>
      </c>
      <c r="FU30" s="113">
        <v>623749</v>
      </c>
      <c r="FV30" s="116">
        <v>693105</v>
      </c>
      <c r="FW30" s="115">
        <v>7238</v>
      </c>
      <c r="FX30" s="114">
        <v>37618</v>
      </c>
      <c r="FY30" s="112">
        <v>44856</v>
      </c>
      <c r="FZ30" s="111">
        <v>0</v>
      </c>
      <c r="GA30" s="114">
        <v>18410</v>
      </c>
      <c r="GB30" s="114">
        <v>166845</v>
      </c>
      <c r="GC30" s="114">
        <v>85596</v>
      </c>
      <c r="GD30" s="114">
        <v>120841</v>
      </c>
      <c r="GE30" s="114">
        <v>107345</v>
      </c>
      <c r="GF30" s="113">
        <v>499037</v>
      </c>
      <c r="GG30" s="318">
        <v>543893</v>
      </c>
      <c r="GH30" s="115">
        <v>0</v>
      </c>
      <c r="GI30" s="114">
        <v>0</v>
      </c>
      <c r="GJ30" s="112">
        <v>0</v>
      </c>
      <c r="GK30" s="111">
        <v>0</v>
      </c>
      <c r="GL30" s="114">
        <v>0</v>
      </c>
      <c r="GM30" s="114">
        <v>28812</v>
      </c>
      <c r="GN30" s="114">
        <v>0</v>
      </c>
      <c r="GO30" s="114">
        <v>0</v>
      </c>
      <c r="GP30" s="114">
        <v>0</v>
      </c>
      <c r="GQ30" s="113">
        <v>28812</v>
      </c>
      <c r="GR30" s="116">
        <v>28812</v>
      </c>
      <c r="GS30" s="110">
        <v>24500</v>
      </c>
      <c r="GT30" s="114">
        <v>0</v>
      </c>
      <c r="GU30" s="113">
        <v>24500</v>
      </c>
      <c r="GV30" s="110">
        <v>0</v>
      </c>
      <c r="GW30" s="114">
        <v>95900</v>
      </c>
      <c r="GX30" s="114">
        <v>0</v>
      </c>
      <c r="GY30" s="114">
        <v>0</v>
      </c>
      <c r="GZ30" s="114">
        <v>0</v>
      </c>
      <c r="HA30" s="114">
        <v>0</v>
      </c>
      <c r="HB30" s="112">
        <v>95900</v>
      </c>
      <c r="HC30" s="116">
        <v>120400</v>
      </c>
      <c r="HD30" s="110">
        <v>0</v>
      </c>
      <c r="HE30" s="114">
        <v>0</v>
      </c>
      <c r="HF30" s="112">
        <v>0</v>
      </c>
      <c r="HG30" s="111">
        <v>0</v>
      </c>
      <c r="HH30" s="114">
        <v>0</v>
      </c>
      <c r="HI30" s="114">
        <v>139204</v>
      </c>
      <c r="HJ30" s="114">
        <v>157381</v>
      </c>
      <c r="HK30" s="114">
        <v>338500</v>
      </c>
      <c r="HL30" s="114">
        <v>306958</v>
      </c>
      <c r="HM30" s="113">
        <v>942043</v>
      </c>
      <c r="HN30" s="109">
        <v>942043</v>
      </c>
      <c r="HO30" s="328">
        <v>0</v>
      </c>
      <c r="HP30" s="329">
        <v>0</v>
      </c>
      <c r="HQ30" s="330">
        <v>0</v>
      </c>
      <c r="HR30" s="331">
        <v>0</v>
      </c>
      <c r="HS30" s="329">
        <v>0</v>
      </c>
      <c r="HT30" s="329">
        <v>0</v>
      </c>
      <c r="HU30" s="329">
        <v>0</v>
      </c>
      <c r="HV30" s="329">
        <v>0</v>
      </c>
      <c r="HW30" s="329">
        <v>0</v>
      </c>
      <c r="HX30" s="332">
        <v>0</v>
      </c>
      <c r="HY30" s="333">
        <v>0</v>
      </c>
      <c r="HZ30" s="150">
        <v>0</v>
      </c>
      <c r="IA30" s="135">
        <v>0</v>
      </c>
      <c r="IB30" s="150">
        <v>0</v>
      </c>
      <c r="IC30" s="134">
        <v>0</v>
      </c>
      <c r="ID30" s="135">
        <v>274052</v>
      </c>
      <c r="IE30" s="136">
        <v>17073</v>
      </c>
      <c r="IF30" s="137">
        <v>34826</v>
      </c>
      <c r="IG30" s="135">
        <v>0</v>
      </c>
      <c r="IH30" s="137">
        <v>0</v>
      </c>
      <c r="II30" s="138">
        <v>325951</v>
      </c>
      <c r="IJ30" s="150">
        <v>325951</v>
      </c>
      <c r="IK30" s="232">
        <v>0</v>
      </c>
      <c r="IL30" s="236">
        <v>0</v>
      </c>
      <c r="IM30" s="237">
        <v>0</v>
      </c>
      <c r="IN30" s="140">
        <v>0</v>
      </c>
      <c r="IO30" s="119">
        <v>0</v>
      </c>
      <c r="IP30" s="119">
        <v>0</v>
      </c>
      <c r="IQ30" s="119">
        <v>0</v>
      </c>
      <c r="IR30" s="119">
        <v>0</v>
      </c>
      <c r="IS30" s="119">
        <v>0</v>
      </c>
      <c r="IT30" s="141">
        <v>0</v>
      </c>
      <c r="IU30" s="320">
        <v>0</v>
      </c>
      <c r="IV30" s="142">
        <v>0</v>
      </c>
      <c r="IW30" s="119">
        <v>0</v>
      </c>
      <c r="IX30" s="120">
        <v>0</v>
      </c>
      <c r="IY30" s="144">
        <v>0</v>
      </c>
      <c r="IZ30" s="119">
        <v>0</v>
      </c>
      <c r="JA30" s="119">
        <v>0</v>
      </c>
      <c r="JB30" s="119">
        <v>0</v>
      </c>
      <c r="JC30" s="119">
        <v>0</v>
      </c>
      <c r="JD30" s="119">
        <v>0</v>
      </c>
      <c r="JE30" s="120">
        <v>0</v>
      </c>
      <c r="JF30" s="121">
        <v>0</v>
      </c>
      <c r="JG30" s="142">
        <v>0</v>
      </c>
      <c r="JH30" s="119">
        <v>0</v>
      </c>
      <c r="JI30" s="141">
        <v>0</v>
      </c>
      <c r="JJ30" s="118">
        <v>0</v>
      </c>
      <c r="JK30" s="119">
        <v>94060</v>
      </c>
      <c r="JL30" s="119">
        <v>17073</v>
      </c>
      <c r="JM30" s="119">
        <v>34826</v>
      </c>
      <c r="JN30" s="119">
        <v>0</v>
      </c>
      <c r="JO30" s="119">
        <v>0</v>
      </c>
      <c r="JP30" s="120">
        <v>145959</v>
      </c>
      <c r="JQ30" s="320">
        <v>145959</v>
      </c>
      <c r="JR30" s="142">
        <v>0</v>
      </c>
      <c r="JS30" s="119">
        <v>0</v>
      </c>
      <c r="JT30" s="141">
        <v>0</v>
      </c>
      <c r="JU30" s="118">
        <v>0</v>
      </c>
      <c r="JV30" s="119">
        <v>0</v>
      </c>
      <c r="JW30" s="119">
        <v>0</v>
      </c>
      <c r="JX30" s="119">
        <v>0</v>
      </c>
      <c r="JY30" s="119">
        <v>0</v>
      </c>
      <c r="JZ30" s="119">
        <v>0</v>
      </c>
      <c r="KA30" s="120">
        <v>0</v>
      </c>
      <c r="KB30" s="320">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v>0</v>
      </c>
      <c r="KR30" s="119">
        <v>179992</v>
      </c>
      <c r="KS30" s="119">
        <v>0</v>
      </c>
      <c r="KT30" s="119">
        <v>0</v>
      </c>
      <c r="KU30" s="119">
        <v>0</v>
      </c>
      <c r="KV30" s="119">
        <v>0</v>
      </c>
      <c r="KW30" s="120">
        <v>179992</v>
      </c>
      <c r="KX30" s="320">
        <v>179992</v>
      </c>
      <c r="KY30" s="142">
        <v>0</v>
      </c>
      <c r="KZ30" s="119">
        <v>0</v>
      </c>
      <c r="LA30" s="120">
        <v>0</v>
      </c>
      <c r="LB30" s="145">
        <v>0</v>
      </c>
      <c r="LC30" s="119">
        <v>0</v>
      </c>
      <c r="LD30" s="119">
        <v>0</v>
      </c>
      <c r="LE30" s="119">
        <v>0</v>
      </c>
      <c r="LF30" s="119">
        <v>0</v>
      </c>
      <c r="LG30" s="119">
        <v>0</v>
      </c>
      <c r="LH30" s="120">
        <v>0</v>
      </c>
      <c r="LI30" s="121">
        <v>0</v>
      </c>
      <c r="LJ30" s="142">
        <v>0</v>
      </c>
      <c r="LK30" s="119">
        <v>0</v>
      </c>
      <c r="LL30" s="120">
        <v>0</v>
      </c>
      <c r="LM30" s="145">
        <v>0</v>
      </c>
      <c r="LN30" s="119">
        <v>0</v>
      </c>
      <c r="LO30" s="119">
        <v>0</v>
      </c>
      <c r="LP30" s="119">
        <v>0</v>
      </c>
      <c r="LQ30" s="119">
        <v>0</v>
      </c>
      <c r="LR30" s="119">
        <v>0</v>
      </c>
      <c r="LS30" s="120">
        <v>0</v>
      </c>
      <c r="LT30" s="320">
        <v>0</v>
      </c>
      <c r="LU30" s="142">
        <v>0</v>
      </c>
      <c r="LV30" s="119">
        <v>0</v>
      </c>
      <c r="LW30" s="120">
        <v>0</v>
      </c>
      <c r="LX30" s="145">
        <v>0</v>
      </c>
      <c r="LY30" s="119">
        <v>0</v>
      </c>
      <c r="LZ30" s="119">
        <v>0</v>
      </c>
      <c r="MA30" s="119">
        <v>0</v>
      </c>
      <c r="MB30" s="119">
        <v>0</v>
      </c>
      <c r="MC30" s="119">
        <v>0</v>
      </c>
      <c r="MD30" s="120">
        <v>0</v>
      </c>
      <c r="ME30" s="121">
        <v>0</v>
      </c>
      <c r="MF30" s="142">
        <v>0</v>
      </c>
      <c r="MG30" s="119">
        <v>0</v>
      </c>
      <c r="MH30" s="120">
        <v>0</v>
      </c>
      <c r="MI30" s="145">
        <v>0</v>
      </c>
      <c r="MJ30" s="119">
        <v>0</v>
      </c>
      <c r="MK30" s="119">
        <v>114918</v>
      </c>
      <c r="ML30" s="119">
        <v>181031</v>
      </c>
      <c r="MM30" s="119">
        <v>720192</v>
      </c>
      <c r="MN30" s="119">
        <v>211995</v>
      </c>
      <c r="MO30" s="120">
        <v>1228136</v>
      </c>
      <c r="MP30" s="143">
        <v>1228136</v>
      </c>
      <c r="MQ30" s="142">
        <v>0</v>
      </c>
      <c r="MR30" s="119">
        <v>0</v>
      </c>
      <c r="MS30" s="120">
        <v>0</v>
      </c>
      <c r="MT30" s="145">
        <v>0</v>
      </c>
      <c r="MU30" s="119">
        <v>0</v>
      </c>
      <c r="MV30" s="119">
        <v>0</v>
      </c>
      <c r="MW30" s="119">
        <v>181031</v>
      </c>
      <c r="MX30" s="119">
        <v>196546</v>
      </c>
      <c r="MY30" s="119">
        <v>211995</v>
      </c>
      <c r="MZ30" s="120">
        <v>589572</v>
      </c>
      <c r="NA30" s="143">
        <v>589572</v>
      </c>
      <c r="NB30" s="142">
        <v>0</v>
      </c>
      <c r="NC30" s="119">
        <v>0</v>
      </c>
      <c r="ND30" s="120">
        <v>0</v>
      </c>
      <c r="NE30" s="145">
        <v>0</v>
      </c>
      <c r="NF30" s="119">
        <v>0</v>
      </c>
      <c r="NG30" s="119">
        <v>114918</v>
      </c>
      <c r="NH30" s="119">
        <v>0</v>
      </c>
      <c r="NI30" s="119">
        <v>220948</v>
      </c>
      <c r="NJ30" s="119">
        <v>0</v>
      </c>
      <c r="NK30" s="120">
        <v>335866</v>
      </c>
      <c r="NL30" s="320">
        <v>335866</v>
      </c>
      <c r="NM30" s="142">
        <v>0</v>
      </c>
      <c r="NN30" s="119">
        <v>0</v>
      </c>
      <c r="NO30" s="120">
        <v>0</v>
      </c>
      <c r="NP30" s="145">
        <v>0</v>
      </c>
      <c r="NQ30" s="119">
        <v>0</v>
      </c>
      <c r="NR30" s="119">
        <v>0</v>
      </c>
      <c r="NS30" s="119">
        <v>0</v>
      </c>
      <c r="NT30" s="119">
        <v>0</v>
      </c>
      <c r="NU30" s="119">
        <v>0</v>
      </c>
      <c r="NV30" s="120">
        <v>0</v>
      </c>
      <c r="NW30" s="121">
        <v>0</v>
      </c>
      <c r="NX30" s="142">
        <v>0</v>
      </c>
      <c r="NY30" s="119">
        <v>0</v>
      </c>
      <c r="NZ30" s="120">
        <v>0</v>
      </c>
      <c r="OA30" s="145">
        <v>0</v>
      </c>
      <c r="OB30" s="119">
        <v>0</v>
      </c>
      <c r="OC30" s="119">
        <v>0</v>
      </c>
      <c r="OD30" s="119">
        <v>0</v>
      </c>
      <c r="OE30" s="119">
        <v>302698</v>
      </c>
      <c r="OF30" s="119">
        <v>0</v>
      </c>
      <c r="OG30" s="120">
        <v>302698</v>
      </c>
      <c r="OH30" s="121">
        <v>302698</v>
      </c>
      <c r="OI30" s="142">
        <v>92631</v>
      </c>
      <c r="OJ30" s="119">
        <v>248571</v>
      </c>
      <c r="OK30" s="141">
        <v>341202</v>
      </c>
      <c r="OL30" s="118">
        <v>0</v>
      </c>
      <c r="OM30" s="119">
        <v>761291</v>
      </c>
      <c r="ON30" s="119">
        <v>1429826</v>
      </c>
      <c r="OO30" s="119">
        <v>1323061</v>
      </c>
      <c r="OP30" s="119">
        <v>1505797</v>
      </c>
      <c r="OQ30" s="119">
        <v>1145651</v>
      </c>
      <c r="OR30" s="120">
        <v>6165626</v>
      </c>
      <c r="OS30" s="143">
        <v>6506828</v>
      </c>
    </row>
    <row r="31" spans="2:409" ht="21" customHeight="1" x14ac:dyDescent="0.2">
      <c r="B31" s="126" t="s">
        <v>26</v>
      </c>
      <c r="C31" s="110">
        <v>191563</v>
      </c>
      <c r="D31" s="114">
        <v>208188</v>
      </c>
      <c r="E31" s="113">
        <v>399751</v>
      </c>
      <c r="F31" s="109">
        <v>0</v>
      </c>
      <c r="G31" s="114">
        <v>1071211</v>
      </c>
      <c r="H31" s="114">
        <v>1809825</v>
      </c>
      <c r="I31" s="114">
        <v>581714</v>
      </c>
      <c r="J31" s="114">
        <v>729766</v>
      </c>
      <c r="K31" s="114">
        <v>633964</v>
      </c>
      <c r="L31" s="173">
        <v>4826480</v>
      </c>
      <c r="M31" s="116">
        <v>5226231</v>
      </c>
      <c r="N31" s="110">
        <v>57078</v>
      </c>
      <c r="O31" s="114">
        <v>47837</v>
      </c>
      <c r="P31" s="113">
        <v>104915</v>
      </c>
      <c r="Q31" s="110">
        <v>0</v>
      </c>
      <c r="R31" s="114">
        <v>240969</v>
      </c>
      <c r="S31" s="114">
        <v>356622</v>
      </c>
      <c r="T31" s="114">
        <v>244558</v>
      </c>
      <c r="U31" s="114">
        <v>578647</v>
      </c>
      <c r="V31" s="114">
        <v>382375</v>
      </c>
      <c r="W31" s="113">
        <v>1803171</v>
      </c>
      <c r="X31" s="116">
        <v>1908086</v>
      </c>
      <c r="Y31" s="110">
        <v>0</v>
      </c>
      <c r="Z31" s="114">
        <v>0</v>
      </c>
      <c r="AA31" s="113">
        <v>0</v>
      </c>
      <c r="AB31" s="110">
        <v>0</v>
      </c>
      <c r="AC31" s="114">
        <v>50193</v>
      </c>
      <c r="AD31" s="114">
        <v>52852</v>
      </c>
      <c r="AE31" s="114">
        <v>181251</v>
      </c>
      <c r="AF31" s="114">
        <v>325155</v>
      </c>
      <c r="AG31" s="114">
        <v>180538</v>
      </c>
      <c r="AH31" s="113">
        <v>789989</v>
      </c>
      <c r="AI31" s="116">
        <v>789989</v>
      </c>
      <c r="AJ31" s="110">
        <v>0</v>
      </c>
      <c r="AK31" s="114">
        <v>0</v>
      </c>
      <c r="AL31" s="113">
        <v>0</v>
      </c>
      <c r="AM31" s="110">
        <v>0</v>
      </c>
      <c r="AN31" s="114">
        <v>0</v>
      </c>
      <c r="AO31" s="114">
        <v>0</v>
      </c>
      <c r="AP31" s="114">
        <v>0</v>
      </c>
      <c r="AQ31" s="114">
        <v>0</v>
      </c>
      <c r="AR31" s="114">
        <v>42325</v>
      </c>
      <c r="AS31" s="113">
        <v>42325</v>
      </c>
      <c r="AT31" s="116">
        <v>42325</v>
      </c>
      <c r="AU31" s="110">
        <v>0</v>
      </c>
      <c r="AV31" s="114">
        <v>27467</v>
      </c>
      <c r="AW31" s="113">
        <v>27467</v>
      </c>
      <c r="AX31" s="110">
        <v>0</v>
      </c>
      <c r="AY31" s="114">
        <v>166374</v>
      </c>
      <c r="AZ31" s="114">
        <v>177878</v>
      </c>
      <c r="BA31" s="114">
        <v>60920</v>
      </c>
      <c r="BB31" s="114">
        <v>207369</v>
      </c>
      <c r="BC31" s="114">
        <v>127942</v>
      </c>
      <c r="BD31" s="113">
        <v>740483</v>
      </c>
      <c r="BE31" s="116">
        <v>767950</v>
      </c>
      <c r="BF31" s="110">
        <v>0</v>
      </c>
      <c r="BG31" s="114">
        <v>0</v>
      </c>
      <c r="BH31" s="112">
        <v>0</v>
      </c>
      <c r="BI31" s="111">
        <v>0</v>
      </c>
      <c r="BJ31" s="114">
        <v>0</v>
      </c>
      <c r="BK31" s="114">
        <v>62213</v>
      </c>
      <c r="BL31" s="114">
        <v>0</v>
      </c>
      <c r="BM31" s="114">
        <v>0</v>
      </c>
      <c r="BN31" s="114">
        <v>0</v>
      </c>
      <c r="BO31" s="113">
        <v>62213</v>
      </c>
      <c r="BP31" s="116">
        <v>62213</v>
      </c>
      <c r="BQ31" s="110">
        <v>57078</v>
      </c>
      <c r="BR31" s="114">
        <v>20370</v>
      </c>
      <c r="BS31" s="113">
        <v>77448</v>
      </c>
      <c r="BT31" s="110">
        <v>0</v>
      </c>
      <c r="BU31" s="114">
        <v>24402</v>
      </c>
      <c r="BV31" s="114">
        <v>63679</v>
      </c>
      <c r="BW31" s="114">
        <v>2387</v>
      </c>
      <c r="BX31" s="114">
        <v>46123</v>
      </c>
      <c r="BY31" s="114">
        <v>31570</v>
      </c>
      <c r="BZ31" s="113">
        <v>168161</v>
      </c>
      <c r="CA31" s="116">
        <v>245609</v>
      </c>
      <c r="CB31" s="110">
        <v>0</v>
      </c>
      <c r="CC31" s="114">
        <v>31953</v>
      </c>
      <c r="CD31" s="113">
        <v>31953</v>
      </c>
      <c r="CE31" s="110">
        <v>0</v>
      </c>
      <c r="CF31" s="114">
        <v>266515</v>
      </c>
      <c r="CG31" s="114">
        <v>407922</v>
      </c>
      <c r="CH31" s="114">
        <v>205175</v>
      </c>
      <c r="CI31" s="114">
        <v>73139</v>
      </c>
      <c r="CJ31" s="114">
        <v>0</v>
      </c>
      <c r="CK31" s="113">
        <v>952751</v>
      </c>
      <c r="CL31" s="116">
        <v>984704</v>
      </c>
      <c r="CM31" s="110">
        <v>0</v>
      </c>
      <c r="CN31" s="114">
        <v>0</v>
      </c>
      <c r="CO31" s="113">
        <v>0</v>
      </c>
      <c r="CP31" s="111">
        <v>0</v>
      </c>
      <c r="CQ31" s="114">
        <v>143162</v>
      </c>
      <c r="CR31" s="114">
        <v>236101</v>
      </c>
      <c r="CS31" s="114">
        <v>172282</v>
      </c>
      <c r="CT31" s="114">
        <v>73139</v>
      </c>
      <c r="CU31" s="114">
        <v>0</v>
      </c>
      <c r="CV31" s="113">
        <v>624684</v>
      </c>
      <c r="CW31" s="116">
        <v>624684</v>
      </c>
      <c r="CX31" s="110">
        <v>0</v>
      </c>
      <c r="CY31" s="114">
        <v>31953</v>
      </c>
      <c r="CZ31" s="113">
        <v>31953</v>
      </c>
      <c r="DA31" s="110">
        <v>0</v>
      </c>
      <c r="DB31" s="114">
        <v>123353</v>
      </c>
      <c r="DC31" s="114">
        <v>171821</v>
      </c>
      <c r="DD31" s="114">
        <v>32893</v>
      </c>
      <c r="DE31" s="114">
        <v>0</v>
      </c>
      <c r="DF31" s="114">
        <v>0</v>
      </c>
      <c r="DG31" s="113">
        <v>328067</v>
      </c>
      <c r="DH31" s="116">
        <v>360020</v>
      </c>
      <c r="DI31" s="110">
        <v>0</v>
      </c>
      <c r="DJ31" s="114">
        <v>29313</v>
      </c>
      <c r="DK31" s="112">
        <v>29313</v>
      </c>
      <c r="DL31" s="111">
        <v>0</v>
      </c>
      <c r="DM31" s="114">
        <v>0</v>
      </c>
      <c r="DN31" s="114">
        <v>8130</v>
      </c>
      <c r="DO31" s="114">
        <v>79145</v>
      </c>
      <c r="DP31" s="114">
        <v>0</v>
      </c>
      <c r="DQ31" s="114">
        <v>0</v>
      </c>
      <c r="DR31" s="113">
        <v>87275</v>
      </c>
      <c r="DS31" s="116">
        <v>116588</v>
      </c>
      <c r="DT31" s="110">
        <v>0</v>
      </c>
      <c r="DU31" s="114">
        <v>29313</v>
      </c>
      <c r="DV31" s="113">
        <v>29313</v>
      </c>
      <c r="DW31" s="110">
        <v>0</v>
      </c>
      <c r="DX31" s="114">
        <v>0</v>
      </c>
      <c r="DY31" s="114">
        <v>8130</v>
      </c>
      <c r="DZ31" s="114">
        <v>79145</v>
      </c>
      <c r="EA31" s="114">
        <v>0</v>
      </c>
      <c r="EB31" s="114">
        <v>0</v>
      </c>
      <c r="EC31" s="113">
        <v>87275</v>
      </c>
      <c r="ED31" s="116">
        <v>116588</v>
      </c>
      <c r="EE31" s="110">
        <v>0</v>
      </c>
      <c r="EF31" s="112">
        <v>0</v>
      </c>
      <c r="EG31" s="113">
        <v>0</v>
      </c>
      <c r="EH31" s="110">
        <v>0</v>
      </c>
      <c r="EI31" s="114">
        <v>0</v>
      </c>
      <c r="EJ31" s="114">
        <v>0</v>
      </c>
      <c r="EK31" s="114">
        <v>0</v>
      </c>
      <c r="EL31" s="114">
        <v>0</v>
      </c>
      <c r="EM31" s="114">
        <v>0</v>
      </c>
      <c r="EN31" s="112">
        <v>0</v>
      </c>
      <c r="EO31" s="116">
        <v>0</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v>0</v>
      </c>
      <c r="FE31" s="114">
        <v>0</v>
      </c>
      <c r="FF31" s="114">
        <v>0</v>
      </c>
      <c r="FG31" s="114">
        <v>0</v>
      </c>
      <c r="FH31" s="114">
        <v>0</v>
      </c>
      <c r="FI31" s="114">
        <v>0</v>
      </c>
      <c r="FJ31" s="113">
        <v>0</v>
      </c>
      <c r="FK31" s="116">
        <v>0</v>
      </c>
      <c r="FL31" s="110">
        <v>3500</v>
      </c>
      <c r="FM31" s="114">
        <v>27230</v>
      </c>
      <c r="FN31" s="113">
        <v>30730</v>
      </c>
      <c r="FO31" s="110">
        <v>0</v>
      </c>
      <c r="FP31" s="114">
        <v>179706</v>
      </c>
      <c r="FQ31" s="114">
        <v>290787</v>
      </c>
      <c r="FR31" s="114">
        <v>52836</v>
      </c>
      <c r="FS31" s="114">
        <v>77980</v>
      </c>
      <c r="FT31" s="114">
        <v>68019</v>
      </c>
      <c r="FU31" s="113">
        <v>669328</v>
      </c>
      <c r="FV31" s="116">
        <v>700058</v>
      </c>
      <c r="FW31" s="115">
        <v>3500</v>
      </c>
      <c r="FX31" s="114">
        <v>27230</v>
      </c>
      <c r="FY31" s="112">
        <v>30730</v>
      </c>
      <c r="FZ31" s="111">
        <v>0</v>
      </c>
      <c r="GA31" s="114">
        <v>24290</v>
      </c>
      <c r="GB31" s="114">
        <v>110453</v>
      </c>
      <c r="GC31" s="114">
        <v>52836</v>
      </c>
      <c r="GD31" s="114">
        <v>77980</v>
      </c>
      <c r="GE31" s="114">
        <v>68019</v>
      </c>
      <c r="GF31" s="113">
        <v>333578</v>
      </c>
      <c r="GG31" s="318">
        <v>364308</v>
      </c>
      <c r="GH31" s="115">
        <v>0</v>
      </c>
      <c r="GI31" s="114">
        <v>0</v>
      </c>
      <c r="GJ31" s="112">
        <v>0</v>
      </c>
      <c r="GK31" s="111">
        <v>0</v>
      </c>
      <c r="GL31" s="114">
        <v>34188</v>
      </c>
      <c r="GM31" s="114">
        <v>40334</v>
      </c>
      <c r="GN31" s="114">
        <v>0</v>
      </c>
      <c r="GO31" s="114">
        <v>0</v>
      </c>
      <c r="GP31" s="114">
        <v>0</v>
      </c>
      <c r="GQ31" s="113">
        <v>74522</v>
      </c>
      <c r="GR31" s="116">
        <v>74522</v>
      </c>
      <c r="GS31" s="110">
        <v>0</v>
      </c>
      <c r="GT31" s="114">
        <v>0</v>
      </c>
      <c r="GU31" s="113">
        <v>0</v>
      </c>
      <c r="GV31" s="110">
        <v>0</v>
      </c>
      <c r="GW31" s="114">
        <v>121228</v>
      </c>
      <c r="GX31" s="114">
        <v>140000</v>
      </c>
      <c r="GY31" s="114">
        <v>0</v>
      </c>
      <c r="GZ31" s="114">
        <v>0</v>
      </c>
      <c r="HA31" s="114">
        <v>0</v>
      </c>
      <c r="HB31" s="112">
        <v>261228</v>
      </c>
      <c r="HC31" s="116">
        <v>261228</v>
      </c>
      <c r="HD31" s="110">
        <v>130985</v>
      </c>
      <c r="HE31" s="114">
        <v>71855</v>
      </c>
      <c r="HF31" s="112">
        <v>202840</v>
      </c>
      <c r="HG31" s="111">
        <v>0</v>
      </c>
      <c r="HH31" s="114">
        <v>384021</v>
      </c>
      <c r="HI31" s="114">
        <v>746364</v>
      </c>
      <c r="HJ31" s="114">
        <v>0</v>
      </c>
      <c r="HK31" s="114">
        <v>0</v>
      </c>
      <c r="HL31" s="114">
        <v>183570</v>
      </c>
      <c r="HM31" s="113">
        <v>1313955</v>
      </c>
      <c r="HN31" s="109">
        <v>1516795</v>
      </c>
      <c r="HO31" s="328">
        <v>0</v>
      </c>
      <c r="HP31" s="329">
        <v>0</v>
      </c>
      <c r="HQ31" s="330">
        <v>0</v>
      </c>
      <c r="HR31" s="331">
        <v>0</v>
      </c>
      <c r="HS31" s="329">
        <v>0</v>
      </c>
      <c r="HT31" s="329">
        <v>0</v>
      </c>
      <c r="HU31" s="329">
        <v>0</v>
      </c>
      <c r="HV31" s="329">
        <v>0</v>
      </c>
      <c r="HW31" s="329">
        <v>0</v>
      </c>
      <c r="HX31" s="332">
        <v>0</v>
      </c>
      <c r="HY31" s="333">
        <v>0</v>
      </c>
      <c r="HZ31" s="131">
        <v>0</v>
      </c>
      <c r="IA31" s="132">
        <v>0</v>
      </c>
      <c r="IB31" s="133">
        <v>0</v>
      </c>
      <c r="IC31" s="146">
        <v>0</v>
      </c>
      <c r="ID31" s="132">
        <v>150732</v>
      </c>
      <c r="IE31" s="147">
        <v>88208</v>
      </c>
      <c r="IF31" s="133">
        <v>209859</v>
      </c>
      <c r="IG31" s="132">
        <v>401762</v>
      </c>
      <c r="IH31" s="133">
        <v>0</v>
      </c>
      <c r="II31" s="148">
        <v>850561</v>
      </c>
      <c r="IJ31" s="139">
        <v>850561</v>
      </c>
      <c r="IK31" s="232">
        <v>0</v>
      </c>
      <c r="IL31" s="236">
        <v>0</v>
      </c>
      <c r="IM31" s="237">
        <v>0</v>
      </c>
      <c r="IN31" s="140">
        <v>0</v>
      </c>
      <c r="IO31" s="119">
        <v>0</v>
      </c>
      <c r="IP31" s="119">
        <v>0</v>
      </c>
      <c r="IQ31" s="119">
        <v>0</v>
      </c>
      <c r="IR31" s="119">
        <v>0</v>
      </c>
      <c r="IS31" s="119">
        <v>0</v>
      </c>
      <c r="IT31" s="141">
        <v>0</v>
      </c>
      <c r="IU31" s="320">
        <v>0</v>
      </c>
      <c r="IV31" s="142">
        <v>0</v>
      </c>
      <c r="IW31" s="119">
        <v>0</v>
      </c>
      <c r="IX31" s="120">
        <v>0</v>
      </c>
      <c r="IY31" s="144">
        <v>0</v>
      </c>
      <c r="IZ31" s="119">
        <v>0</v>
      </c>
      <c r="JA31" s="119">
        <v>0</v>
      </c>
      <c r="JB31" s="119">
        <v>0</v>
      </c>
      <c r="JC31" s="119">
        <v>0</v>
      </c>
      <c r="JD31" s="119">
        <v>0</v>
      </c>
      <c r="JE31" s="120">
        <v>0</v>
      </c>
      <c r="JF31" s="121">
        <v>0</v>
      </c>
      <c r="JG31" s="142">
        <v>0</v>
      </c>
      <c r="JH31" s="119">
        <v>0</v>
      </c>
      <c r="JI31" s="141">
        <v>0</v>
      </c>
      <c r="JJ31" s="118">
        <v>0</v>
      </c>
      <c r="JK31" s="119">
        <v>42709</v>
      </c>
      <c r="JL31" s="119">
        <v>88208</v>
      </c>
      <c r="JM31" s="119">
        <v>13780</v>
      </c>
      <c r="JN31" s="119">
        <v>0</v>
      </c>
      <c r="JO31" s="119">
        <v>0</v>
      </c>
      <c r="JP31" s="120">
        <v>144697</v>
      </c>
      <c r="JQ31" s="320">
        <v>144697</v>
      </c>
      <c r="JR31" s="142">
        <v>0</v>
      </c>
      <c r="JS31" s="119">
        <v>0</v>
      </c>
      <c r="JT31" s="141">
        <v>0</v>
      </c>
      <c r="JU31" s="118">
        <v>0</v>
      </c>
      <c r="JV31" s="119">
        <v>0</v>
      </c>
      <c r="JW31" s="119">
        <v>0</v>
      </c>
      <c r="JX31" s="119">
        <v>0</v>
      </c>
      <c r="JY31" s="119">
        <v>0</v>
      </c>
      <c r="JZ31" s="119">
        <v>0</v>
      </c>
      <c r="KA31" s="120">
        <v>0</v>
      </c>
      <c r="KB31" s="320">
        <v>0</v>
      </c>
      <c r="KC31" s="234">
        <v>0</v>
      </c>
      <c r="KD31" s="230">
        <v>0</v>
      </c>
      <c r="KE31" s="120">
        <v>0</v>
      </c>
      <c r="KF31" s="118">
        <v>0</v>
      </c>
      <c r="KG31" s="119">
        <v>108023</v>
      </c>
      <c r="KH31" s="119">
        <v>0</v>
      </c>
      <c r="KI31" s="119">
        <v>0</v>
      </c>
      <c r="KJ31" s="119">
        <v>0</v>
      </c>
      <c r="KK31" s="119">
        <v>0</v>
      </c>
      <c r="KL31" s="120">
        <v>108023</v>
      </c>
      <c r="KM31" s="143">
        <v>108023</v>
      </c>
      <c r="KN31" s="232">
        <v>0</v>
      </c>
      <c r="KO31" s="236">
        <v>0</v>
      </c>
      <c r="KP31" s="237">
        <v>0</v>
      </c>
      <c r="KQ31" s="140">
        <v>0</v>
      </c>
      <c r="KR31" s="119">
        <v>0</v>
      </c>
      <c r="KS31" s="119">
        <v>0</v>
      </c>
      <c r="KT31" s="119">
        <v>196079</v>
      </c>
      <c r="KU31" s="119">
        <v>401762</v>
      </c>
      <c r="KV31" s="119">
        <v>0</v>
      </c>
      <c r="KW31" s="120">
        <v>597841</v>
      </c>
      <c r="KX31" s="320">
        <v>597841</v>
      </c>
      <c r="KY31" s="142">
        <v>0</v>
      </c>
      <c r="KZ31" s="119">
        <v>0</v>
      </c>
      <c r="LA31" s="120">
        <v>0</v>
      </c>
      <c r="LB31" s="145">
        <v>0</v>
      </c>
      <c r="LC31" s="119">
        <v>0</v>
      </c>
      <c r="LD31" s="119">
        <v>0</v>
      </c>
      <c r="LE31" s="119">
        <v>0</v>
      </c>
      <c r="LF31" s="119">
        <v>0</v>
      </c>
      <c r="LG31" s="119">
        <v>0</v>
      </c>
      <c r="LH31" s="120">
        <v>0</v>
      </c>
      <c r="LI31" s="121">
        <v>0</v>
      </c>
      <c r="LJ31" s="142">
        <v>0</v>
      </c>
      <c r="LK31" s="119">
        <v>0</v>
      </c>
      <c r="LL31" s="120">
        <v>0</v>
      </c>
      <c r="LM31" s="145">
        <v>0</v>
      </c>
      <c r="LN31" s="119">
        <v>0</v>
      </c>
      <c r="LO31" s="119">
        <v>0</v>
      </c>
      <c r="LP31" s="119">
        <v>0</v>
      </c>
      <c r="LQ31" s="119">
        <v>0</v>
      </c>
      <c r="LR31" s="119">
        <v>0</v>
      </c>
      <c r="LS31" s="120">
        <v>0</v>
      </c>
      <c r="LT31" s="320">
        <v>0</v>
      </c>
      <c r="LU31" s="142">
        <v>0</v>
      </c>
      <c r="LV31" s="119">
        <v>0</v>
      </c>
      <c r="LW31" s="120">
        <v>0</v>
      </c>
      <c r="LX31" s="145">
        <v>0</v>
      </c>
      <c r="LY31" s="119">
        <v>0</v>
      </c>
      <c r="LZ31" s="119">
        <v>0</v>
      </c>
      <c r="MA31" s="119">
        <v>0</v>
      </c>
      <c r="MB31" s="119">
        <v>0</v>
      </c>
      <c r="MC31" s="119">
        <v>0</v>
      </c>
      <c r="MD31" s="120">
        <v>0</v>
      </c>
      <c r="ME31" s="121">
        <v>0</v>
      </c>
      <c r="MF31" s="142">
        <v>0</v>
      </c>
      <c r="MG31" s="119">
        <v>0</v>
      </c>
      <c r="MH31" s="120">
        <v>0</v>
      </c>
      <c r="MI31" s="145">
        <v>0</v>
      </c>
      <c r="MJ31" s="119">
        <v>415669</v>
      </c>
      <c r="MK31" s="119">
        <v>189515</v>
      </c>
      <c r="ML31" s="119">
        <v>193503</v>
      </c>
      <c r="MM31" s="119">
        <v>179300</v>
      </c>
      <c r="MN31" s="119">
        <v>-250</v>
      </c>
      <c r="MO31" s="120">
        <v>977737</v>
      </c>
      <c r="MP31" s="143">
        <v>977737</v>
      </c>
      <c r="MQ31" s="142">
        <v>0</v>
      </c>
      <c r="MR31" s="119">
        <v>0</v>
      </c>
      <c r="MS31" s="120">
        <v>0</v>
      </c>
      <c r="MT31" s="145">
        <v>0</v>
      </c>
      <c r="MU31" s="119">
        <v>0</v>
      </c>
      <c r="MV31" s="119">
        <v>0</v>
      </c>
      <c r="MW31" s="119">
        <v>193503</v>
      </c>
      <c r="MX31" s="119">
        <v>179300</v>
      </c>
      <c r="MY31" s="119">
        <v>-250</v>
      </c>
      <c r="MZ31" s="120">
        <v>372553</v>
      </c>
      <c r="NA31" s="143">
        <v>372553</v>
      </c>
      <c r="NB31" s="142">
        <v>0</v>
      </c>
      <c r="NC31" s="119">
        <v>0</v>
      </c>
      <c r="ND31" s="120">
        <v>0</v>
      </c>
      <c r="NE31" s="145">
        <v>0</v>
      </c>
      <c r="NF31" s="119">
        <v>415669</v>
      </c>
      <c r="NG31" s="119">
        <v>189515</v>
      </c>
      <c r="NH31" s="119">
        <v>0</v>
      </c>
      <c r="NI31" s="119">
        <v>0</v>
      </c>
      <c r="NJ31" s="119">
        <v>0</v>
      </c>
      <c r="NK31" s="120">
        <v>605184</v>
      </c>
      <c r="NL31" s="320">
        <v>605184</v>
      </c>
      <c r="NM31" s="142">
        <v>0</v>
      </c>
      <c r="NN31" s="119">
        <v>0</v>
      </c>
      <c r="NO31" s="120">
        <v>0</v>
      </c>
      <c r="NP31" s="145">
        <v>0</v>
      </c>
      <c r="NQ31" s="119">
        <v>0</v>
      </c>
      <c r="NR31" s="119">
        <v>0</v>
      </c>
      <c r="NS31" s="119">
        <v>0</v>
      </c>
      <c r="NT31" s="119">
        <v>0</v>
      </c>
      <c r="NU31" s="119">
        <v>0</v>
      </c>
      <c r="NV31" s="120">
        <v>0</v>
      </c>
      <c r="NW31" s="121">
        <v>0</v>
      </c>
      <c r="NX31" s="142">
        <v>0</v>
      </c>
      <c r="NY31" s="119">
        <v>0</v>
      </c>
      <c r="NZ31" s="120">
        <v>0</v>
      </c>
      <c r="OA31" s="145">
        <v>0</v>
      </c>
      <c r="OB31" s="119">
        <v>0</v>
      </c>
      <c r="OC31" s="119">
        <v>0</v>
      </c>
      <c r="OD31" s="119">
        <v>0</v>
      </c>
      <c r="OE31" s="119">
        <v>0</v>
      </c>
      <c r="OF31" s="119">
        <v>0</v>
      </c>
      <c r="OG31" s="120">
        <v>0</v>
      </c>
      <c r="OH31" s="121">
        <v>0</v>
      </c>
      <c r="OI31" s="142">
        <v>191563</v>
      </c>
      <c r="OJ31" s="119">
        <v>208188</v>
      </c>
      <c r="OK31" s="141">
        <v>399751</v>
      </c>
      <c r="OL31" s="118">
        <v>0</v>
      </c>
      <c r="OM31" s="119">
        <v>1637612</v>
      </c>
      <c r="ON31" s="119">
        <v>2087548</v>
      </c>
      <c r="OO31" s="119">
        <v>985076</v>
      </c>
      <c r="OP31" s="119">
        <v>1310828</v>
      </c>
      <c r="OQ31" s="119">
        <v>633714</v>
      </c>
      <c r="OR31" s="120">
        <v>6654778</v>
      </c>
      <c r="OS31" s="143">
        <v>7054529</v>
      </c>
    </row>
    <row r="32" spans="2:409" ht="21" customHeight="1" x14ac:dyDescent="0.2">
      <c r="B32" s="126" t="s">
        <v>27</v>
      </c>
      <c r="C32" s="110">
        <v>110818</v>
      </c>
      <c r="D32" s="114">
        <v>74403</v>
      </c>
      <c r="E32" s="113">
        <v>185221</v>
      </c>
      <c r="F32" s="109">
        <v>0</v>
      </c>
      <c r="G32" s="114">
        <v>605500</v>
      </c>
      <c r="H32" s="114">
        <v>899247</v>
      </c>
      <c r="I32" s="114">
        <v>1367773</v>
      </c>
      <c r="J32" s="114">
        <v>797440</v>
      </c>
      <c r="K32" s="114">
        <v>888670</v>
      </c>
      <c r="L32" s="173">
        <v>4558630</v>
      </c>
      <c r="M32" s="116">
        <v>4743851</v>
      </c>
      <c r="N32" s="110">
        <v>76803</v>
      </c>
      <c r="O32" s="114">
        <v>28553</v>
      </c>
      <c r="P32" s="113">
        <v>105356</v>
      </c>
      <c r="Q32" s="110">
        <v>0</v>
      </c>
      <c r="R32" s="114">
        <v>65647</v>
      </c>
      <c r="S32" s="114">
        <v>273811</v>
      </c>
      <c r="T32" s="114">
        <v>367021</v>
      </c>
      <c r="U32" s="114">
        <v>280581</v>
      </c>
      <c r="V32" s="114">
        <v>281358</v>
      </c>
      <c r="W32" s="113">
        <v>1268418</v>
      </c>
      <c r="X32" s="116">
        <v>1373774</v>
      </c>
      <c r="Y32" s="110">
        <v>0</v>
      </c>
      <c r="Z32" s="114">
        <v>0</v>
      </c>
      <c r="AA32" s="113">
        <v>0</v>
      </c>
      <c r="AB32" s="110">
        <v>0</v>
      </c>
      <c r="AC32" s="114">
        <v>0</v>
      </c>
      <c r="AD32" s="114">
        <v>149942</v>
      </c>
      <c r="AE32" s="114">
        <v>152669</v>
      </c>
      <c r="AF32" s="114">
        <v>0</v>
      </c>
      <c r="AG32" s="114">
        <v>198993</v>
      </c>
      <c r="AH32" s="113">
        <v>501604</v>
      </c>
      <c r="AI32" s="116">
        <v>501604</v>
      </c>
      <c r="AJ32" s="110">
        <v>0</v>
      </c>
      <c r="AK32" s="114">
        <v>0</v>
      </c>
      <c r="AL32" s="113">
        <v>0</v>
      </c>
      <c r="AM32" s="110">
        <v>0</v>
      </c>
      <c r="AN32" s="114">
        <v>0</v>
      </c>
      <c r="AO32" s="114">
        <v>0</v>
      </c>
      <c r="AP32" s="114">
        <v>0</v>
      </c>
      <c r="AQ32" s="114">
        <v>103271</v>
      </c>
      <c r="AR32" s="114">
        <v>0</v>
      </c>
      <c r="AS32" s="113">
        <v>103271</v>
      </c>
      <c r="AT32" s="116">
        <v>103271</v>
      </c>
      <c r="AU32" s="110">
        <v>76803</v>
      </c>
      <c r="AV32" s="114">
        <v>28553</v>
      </c>
      <c r="AW32" s="113">
        <v>105356</v>
      </c>
      <c r="AX32" s="110">
        <v>0</v>
      </c>
      <c r="AY32" s="114">
        <v>39299</v>
      </c>
      <c r="AZ32" s="114">
        <v>97745</v>
      </c>
      <c r="BA32" s="114">
        <v>112369</v>
      </c>
      <c r="BB32" s="114">
        <v>130312</v>
      </c>
      <c r="BC32" s="114">
        <v>33015</v>
      </c>
      <c r="BD32" s="113">
        <v>412740</v>
      </c>
      <c r="BE32" s="116">
        <v>518096</v>
      </c>
      <c r="BF32" s="110">
        <v>0</v>
      </c>
      <c r="BG32" s="114">
        <v>0</v>
      </c>
      <c r="BH32" s="112">
        <v>0</v>
      </c>
      <c r="BI32" s="111">
        <v>0</v>
      </c>
      <c r="BJ32" s="114">
        <v>0</v>
      </c>
      <c r="BK32" s="114">
        <v>0</v>
      </c>
      <c r="BL32" s="114">
        <v>0</v>
      </c>
      <c r="BM32" s="114">
        <v>0</v>
      </c>
      <c r="BN32" s="114">
        <v>0</v>
      </c>
      <c r="BO32" s="113">
        <v>0</v>
      </c>
      <c r="BP32" s="116">
        <v>0</v>
      </c>
      <c r="BQ32" s="110">
        <v>0</v>
      </c>
      <c r="BR32" s="114">
        <v>0</v>
      </c>
      <c r="BS32" s="113">
        <v>0</v>
      </c>
      <c r="BT32" s="110">
        <v>0</v>
      </c>
      <c r="BU32" s="114">
        <v>26348</v>
      </c>
      <c r="BV32" s="114">
        <v>26124</v>
      </c>
      <c r="BW32" s="114">
        <v>101983</v>
      </c>
      <c r="BX32" s="114">
        <v>46998</v>
      </c>
      <c r="BY32" s="114">
        <v>49350</v>
      </c>
      <c r="BZ32" s="113">
        <v>250803</v>
      </c>
      <c r="CA32" s="116">
        <v>250803</v>
      </c>
      <c r="CB32" s="110">
        <v>18265</v>
      </c>
      <c r="CC32" s="114">
        <v>0</v>
      </c>
      <c r="CD32" s="113">
        <v>18265</v>
      </c>
      <c r="CE32" s="110">
        <v>0</v>
      </c>
      <c r="CF32" s="114">
        <v>22834</v>
      </c>
      <c r="CG32" s="114">
        <v>151731</v>
      </c>
      <c r="CH32" s="114">
        <v>139947</v>
      </c>
      <c r="CI32" s="114">
        <v>60797</v>
      </c>
      <c r="CJ32" s="114">
        <v>0</v>
      </c>
      <c r="CK32" s="113">
        <v>375309</v>
      </c>
      <c r="CL32" s="116">
        <v>393574</v>
      </c>
      <c r="CM32" s="110">
        <v>0</v>
      </c>
      <c r="CN32" s="114">
        <v>0</v>
      </c>
      <c r="CO32" s="113">
        <v>0</v>
      </c>
      <c r="CP32" s="111">
        <v>0</v>
      </c>
      <c r="CQ32" s="114">
        <v>22834</v>
      </c>
      <c r="CR32" s="114">
        <v>80565</v>
      </c>
      <c r="CS32" s="114">
        <v>74160</v>
      </c>
      <c r="CT32" s="114">
        <v>60797</v>
      </c>
      <c r="CU32" s="114">
        <v>0</v>
      </c>
      <c r="CV32" s="113">
        <v>238356</v>
      </c>
      <c r="CW32" s="116">
        <v>238356</v>
      </c>
      <c r="CX32" s="110">
        <v>18265</v>
      </c>
      <c r="CY32" s="114">
        <v>0</v>
      </c>
      <c r="CZ32" s="113">
        <v>18265</v>
      </c>
      <c r="DA32" s="110">
        <v>0</v>
      </c>
      <c r="DB32" s="114">
        <v>0</v>
      </c>
      <c r="DC32" s="114">
        <v>71166</v>
      </c>
      <c r="DD32" s="114">
        <v>65787</v>
      </c>
      <c r="DE32" s="114">
        <v>0</v>
      </c>
      <c r="DF32" s="114">
        <v>0</v>
      </c>
      <c r="DG32" s="113">
        <v>136953</v>
      </c>
      <c r="DH32" s="116">
        <v>155218</v>
      </c>
      <c r="DI32" s="110">
        <v>0</v>
      </c>
      <c r="DJ32" s="114">
        <v>0</v>
      </c>
      <c r="DK32" s="112">
        <v>0</v>
      </c>
      <c r="DL32" s="111">
        <v>0</v>
      </c>
      <c r="DM32" s="114">
        <v>0</v>
      </c>
      <c r="DN32" s="114">
        <v>0</v>
      </c>
      <c r="DO32" s="114">
        <v>0</v>
      </c>
      <c r="DP32" s="114">
        <v>61849</v>
      </c>
      <c r="DQ32" s="114">
        <v>0</v>
      </c>
      <c r="DR32" s="113">
        <v>61849</v>
      </c>
      <c r="DS32" s="116">
        <v>61849</v>
      </c>
      <c r="DT32" s="110">
        <v>0</v>
      </c>
      <c r="DU32" s="114">
        <v>0</v>
      </c>
      <c r="DV32" s="113">
        <v>0</v>
      </c>
      <c r="DW32" s="110">
        <v>0</v>
      </c>
      <c r="DX32" s="114">
        <v>0</v>
      </c>
      <c r="DY32" s="114">
        <v>0</v>
      </c>
      <c r="DZ32" s="114">
        <v>0</v>
      </c>
      <c r="EA32" s="114">
        <v>61849</v>
      </c>
      <c r="EB32" s="114">
        <v>0</v>
      </c>
      <c r="EC32" s="113">
        <v>61849</v>
      </c>
      <c r="ED32" s="116">
        <v>61849</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v>0</v>
      </c>
      <c r="FE32" s="114">
        <v>0</v>
      </c>
      <c r="FF32" s="114">
        <v>0</v>
      </c>
      <c r="FG32" s="114">
        <v>0</v>
      </c>
      <c r="FH32" s="114">
        <v>0</v>
      </c>
      <c r="FI32" s="114">
        <v>0</v>
      </c>
      <c r="FJ32" s="113">
        <v>0</v>
      </c>
      <c r="FK32" s="116">
        <v>0</v>
      </c>
      <c r="FL32" s="110">
        <v>15750</v>
      </c>
      <c r="FM32" s="114">
        <v>45850</v>
      </c>
      <c r="FN32" s="113">
        <v>61600</v>
      </c>
      <c r="FO32" s="110">
        <v>0</v>
      </c>
      <c r="FP32" s="114">
        <v>10850</v>
      </c>
      <c r="FQ32" s="114">
        <v>57722</v>
      </c>
      <c r="FR32" s="114">
        <v>76216</v>
      </c>
      <c r="FS32" s="114">
        <v>51975</v>
      </c>
      <c r="FT32" s="114">
        <v>15680</v>
      </c>
      <c r="FU32" s="113">
        <v>212443</v>
      </c>
      <c r="FV32" s="116">
        <v>274043</v>
      </c>
      <c r="FW32" s="115">
        <v>15750</v>
      </c>
      <c r="FX32" s="114">
        <v>45850</v>
      </c>
      <c r="FY32" s="112">
        <v>61600</v>
      </c>
      <c r="FZ32" s="111">
        <v>0</v>
      </c>
      <c r="GA32" s="114">
        <v>10850</v>
      </c>
      <c r="GB32" s="114">
        <v>57722</v>
      </c>
      <c r="GC32" s="114">
        <v>57736</v>
      </c>
      <c r="GD32" s="114">
        <v>51975</v>
      </c>
      <c r="GE32" s="114">
        <v>15680</v>
      </c>
      <c r="GF32" s="113">
        <v>193963</v>
      </c>
      <c r="GG32" s="318">
        <v>255563</v>
      </c>
      <c r="GH32" s="115">
        <v>0</v>
      </c>
      <c r="GI32" s="114">
        <v>0</v>
      </c>
      <c r="GJ32" s="112">
        <v>0</v>
      </c>
      <c r="GK32" s="111">
        <v>0</v>
      </c>
      <c r="GL32" s="114">
        <v>0</v>
      </c>
      <c r="GM32" s="114">
        <v>0</v>
      </c>
      <c r="GN32" s="114">
        <v>18480</v>
      </c>
      <c r="GO32" s="114">
        <v>0</v>
      </c>
      <c r="GP32" s="114">
        <v>0</v>
      </c>
      <c r="GQ32" s="113">
        <v>18480</v>
      </c>
      <c r="GR32" s="116">
        <v>18480</v>
      </c>
      <c r="GS32" s="110">
        <v>0</v>
      </c>
      <c r="GT32" s="114">
        <v>0</v>
      </c>
      <c r="GU32" s="113">
        <v>0</v>
      </c>
      <c r="GV32" s="110">
        <v>0</v>
      </c>
      <c r="GW32" s="114">
        <v>0</v>
      </c>
      <c r="GX32" s="114">
        <v>0</v>
      </c>
      <c r="GY32" s="114">
        <v>0</v>
      </c>
      <c r="GZ32" s="114">
        <v>0</v>
      </c>
      <c r="HA32" s="114">
        <v>0</v>
      </c>
      <c r="HB32" s="112">
        <v>0</v>
      </c>
      <c r="HC32" s="116">
        <v>0</v>
      </c>
      <c r="HD32" s="110">
        <v>0</v>
      </c>
      <c r="HE32" s="114">
        <v>0</v>
      </c>
      <c r="HF32" s="112">
        <v>0</v>
      </c>
      <c r="HG32" s="111">
        <v>0</v>
      </c>
      <c r="HH32" s="114">
        <v>506169</v>
      </c>
      <c r="HI32" s="114">
        <v>415983</v>
      </c>
      <c r="HJ32" s="114">
        <v>784589</v>
      </c>
      <c r="HK32" s="114">
        <v>342238</v>
      </c>
      <c r="HL32" s="114">
        <v>591632</v>
      </c>
      <c r="HM32" s="113">
        <v>2640611</v>
      </c>
      <c r="HN32" s="109">
        <v>2640611</v>
      </c>
      <c r="HO32" s="328">
        <v>0</v>
      </c>
      <c r="HP32" s="329">
        <v>0</v>
      </c>
      <c r="HQ32" s="330">
        <v>0</v>
      </c>
      <c r="HR32" s="331">
        <v>0</v>
      </c>
      <c r="HS32" s="329">
        <v>0</v>
      </c>
      <c r="HT32" s="329">
        <v>0</v>
      </c>
      <c r="HU32" s="329">
        <v>0</v>
      </c>
      <c r="HV32" s="329">
        <v>0</v>
      </c>
      <c r="HW32" s="329">
        <v>0</v>
      </c>
      <c r="HX32" s="332">
        <v>0</v>
      </c>
      <c r="HY32" s="333">
        <v>0</v>
      </c>
      <c r="HZ32" s="150">
        <v>0</v>
      </c>
      <c r="IA32" s="135">
        <v>0</v>
      </c>
      <c r="IB32" s="150">
        <v>0</v>
      </c>
      <c r="IC32" s="134">
        <v>0</v>
      </c>
      <c r="ID32" s="135">
        <v>49739</v>
      </c>
      <c r="IE32" s="136">
        <v>32148</v>
      </c>
      <c r="IF32" s="137">
        <v>122045</v>
      </c>
      <c r="IG32" s="135">
        <v>0</v>
      </c>
      <c r="IH32" s="137">
        <v>0</v>
      </c>
      <c r="II32" s="138">
        <v>203932</v>
      </c>
      <c r="IJ32" s="150">
        <v>203932</v>
      </c>
      <c r="IK32" s="232">
        <v>0</v>
      </c>
      <c r="IL32" s="236">
        <v>0</v>
      </c>
      <c r="IM32" s="237">
        <v>0</v>
      </c>
      <c r="IN32" s="140">
        <v>0</v>
      </c>
      <c r="IO32" s="119">
        <v>0</v>
      </c>
      <c r="IP32" s="119">
        <v>0</v>
      </c>
      <c r="IQ32" s="119">
        <v>0</v>
      </c>
      <c r="IR32" s="119">
        <v>0</v>
      </c>
      <c r="IS32" s="119">
        <v>0</v>
      </c>
      <c r="IT32" s="141">
        <v>0</v>
      </c>
      <c r="IU32" s="320">
        <v>0</v>
      </c>
      <c r="IV32" s="142">
        <v>0</v>
      </c>
      <c r="IW32" s="119">
        <v>0</v>
      </c>
      <c r="IX32" s="120">
        <v>0</v>
      </c>
      <c r="IY32" s="144">
        <v>0</v>
      </c>
      <c r="IZ32" s="119">
        <v>0</v>
      </c>
      <c r="JA32" s="119">
        <v>0</v>
      </c>
      <c r="JB32" s="119">
        <v>0</v>
      </c>
      <c r="JC32" s="119">
        <v>0</v>
      </c>
      <c r="JD32" s="119">
        <v>0</v>
      </c>
      <c r="JE32" s="120">
        <v>0</v>
      </c>
      <c r="JF32" s="121">
        <v>0</v>
      </c>
      <c r="JG32" s="142">
        <v>0</v>
      </c>
      <c r="JH32" s="119">
        <v>0</v>
      </c>
      <c r="JI32" s="141">
        <v>0</v>
      </c>
      <c r="JJ32" s="118">
        <v>0</v>
      </c>
      <c r="JK32" s="119">
        <v>32659</v>
      </c>
      <c r="JL32" s="119">
        <v>32148</v>
      </c>
      <c r="JM32" s="119">
        <v>0</v>
      </c>
      <c r="JN32" s="119">
        <v>0</v>
      </c>
      <c r="JO32" s="119">
        <v>0</v>
      </c>
      <c r="JP32" s="120">
        <v>64807</v>
      </c>
      <c r="JQ32" s="320">
        <v>64807</v>
      </c>
      <c r="JR32" s="142">
        <v>0</v>
      </c>
      <c r="JS32" s="119">
        <v>0</v>
      </c>
      <c r="JT32" s="141">
        <v>0</v>
      </c>
      <c r="JU32" s="118">
        <v>0</v>
      </c>
      <c r="JV32" s="119">
        <v>17080</v>
      </c>
      <c r="JW32" s="119">
        <v>0</v>
      </c>
      <c r="JX32" s="119">
        <v>122045</v>
      </c>
      <c r="JY32" s="119">
        <v>0</v>
      </c>
      <c r="JZ32" s="119">
        <v>0</v>
      </c>
      <c r="KA32" s="120">
        <v>139125</v>
      </c>
      <c r="KB32" s="320">
        <v>139125</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v>0</v>
      </c>
      <c r="KR32" s="119">
        <v>0</v>
      </c>
      <c r="KS32" s="119">
        <v>0</v>
      </c>
      <c r="KT32" s="119">
        <v>0</v>
      </c>
      <c r="KU32" s="119">
        <v>0</v>
      </c>
      <c r="KV32" s="119">
        <v>0</v>
      </c>
      <c r="KW32" s="120">
        <v>0</v>
      </c>
      <c r="KX32" s="320">
        <v>0</v>
      </c>
      <c r="KY32" s="142">
        <v>0</v>
      </c>
      <c r="KZ32" s="119">
        <v>0</v>
      </c>
      <c r="LA32" s="120">
        <v>0</v>
      </c>
      <c r="LB32" s="145">
        <v>0</v>
      </c>
      <c r="LC32" s="119">
        <v>0</v>
      </c>
      <c r="LD32" s="119">
        <v>0</v>
      </c>
      <c r="LE32" s="119">
        <v>0</v>
      </c>
      <c r="LF32" s="119">
        <v>0</v>
      </c>
      <c r="LG32" s="119">
        <v>0</v>
      </c>
      <c r="LH32" s="120">
        <v>0</v>
      </c>
      <c r="LI32" s="121">
        <v>0</v>
      </c>
      <c r="LJ32" s="142">
        <v>0</v>
      </c>
      <c r="LK32" s="119">
        <v>0</v>
      </c>
      <c r="LL32" s="120">
        <v>0</v>
      </c>
      <c r="LM32" s="145">
        <v>0</v>
      </c>
      <c r="LN32" s="119">
        <v>0</v>
      </c>
      <c r="LO32" s="119">
        <v>0</v>
      </c>
      <c r="LP32" s="119">
        <v>0</v>
      </c>
      <c r="LQ32" s="119">
        <v>0</v>
      </c>
      <c r="LR32" s="119">
        <v>0</v>
      </c>
      <c r="LS32" s="120">
        <v>0</v>
      </c>
      <c r="LT32" s="320">
        <v>0</v>
      </c>
      <c r="LU32" s="142">
        <v>0</v>
      </c>
      <c r="LV32" s="119">
        <v>0</v>
      </c>
      <c r="LW32" s="120">
        <v>0</v>
      </c>
      <c r="LX32" s="145">
        <v>0</v>
      </c>
      <c r="LY32" s="119">
        <v>0</v>
      </c>
      <c r="LZ32" s="119">
        <v>0</v>
      </c>
      <c r="MA32" s="119">
        <v>0</v>
      </c>
      <c r="MB32" s="119">
        <v>0</v>
      </c>
      <c r="MC32" s="119">
        <v>0</v>
      </c>
      <c r="MD32" s="120">
        <v>0</v>
      </c>
      <c r="ME32" s="121">
        <v>0</v>
      </c>
      <c r="MF32" s="142">
        <v>0</v>
      </c>
      <c r="MG32" s="119">
        <v>0</v>
      </c>
      <c r="MH32" s="120">
        <v>0</v>
      </c>
      <c r="MI32" s="145">
        <v>0</v>
      </c>
      <c r="MJ32" s="119">
        <v>162547</v>
      </c>
      <c r="MK32" s="119">
        <v>0</v>
      </c>
      <c r="ML32" s="119">
        <v>179336</v>
      </c>
      <c r="MM32" s="119">
        <v>288659</v>
      </c>
      <c r="MN32" s="119">
        <v>91573</v>
      </c>
      <c r="MO32" s="120">
        <v>722115</v>
      </c>
      <c r="MP32" s="143">
        <v>722115</v>
      </c>
      <c r="MQ32" s="142">
        <v>0</v>
      </c>
      <c r="MR32" s="119">
        <v>0</v>
      </c>
      <c r="MS32" s="120">
        <v>0</v>
      </c>
      <c r="MT32" s="145">
        <v>0</v>
      </c>
      <c r="MU32" s="119">
        <v>0</v>
      </c>
      <c r="MV32" s="119">
        <v>0</v>
      </c>
      <c r="MW32" s="119">
        <v>179336</v>
      </c>
      <c r="MX32" s="119">
        <v>288659</v>
      </c>
      <c r="MY32" s="119">
        <v>91573</v>
      </c>
      <c r="MZ32" s="120">
        <v>559568</v>
      </c>
      <c r="NA32" s="143">
        <v>559568</v>
      </c>
      <c r="NB32" s="142">
        <v>0</v>
      </c>
      <c r="NC32" s="119">
        <v>0</v>
      </c>
      <c r="ND32" s="120">
        <v>0</v>
      </c>
      <c r="NE32" s="145">
        <v>0</v>
      </c>
      <c r="NF32" s="119">
        <v>162547</v>
      </c>
      <c r="NG32" s="119">
        <v>0</v>
      </c>
      <c r="NH32" s="119">
        <v>0</v>
      </c>
      <c r="NI32" s="119">
        <v>0</v>
      </c>
      <c r="NJ32" s="119">
        <v>0</v>
      </c>
      <c r="NK32" s="120">
        <v>162547</v>
      </c>
      <c r="NL32" s="320">
        <v>162547</v>
      </c>
      <c r="NM32" s="142">
        <v>0</v>
      </c>
      <c r="NN32" s="119">
        <v>0</v>
      </c>
      <c r="NO32" s="120">
        <v>0</v>
      </c>
      <c r="NP32" s="145">
        <v>0</v>
      </c>
      <c r="NQ32" s="119">
        <v>0</v>
      </c>
      <c r="NR32" s="119">
        <v>0</v>
      </c>
      <c r="NS32" s="119">
        <v>0</v>
      </c>
      <c r="NT32" s="119">
        <v>0</v>
      </c>
      <c r="NU32" s="119">
        <v>0</v>
      </c>
      <c r="NV32" s="120">
        <v>0</v>
      </c>
      <c r="NW32" s="121">
        <v>0</v>
      </c>
      <c r="NX32" s="142">
        <v>0</v>
      </c>
      <c r="NY32" s="119">
        <v>0</v>
      </c>
      <c r="NZ32" s="120">
        <v>0</v>
      </c>
      <c r="OA32" s="145">
        <v>0</v>
      </c>
      <c r="OB32" s="119">
        <v>0</v>
      </c>
      <c r="OC32" s="119">
        <v>0</v>
      </c>
      <c r="OD32" s="119">
        <v>0</v>
      </c>
      <c r="OE32" s="119">
        <v>0</v>
      </c>
      <c r="OF32" s="119">
        <v>0</v>
      </c>
      <c r="OG32" s="120">
        <v>0</v>
      </c>
      <c r="OH32" s="121">
        <v>0</v>
      </c>
      <c r="OI32" s="142">
        <v>110818</v>
      </c>
      <c r="OJ32" s="119">
        <v>74403</v>
      </c>
      <c r="OK32" s="141">
        <v>185221</v>
      </c>
      <c r="OL32" s="118">
        <v>0</v>
      </c>
      <c r="OM32" s="119">
        <v>817786</v>
      </c>
      <c r="ON32" s="119">
        <v>931395</v>
      </c>
      <c r="OO32" s="119">
        <v>1669154</v>
      </c>
      <c r="OP32" s="119">
        <v>1086099</v>
      </c>
      <c r="OQ32" s="119">
        <v>980243</v>
      </c>
      <c r="OR32" s="120">
        <v>5484677</v>
      </c>
      <c r="OS32" s="143">
        <v>5669898</v>
      </c>
    </row>
    <row r="33" spans="2:409" ht="21" customHeight="1" x14ac:dyDescent="0.2">
      <c r="B33" s="126" t="s">
        <v>28</v>
      </c>
      <c r="C33" s="110">
        <v>141610</v>
      </c>
      <c r="D33" s="114">
        <v>7700</v>
      </c>
      <c r="E33" s="113">
        <v>149310</v>
      </c>
      <c r="F33" s="109">
        <v>0</v>
      </c>
      <c r="G33" s="114">
        <v>142713</v>
      </c>
      <c r="H33" s="114">
        <v>296909</v>
      </c>
      <c r="I33" s="114">
        <v>555674</v>
      </c>
      <c r="J33" s="114">
        <v>299070</v>
      </c>
      <c r="K33" s="114">
        <v>208684</v>
      </c>
      <c r="L33" s="173">
        <v>1503050</v>
      </c>
      <c r="M33" s="116">
        <v>1652360</v>
      </c>
      <c r="N33" s="110">
        <v>0</v>
      </c>
      <c r="O33" s="114">
        <v>0</v>
      </c>
      <c r="P33" s="113">
        <v>0</v>
      </c>
      <c r="Q33" s="110">
        <v>0</v>
      </c>
      <c r="R33" s="114">
        <v>86447</v>
      </c>
      <c r="S33" s="114">
        <v>102105</v>
      </c>
      <c r="T33" s="114">
        <v>79721</v>
      </c>
      <c r="U33" s="114">
        <v>8400</v>
      </c>
      <c r="V33" s="114">
        <v>71400</v>
      </c>
      <c r="W33" s="113">
        <v>348073</v>
      </c>
      <c r="X33" s="116">
        <v>348073</v>
      </c>
      <c r="Y33" s="110">
        <v>0</v>
      </c>
      <c r="Z33" s="114">
        <v>0</v>
      </c>
      <c r="AA33" s="113">
        <v>0</v>
      </c>
      <c r="AB33" s="110">
        <v>0</v>
      </c>
      <c r="AC33" s="114">
        <v>31145</v>
      </c>
      <c r="AD33" s="114">
        <v>40262</v>
      </c>
      <c r="AE33" s="114">
        <v>0</v>
      </c>
      <c r="AF33" s="114">
        <v>0</v>
      </c>
      <c r="AG33" s="114">
        <v>64162</v>
      </c>
      <c r="AH33" s="113">
        <v>135569</v>
      </c>
      <c r="AI33" s="116">
        <v>135569</v>
      </c>
      <c r="AJ33" s="110">
        <v>0</v>
      </c>
      <c r="AK33" s="114">
        <v>0</v>
      </c>
      <c r="AL33" s="113">
        <v>0</v>
      </c>
      <c r="AM33" s="110">
        <v>0</v>
      </c>
      <c r="AN33" s="114">
        <v>0</v>
      </c>
      <c r="AO33" s="114">
        <v>0</v>
      </c>
      <c r="AP33" s="114">
        <v>21509</v>
      </c>
      <c r="AQ33" s="114">
        <v>0</v>
      </c>
      <c r="AR33" s="114">
        <v>0</v>
      </c>
      <c r="AS33" s="113">
        <v>21509</v>
      </c>
      <c r="AT33" s="116">
        <v>21509</v>
      </c>
      <c r="AU33" s="110">
        <v>0</v>
      </c>
      <c r="AV33" s="114">
        <v>0</v>
      </c>
      <c r="AW33" s="113">
        <v>0</v>
      </c>
      <c r="AX33" s="110">
        <v>0</v>
      </c>
      <c r="AY33" s="114">
        <v>0</v>
      </c>
      <c r="AZ33" s="114">
        <v>43223</v>
      </c>
      <c r="BA33" s="114">
        <v>29064</v>
      </c>
      <c r="BB33" s="114">
        <v>0</v>
      </c>
      <c r="BC33" s="114">
        <v>0</v>
      </c>
      <c r="BD33" s="113">
        <v>72287</v>
      </c>
      <c r="BE33" s="116">
        <v>72287</v>
      </c>
      <c r="BF33" s="110">
        <v>0</v>
      </c>
      <c r="BG33" s="114">
        <v>0</v>
      </c>
      <c r="BH33" s="112">
        <v>0</v>
      </c>
      <c r="BI33" s="111">
        <v>0</v>
      </c>
      <c r="BJ33" s="114">
        <v>55302</v>
      </c>
      <c r="BK33" s="114">
        <v>0</v>
      </c>
      <c r="BL33" s="114">
        <v>0</v>
      </c>
      <c r="BM33" s="114">
        <v>0</v>
      </c>
      <c r="BN33" s="114">
        <v>0</v>
      </c>
      <c r="BO33" s="113">
        <v>55302</v>
      </c>
      <c r="BP33" s="116">
        <v>55302</v>
      </c>
      <c r="BQ33" s="110">
        <v>0</v>
      </c>
      <c r="BR33" s="114">
        <v>0</v>
      </c>
      <c r="BS33" s="113">
        <v>0</v>
      </c>
      <c r="BT33" s="110">
        <v>0</v>
      </c>
      <c r="BU33" s="114">
        <v>0</v>
      </c>
      <c r="BV33" s="114">
        <v>18620</v>
      </c>
      <c r="BW33" s="114">
        <v>29148</v>
      </c>
      <c r="BX33" s="114">
        <v>8400</v>
      </c>
      <c r="BY33" s="114">
        <v>7238</v>
      </c>
      <c r="BZ33" s="113">
        <v>63406</v>
      </c>
      <c r="CA33" s="116">
        <v>63406</v>
      </c>
      <c r="CB33" s="110">
        <v>0</v>
      </c>
      <c r="CC33" s="114">
        <v>0</v>
      </c>
      <c r="CD33" s="113">
        <v>0</v>
      </c>
      <c r="CE33" s="110">
        <v>0</v>
      </c>
      <c r="CF33" s="114">
        <v>0</v>
      </c>
      <c r="CG33" s="114">
        <v>84567</v>
      </c>
      <c r="CH33" s="114">
        <v>282942</v>
      </c>
      <c r="CI33" s="114">
        <v>104244</v>
      </c>
      <c r="CJ33" s="114">
        <v>70784</v>
      </c>
      <c r="CK33" s="113">
        <v>542537</v>
      </c>
      <c r="CL33" s="116">
        <v>542537</v>
      </c>
      <c r="CM33" s="110">
        <v>0</v>
      </c>
      <c r="CN33" s="114">
        <v>0</v>
      </c>
      <c r="CO33" s="113">
        <v>0</v>
      </c>
      <c r="CP33" s="111">
        <v>0</v>
      </c>
      <c r="CQ33" s="114">
        <v>0</v>
      </c>
      <c r="CR33" s="114">
        <v>84567</v>
      </c>
      <c r="CS33" s="114">
        <v>135758</v>
      </c>
      <c r="CT33" s="114">
        <v>104244</v>
      </c>
      <c r="CU33" s="114">
        <v>0</v>
      </c>
      <c r="CV33" s="113">
        <v>324569</v>
      </c>
      <c r="CW33" s="116">
        <v>324569</v>
      </c>
      <c r="CX33" s="110">
        <v>0</v>
      </c>
      <c r="CY33" s="114">
        <v>0</v>
      </c>
      <c r="CZ33" s="113">
        <v>0</v>
      </c>
      <c r="DA33" s="110">
        <v>0</v>
      </c>
      <c r="DB33" s="114">
        <v>0</v>
      </c>
      <c r="DC33" s="114">
        <v>0</v>
      </c>
      <c r="DD33" s="114">
        <v>147184</v>
      </c>
      <c r="DE33" s="114">
        <v>0</v>
      </c>
      <c r="DF33" s="114">
        <v>70784</v>
      </c>
      <c r="DG33" s="113">
        <v>217968</v>
      </c>
      <c r="DH33" s="116">
        <v>217968</v>
      </c>
      <c r="DI33" s="110">
        <v>0</v>
      </c>
      <c r="DJ33" s="114">
        <v>0</v>
      </c>
      <c r="DK33" s="112">
        <v>0</v>
      </c>
      <c r="DL33" s="111">
        <v>0</v>
      </c>
      <c r="DM33" s="114">
        <v>0</v>
      </c>
      <c r="DN33" s="114">
        <v>52641</v>
      </c>
      <c r="DO33" s="114">
        <v>0</v>
      </c>
      <c r="DP33" s="114">
        <v>0</v>
      </c>
      <c r="DQ33" s="114">
        <v>0</v>
      </c>
      <c r="DR33" s="113">
        <v>52641</v>
      </c>
      <c r="DS33" s="116">
        <v>52641</v>
      </c>
      <c r="DT33" s="110">
        <v>0</v>
      </c>
      <c r="DU33" s="114">
        <v>0</v>
      </c>
      <c r="DV33" s="113">
        <v>0</v>
      </c>
      <c r="DW33" s="110">
        <v>0</v>
      </c>
      <c r="DX33" s="114">
        <v>0</v>
      </c>
      <c r="DY33" s="114">
        <v>52641</v>
      </c>
      <c r="DZ33" s="114">
        <v>0</v>
      </c>
      <c r="EA33" s="114">
        <v>0</v>
      </c>
      <c r="EB33" s="114">
        <v>0</v>
      </c>
      <c r="EC33" s="113">
        <v>52641</v>
      </c>
      <c r="ED33" s="116">
        <v>52641</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v>0</v>
      </c>
      <c r="FE33" s="114">
        <v>0</v>
      </c>
      <c r="FF33" s="114">
        <v>0</v>
      </c>
      <c r="FG33" s="114">
        <v>0</v>
      </c>
      <c r="FH33" s="114">
        <v>0</v>
      </c>
      <c r="FI33" s="114">
        <v>0</v>
      </c>
      <c r="FJ33" s="113">
        <v>0</v>
      </c>
      <c r="FK33" s="116">
        <v>0</v>
      </c>
      <c r="FL33" s="110">
        <v>141610</v>
      </c>
      <c r="FM33" s="114">
        <v>7700</v>
      </c>
      <c r="FN33" s="113">
        <v>149310</v>
      </c>
      <c r="FO33" s="110">
        <v>0</v>
      </c>
      <c r="FP33" s="114">
        <v>56266</v>
      </c>
      <c r="FQ33" s="114">
        <v>57596</v>
      </c>
      <c r="FR33" s="114">
        <v>39368</v>
      </c>
      <c r="FS33" s="114">
        <v>14268</v>
      </c>
      <c r="FT33" s="114">
        <v>66500</v>
      </c>
      <c r="FU33" s="113">
        <v>233998</v>
      </c>
      <c r="FV33" s="116">
        <v>383308</v>
      </c>
      <c r="FW33" s="115">
        <v>1610</v>
      </c>
      <c r="FX33" s="114">
        <v>7700</v>
      </c>
      <c r="FY33" s="112">
        <v>9310</v>
      </c>
      <c r="FZ33" s="111">
        <v>0</v>
      </c>
      <c r="GA33" s="114">
        <v>13300</v>
      </c>
      <c r="GB33" s="114">
        <v>38626</v>
      </c>
      <c r="GC33" s="114">
        <v>39368</v>
      </c>
      <c r="GD33" s="114">
        <v>0</v>
      </c>
      <c r="GE33" s="114">
        <v>66500</v>
      </c>
      <c r="GF33" s="113">
        <v>157794</v>
      </c>
      <c r="GG33" s="318">
        <v>167104</v>
      </c>
      <c r="GH33" s="115">
        <v>0</v>
      </c>
      <c r="GI33" s="114">
        <v>0</v>
      </c>
      <c r="GJ33" s="112">
        <v>0</v>
      </c>
      <c r="GK33" s="111">
        <v>0</v>
      </c>
      <c r="GL33" s="114">
        <v>0</v>
      </c>
      <c r="GM33" s="114">
        <v>0</v>
      </c>
      <c r="GN33" s="114">
        <v>0</v>
      </c>
      <c r="GO33" s="114">
        <v>14268</v>
      </c>
      <c r="GP33" s="114">
        <v>0</v>
      </c>
      <c r="GQ33" s="113">
        <v>14268</v>
      </c>
      <c r="GR33" s="116">
        <v>14268</v>
      </c>
      <c r="GS33" s="110">
        <v>140000</v>
      </c>
      <c r="GT33" s="114">
        <v>0</v>
      </c>
      <c r="GU33" s="113">
        <v>140000</v>
      </c>
      <c r="GV33" s="110">
        <v>0</v>
      </c>
      <c r="GW33" s="114">
        <v>42966</v>
      </c>
      <c r="GX33" s="114">
        <v>18970</v>
      </c>
      <c r="GY33" s="114">
        <v>0</v>
      </c>
      <c r="GZ33" s="114">
        <v>0</v>
      </c>
      <c r="HA33" s="114">
        <v>0</v>
      </c>
      <c r="HB33" s="112">
        <v>61936</v>
      </c>
      <c r="HC33" s="116">
        <v>201936</v>
      </c>
      <c r="HD33" s="110">
        <v>0</v>
      </c>
      <c r="HE33" s="114">
        <v>0</v>
      </c>
      <c r="HF33" s="112">
        <v>0</v>
      </c>
      <c r="HG33" s="111">
        <v>0</v>
      </c>
      <c r="HH33" s="114">
        <v>0</v>
      </c>
      <c r="HI33" s="114">
        <v>0</v>
      </c>
      <c r="HJ33" s="114">
        <v>153643</v>
      </c>
      <c r="HK33" s="114">
        <v>172158</v>
      </c>
      <c r="HL33" s="114">
        <v>0</v>
      </c>
      <c r="HM33" s="113">
        <v>325801</v>
      </c>
      <c r="HN33" s="109">
        <v>325801</v>
      </c>
      <c r="HO33" s="328">
        <v>0</v>
      </c>
      <c r="HP33" s="329">
        <v>0</v>
      </c>
      <c r="HQ33" s="330">
        <v>0</v>
      </c>
      <c r="HR33" s="331">
        <v>0</v>
      </c>
      <c r="HS33" s="329">
        <v>0</v>
      </c>
      <c r="HT33" s="329">
        <v>0</v>
      </c>
      <c r="HU33" s="329">
        <v>0</v>
      </c>
      <c r="HV33" s="329">
        <v>0</v>
      </c>
      <c r="HW33" s="329">
        <v>0</v>
      </c>
      <c r="HX33" s="332">
        <v>0</v>
      </c>
      <c r="HY33" s="333">
        <v>0</v>
      </c>
      <c r="HZ33" s="131">
        <v>0</v>
      </c>
      <c r="IA33" s="132">
        <v>0</v>
      </c>
      <c r="IB33" s="133">
        <v>0</v>
      </c>
      <c r="IC33" s="146">
        <v>0</v>
      </c>
      <c r="ID33" s="132">
        <v>108073</v>
      </c>
      <c r="IE33" s="147">
        <v>11102</v>
      </c>
      <c r="IF33" s="133">
        <v>0</v>
      </c>
      <c r="IG33" s="132">
        <v>0</v>
      </c>
      <c r="IH33" s="133">
        <v>0</v>
      </c>
      <c r="II33" s="148">
        <v>119175</v>
      </c>
      <c r="IJ33" s="139">
        <v>119175</v>
      </c>
      <c r="IK33" s="232">
        <v>0</v>
      </c>
      <c r="IL33" s="236">
        <v>0</v>
      </c>
      <c r="IM33" s="237">
        <v>0</v>
      </c>
      <c r="IN33" s="140">
        <v>0</v>
      </c>
      <c r="IO33" s="119">
        <v>0</v>
      </c>
      <c r="IP33" s="119">
        <v>0</v>
      </c>
      <c r="IQ33" s="119">
        <v>0</v>
      </c>
      <c r="IR33" s="119">
        <v>0</v>
      </c>
      <c r="IS33" s="119">
        <v>0</v>
      </c>
      <c r="IT33" s="141">
        <v>0</v>
      </c>
      <c r="IU33" s="320">
        <v>0</v>
      </c>
      <c r="IV33" s="142">
        <v>0</v>
      </c>
      <c r="IW33" s="119">
        <v>0</v>
      </c>
      <c r="IX33" s="120">
        <v>0</v>
      </c>
      <c r="IY33" s="144">
        <v>0</v>
      </c>
      <c r="IZ33" s="119">
        <v>0</v>
      </c>
      <c r="JA33" s="119">
        <v>0</v>
      </c>
      <c r="JB33" s="119">
        <v>0</v>
      </c>
      <c r="JC33" s="119">
        <v>0</v>
      </c>
      <c r="JD33" s="119">
        <v>0</v>
      </c>
      <c r="JE33" s="120">
        <v>0</v>
      </c>
      <c r="JF33" s="121">
        <v>0</v>
      </c>
      <c r="JG33" s="142">
        <v>0</v>
      </c>
      <c r="JH33" s="119">
        <v>0</v>
      </c>
      <c r="JI33" s="141">
        <v>0</v>
      </c>
      <c r="JJ33" s="118">
        <v>0</v>
      </c>
      <c r="JK33" s="119">
        <v>108073</v>
      </c>
      <c r="JL33" s="119">
        <v>11102</v>
      </c>
      <c r="JM33" s="119">
        <v>0</v>
      </c>
      <c r="JN33" s="119">
        <v>0</v>
      </c>
      <c r="JO33" s="119">
        <v>0</v>
      </c>
      <c r="JP33" s="120">
        <v>119175</v>
      </c>
      <c r="JQ33" s="320">
        <v>119175</v>
      </c>
      <c r="JR33" s="142">
        <v>0</v>
      </c>
      <c r="JS33" s="119">
        <v>0</v>
      </c>
      <c r="JT33" s="141">
        <v>0</v>
      </c>
      <c r="JU33" s="118">
        <v>0</v>
      </c>
      <c r="JV33" s="119">
        <v>0</v>
      </c>
      <c r="JW33" s="119">
        <v>0</v>
      </c>
      <c r="JX33" s="119">
        <v>0</v>
      </c>
      <c r="JY33" s="119">
        <v>0</v>
      </c>
      <c r="JZ33" s="119">
        <v>0</v>
      </c>
      <c r="KA33" s="120">
        <v>0</v>
      </c>
      <c r="KB33" s="320">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v>0</v>
      </c>
      <c r="KR33" s="119">
        <v>0</v>
      </c>
      <c r="KS33" s="119">
        <v>0</v>
      </c>
      <c r="KT33" s="119">
        <v>0</v>
      </c>
      <c r="KU33" s="119">
        <v>0</v>
      </c>
      <c r="KV33" s="119">
        <v>0</v>
      </c>
      <c r="KW33" s="120">
        <v>0</v>
      </c>
      <c r="KX33" s="320">
        <v>0</v>
      </c>
      <c r="KY33" s="142">
        <v>0</v>
      </c>
      <c r="KZ33" s="119">
        <v>0</v>
      </c>
      <c r="LA33" s="120">
        <v>0</v>
      </c>
      <c r="LB33" s="145">
        <v>0</v>
      </c>
      <c r="LC33" s="119">
        <v>0</v>
      </c>
      <c r="LD33" s="119">
        <v>0</v>
      </c>
      <c r="LE33" s="119">
        <v>0</v>
      </c>
      <c r="LF33" s="119">
        <v>0</v>
      </c>
      <c r="LG33" s="119">
        <v>0</v>
      </c>
      <c r="LH33" s="120">
        <v>0</v>
      </c>
      <c r="LI33" s="121">
        <v>0</v>
      </c>
      <c r="LJ33" s="142">
        <v>0</v>
      </c>
      <c r="LK33" s="119">
        <v>0</v>
      </c>
      <c r="LL33" s="120">
        <v>0</v>
      </c>
      <c r="LM33" s="145">
        <v>0</v>
      </c>
      <c r="LN33" s="119">
        <v>0</v>
      </c>
      <c r="LO33" s="119">
        <v>0</v>
      </c>
      <c r="LP33" s="119">
        <v>0</v>
      </c>
      <c r="LQ33" s="119">
        <v>0</v>
      </c>
      <c r="LR33" s="119">
        <v>0</v>
      </c>
      <c r="LS33" s="120">
        <v>0</v>
      </c>
      <c r="LT33" s="320">
        <v>0</v>
      </c>
      <c r="LU33" s="142">
        <v>0</v>
      </c>
      <c r="LV33" s="119">
        <v>0</v>
      </c>
      <c r="LW33" s="120">
        <v>0</v>
      </c>
      <c r="LX33" s="145">
        <v>0</v>
      </c>
      <c r="LY33" s="119">
        <v>0</v>
      </c>
      <c r="LZ33" s="119">
        <v>0</v>
      </c>
      <c r="MA33" s="119">
        <v>0</v>
      </c>
      <c r="MB33" s="119">
        <v>0</v>
      </c>
      <c r="MC33" s="119">
        <v>0</v>
      </c>
      <c r="MD33" s="120">
        <v>0</v>
      </c>
      <c r="ME33" s="121">
        <v>0</v>
      </c>
      <c r="MF33" s="142">
        <v>0</v>
      </c>
      <c r="MG33" s="119">
        <v>0</v>
      </c>
      <c r="MH33" s="120">
        <v>0</v>
      </c>
      <c r="MI33" s="145">
        <v>0</v>
      </c>
      <c r="MJ33" s="119">
        <v>0</v>
      </c>
      <c r="MK33" s="119">
        <v>0</v>
      </c>
      <c r="ML33" s="119">
        <v>260075</v>
      </c>
      <c r="MM33" s="119">
        <v>0</v>
      </c>
      <c r="MN33" s="119">
        <v>263599</v>
      </c>
      <c r="MO33" s="120">
        <v>523674</v>
      </c>
      <c r="MP33" s="143">
        <v>523674</v>
      </c>
      <c r="MQ33" s="142">
        <v>0</v>
      </c>
      <c r="MR33" s="119">
        <v>0</v>
      </c>
      <c r="MS33" s="120">
        <v>0</v>
      </c>
      <c r="MT33" s="145">
        <v>0</v>
      </c>
      <c r="MU33" s="119">
        <v>0</v>
      </c>
      <c r="MV33" s="119">
        <v>0</v>
      </c>
      <c r="MW33" s="119">
        <v>0</v>
      </c>
      <c r="MX33" s="119">
        <v>0</v>
      </c>
      <c r="MY33" s="119">
        <v>0</v>
      </c>
      <c r="MZ33" s="120">
        <v>0</v>
      </c>
      <c r="NA33" s="143">
        <v>0</v>
      </c>
      <c r="NB33" s="142">
        <v>0</v>
      </c>
      <c r="NC33" s="119">
        <v>0</v>
      </c>
      <c r="ND33" s="120">
        <v>0</v>
      </c>
      <c r="NE33" s="145">
        <v>0</v>
      </c>
      <c r="NF33" s="119">
        <v>0</v>
      </c>
      <c r="NG33" s="119">
        <v>0</v>
      </c>
      <c r="NH33" s="119">
        <v>260075</v>
      </c>
      <c r="NI33" s="119">
        <v>0</v>
      </c>
      <c r="NJ33" s="119">
        <v>263599</v>
      </c>
      <c r="NK33" s="120">
        <v>523674</v>
      </c>
      <c r="NL33" s="320">
        <v>523674</v>
      </c>
      <c r="NM33" s="142">
        <v>0</v>
      </c>
      <c r="NN33" s="119">
        <v>0</v>
      </c>
      <c r="NO33" s="120">
        <v>0</v>
      </c>
      <c r="NP33" s="145">
        <v>0</v>
      </c>
      <c r="NQ33" s="119">
        <v>0</v>
      </c>
      <c r="NR33" s="119">
        <v>0</v>
      </c>
      <c r="NS33" s="119">
        <v>0</v>
      </c>
      <c r="NT33" s="119">
        <v>0</v>
      </c>
      <c r="NU33" s="119">
        <v>0</v>
      </c>
      <c r="NV33" s="120">
        <v>0</v>
      </c>
      <c r="NW33" s="121">
        <v>0</v>
      </c>
      <c r="NX33" s="142">
        <v>0</v>
      </c>
      <c r="NY33" s="119">
        <v>0</v>
      </c>
      <c r="NZ33" s="120">
        <v>0</v>
      </c>
      <c r="OA33" s="145">
        <v>0</v>
      </c>
      <c r="OB33" s="119">
        <v>0</v>
      </c>
      <c r="OC33" s="119">
        <v>0</v>
      </c>
      <c r="OD33" s="119">
        <v>0</v>
      </c>
      <c r="OE33" s="119">
        <v>0</v>
      </c>
      <c r="OF33" s="119">
        <v>0</v>
      </c>
      <c r="OG33" s="120">
        <v>0</v>
      </c>
      <c r="OH33" s="121">
        <v>0</v>
      </c>
      <c r="OI33" s="142">
        <v>141610</v>
      </c>
      <c r="OJ33" s="119">
        <v>7700</v>
      </c>
      <c r="OK33" s="141">
        <v>149310</v>
      </c>
      <c r="OL33" s="118">
        <v>0</v>
      </c>
      <c r="OM33" s="119">
        <v>250786</v>
      </c>
      <c r="ON33" s="119">
        <v>308011</v>
      </c>
      <c r="OO33" s="119">
        <v>815749</v>
      </c>
      <c r="OP33" s="119">
        <v>299070</v>
      </c>
      <c r="OQ33" s="119">
        <v>472283</v>
      </c>
      <c r="OR33" s="120">
        <v>2145899</v>
      </c>
      <c r="OS33" s="143">
        <v>2295209</v>
      </c>
    </row>
    <row r="34" spans="2:409" ht="21" customHeight="1" x14ac:dyDescent="0.2">
      <c r="B34" s="126" t="s">
        <v>29</v>
      </c>
      <c r="C34" s="110">
        <v>2100</v>
      </c>
      <c r="D34" s="114">
        <v>3500</v>
      </c>
      <c r="E34" s="113">
        <v>5600</v>
      </c>
      <c r="F34" s="109">
        <v>0</v>
      </c>
      <c r="G34" s="114">
        <v>434788</v>
      </c>
      <c r="H34" s="114">
        <v>127350</v>
      </c>
      <c r="I34" s="114">
        <v>382861</v>
      </c>
      <c r="J34" s="114">
        <v>793727</v>
      </c>
      <c r="K34" s="114">
        <v>0</v>
      </c>
      <c r="L34" s="173">
        <v>1738726</v>
      </c>
      <c r="M34" s="116">
        <v>1744326</v>
      </c>
      <c r="N34" s="110">
        <v>0</v>
      </c>
      <c r="O34" s="114">
        <v>0</v>
      </c>
      <c r="P34" s="113">
        <v>0</v>
      </c>
      <c r="Q34" s="110">
        <v>0</v>
      </c>
      <c r="R34" s="114">
        <v>70343</v>
      </c>
      <c r="S34" s="114">
        <v>109850</v>
      </c>
      <c r="T34" s="114">
        <v>157353</v>
      </c>
      <c r="U34" s="114">
        <v>331872</v>
      </c>
      <c r="V34" s="114">
        <v>0</v>
      </c>
      <c r="W34" s="113">
        <v>669418</v>
      </c>
      <c r="X34" s="116">
        <v>669418</v>
      </c>
      <c r="Y34" s="110">
        <v>0</v>
      </c>
      <c r="Z34" s="114">
        <v>0</v>
      </c>
      <c r="AA34" s="113">
        <v>0</v>
      </c>
      <c r="AB34" s="110">
        <v>0</v>
      </c>
      <c r="AC34" s="114">
        <v>35175</v>
      </c>
      <c r="AD34" s="114">
        <v>67227</v>
      </c>
      <c r="AE34" s="114">
        <v>0</v>
      </c>
      <c r="AF34" s="114">
        <v>250553</v>
      </c>
      <c r="AG34" s="114">
        <v>0</v>
      </c>
      <c r="AH34" s="113">
        <v>352955</v>
      </c>
      <c r="AI34" s="116">
        <v>352955</v>
      </c>
      <c r="AJ34" s="110">
        <v>0</v>
      </c>
      <c r="AK34" s="114">
        <v>0</v>
      </c>
      <c r="AL34" s="113">
        <v>0</v>
      </c>
      <c r="AM34" s="110">
        <v>0</v>
      </c>
      <c r="AN34" s="114">
        <v>0</v>
      </c>
      <c r="AO34" s="114">
        <v>0</v>
      </c>
      <c r="AP34" s="114">
        <v>0</v>
      </c>
      <c r="AQ34" s="114">
        <v>0</v>
      </c>
      <c r="AR34" s="114">
        <v>0</v>
      </c>
      <c r="AS34" s="113">
        <v>0</v>
      </c>
      <c r="AT34" s="116">
        <v>0</v>
      </c>
      <c r="AU34" s="110">
        <v>0</v>
      </c>
      <c r="AV34" s="114">
        <v>0</v>
      </c>
      <c r="AW34" s="113">
        <v>0</v>
      </c>
      <c r="AX34" s="110">
        <v>0</v>
      </c>
      <c r="AY34" s="114">
        <v>0</v>
      </c>
      <c r="AZ34" s="114">
        <v>42623</v>
      </c>
      <c r="BA34" s="114">
        <v>113841</v>
      </c>
      <c r="BB34" s="114">
        <v>0</v>
      </c>
      <c r="BC34" s="114">
        <v>0</v>
      </c>
      <c r="BD34" s="113">
        <v>156464</v>
      </c>
      <c r="BE34" s="116">
        <v>156464</v>
      </c>
      <c r="BF34" s="110">
        <v>0</v>
      </c>
      <c r="BG34" s="114">
        <v>0</v>
      </c>
      <c r="BH34" s="112">
        <v>0</v>
      </c>
      <c r="BI34" s="111">
        <v>0</v>
      </c>
      <c r="BJ34" s="114">
        <v>26768</v>
      </c>
      <c r="BK34" s="114">
        <v>0</v>
      </c>
      <c r="BL34" s="114">
        <v>26768</v>
      </c>
      <c r="BM34" s="114">
        <v>46844</v>
      </c>
      <c r="BN34" s="114">
        <v>0</v>
      </c>
      <c r="BO34" s="113">
        <v>100380</v>
      </c>
      <c r="BP34" s="116">
        <v>100380</v>
      </c>
      <c r="BQ34" s="110">
        <v>0</v>
      </c>
      <c r="BR34" s="114">
        <v>0</v>
      </c>
      <c r="BS34" s="113">
        <v>0</v>
      </c>
      <c r="BT34" s="110">
        <v>0</v>
      </c>
      <c r="BU34" s="114">
        <v>8400</v>
      </c>
      <c r="BV34" s="114">
        <v>0</v>
      </c>
      <c r="BW34" s="114">
        <v>16744</v>
      </c>
      <c r="BX34" s="114">
        <v>34475</v>
      </c>
      <c r="BY34" s="114">
        <v>0</v>
      </c>
      <c r="BZ34" s="113">
        <v>59619</v>
      </c>
      <c r="CA34" s="116">
        <v>59619</v>
      </c>
      <c r="CB34" s="110">
        <v>0</v>
      </c>
      <c r="CC34" s="114">
        <v>0</v>
      </c>
      <c r="CD34" s="113">
        <v>0</v>
      </c>
      <c r="CE34" s="110">
        <v>0</v>
      </c>
      <c r="CF34" s="114">
        <v>140105</v>
      </c>
      <c r="CG34" s="114">
        <v>0</v>
      </c>
      <c r="CH34" s="114">
        <v>117775</v>
      </c>
      <c r="CI34" s="114">
        <v>70427</v>
      </c>
      <c r="CJ34" s="114">
        <v>0</v>
      </c>
      <c r="CK34" s="113">
        <v>328307</v>
      </c>
      <c r="CL34" s="116">
        <v>328307</v>
      </c>
      <c r="CM34" s="110">
        <v>0</v>
      </c>
      <c r="CN34" s="114">
        <v>0</v>
      </c>
      <c r="CO34" s="113">
        <v>0</v>
      </c>
      <c r="CP34" s="111">
        <v>0</v>
      </c>
      <c r="CQ34" s="114">
        <v>53403</v>
      </c>
      <c r="CR34" s="114">
        <v>0</v>
      </c>
      <c r="CS34" s="114">
        <v>25158</v>
      </c>
      <c r="CT34" s="114">
        <v>0</v>
      </c>
      <c r="CU34" s="114">
        <v>0</v>
      </c>
      <c r="CV34" s="113">
        <v>78561</v>
      </c>
      <c r="CW34" s="116">
        <v>78561</v>
      </c>
      <c r="CX34" s="110">
        <v>0</v>
      </c>
      <c r="CY34" s="114">
        <v>0</v>
      </c>
      <c r="CZ34" s="113">
        <v>0</v>
      </c>
      <c r="DA34" s="110">
        <v>0</v>
      </c>
      <c r="DB34" s="114">
        <v>86702</v>
      </c>
      <c r="DC34" s="114">
        <v>0</v>
      </c>
      <c r="DD34" s="114">
        <v>92617</v>
      </c>
      <c r="DE34" s="114">
        <v>70427</v>
      </c>
      <c r="DF34" s="114">
        <v>0</v>
      </c>
      <c r="DG34" s="113">
        <v>249746</v>
      </c>
      <c r="DH34" s="116">
        <v>249746</v>
      </c>
      <c r="DI34" s="110">
        <v>0</v>
      </c>
      <c r="DJ34" s="114">
        <v>0</v>
      </c>
      <c r="DK34" s="112">
        <v>0</v>
      </c>
      <c r="DL34" s="111">
        <v>0</v>
      </c>
      <c r="DM34" s="114">
        <v>14896</v>
      </c>
      <c r="DN34" s="114">
        <v>0</v>
      </c>
      <c r="DO34" s="114">
        <v>0</v>
      </c>
      <c r="DP34" s="114">
        <v>0</v>
      </c>
      <c r="DQ34" s="114">
        <v>0</v>
      </c>
      <c r="DR34" s="113">
        <v>14896</v>
      </c>
      <c r="DS34" s="116">
        <v>14896</v>
      </c>
      <c r="DT34" s="110">
        <v>0</v>
      </c>
      <c r="DU34" s="114">
        <v>0</v>
      </c>
      <c r="DV34" s="113">
        <v>0</v>
      </c>
      <c r="DW34" s="110">
        <v>0</v>
      </c>
      <c r="DX34" s="114">
        <v>0</v>
      </c>
      <c r="DY34" s="114">
        <v>0</v>
      </c>
      <c r="DZ34" s="114">
        <v>0</v>
      </c>
      <c r="EA34" s="114">
        <v>0</v>
      </c>
      <c r="EB34" s="114">
        <v>0</v>
      </c>
      <c r="EC34" s="113">
        <v>0</v>
      </c>
      <c r="ED34" s="116">
        <v>0</v>
      </c>
      <c r="EE34" s="110">
        <v>0</v>
      </c>
      <c r="EF34" s="112">
        <v>0</v>
      </c>
      <c r="EG34" s="113">
        <v>0</v>
      </c>
      <c r="EH34" s="110">
        <v>0</v>
      </c>
      <c r="EI34" s="114">
        <v>14896</v>
      </c>
      <c r="EJ34" s="114">
        <v>0</v>
      </c>
      <c r="EK34" s="114">
        <v>0</v>
      </c>
      <c r="EL34" s="114">
        <v>0</v>
      </c>
      <c r="EM34" s="114">
        <v>0</v>
      </c>
      <c r="EN34" s="112">
        <v>14896</v>
      </c>
      <c r="EO34" s="116">
        <v>14896</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v>0</v>
      </c>
      <c r="FE34" s="114">
        <v>0</v>
      </c>
      <c r="FF34" s="114">
        <v>0</v>
      </c>
      <c r="FG34" s="114">
        <v>0</v>
      </c>
      <c r="FH34" s="114">
        <v>0</v>
      </c>
      <c r="FI34" s="114">
        <v>0</v>
      </c>
      <c r="FJ34" s="113">
        <v>0</v>
      </c>
      <c r="FK34" s="116">
        <v>0</v>
      </c>
      <c r="FL34" s="110">
        <v>2100</v>
      </c>
      <c r="FM34" s="114">
        <v>3500</v>
      </c>
      <c r="FN34" s="113">
        <v>5600</v>
      </c>
      <c r="FO34" s="110">
        <v>0</v>
      </c>
      <c r="FP34" s="114">
        <v>35000</v>
      </c>
      <c r="FQ34" s="114">
        <v>17500</v>
      </c>
      <c r="FR34" s="114">
        <v>107733</v>
      </c>
      <c r="FS34" s="114">
        <v>55510</v>
      </c>
      <c r="FT34" s="114">
        <v>0</v>
      </c>
      <c r="FU34" s="113">
        <v>215743</v>
      </c>
      <c r="FV34" s="116">
        <v>221343</v>
      </c>
      <c r="FW34" s="115">
        <v>2100</v>
      </c>
      <c r="FX34" s="114">
        <v>3500</v>
      </c>
      <c r="FY34" s="112">
        <v>5600</v>
      </c>
      <c r="FZ34" s="111">
        <v>0</v>
      </c>
      <c r="GA34" s="114">
        <v>35000</v>
      </c>
      <c r="GB34" s="114">
        <v>700</v>
      </c>
      <c r="GC34" s="114">
        <v>86135</v>
      </c>
      <c r="GD34" s="114">
        <v>55510</v>
      </c>
      <c r="GE34" s="114">
        <v>0</v>
      </c>
      <c r="GF34" s="113">
        <v>177345</v>
      </c>
      <c r="GG34" s="318">
        <v>182945</v>
      </c>
      <c r="GH34" s="115">
        <v>0</v>
      </c>
      <c r="GI34" s="114">
        <v>0</v>
      </c>
      <c r="GJ34" s="112">
        <v>0</v>
      </c>
      <c r="GK34" s="111">
        <v>0</v>
      </c>
      <c r="GL34" s="114">
        <v>0</v>
      </c>
      <c r="GM34" s="114">
        <v>0</v>
      </c>
      <c r="GN34" s="114">
        <v>21598</v>
      </c>
      <c r="GO34" s="114">
        <v>0</v>
      </c>
      <c r="GP34" s="114">
        <v>0</v>
      </c>
      <c r="GQ34" s="113">
        <v>21598</v>
      </c>
      <c r="GR34" s="116">
        <v>21598</v>
      </c>
      <c r="GS34" s="110">
        <v>0</v>
      </c>
      <c r="GT34" s="114">
        <v>0</v>
      </c>
      <c r="GU34" s="113">
        <v>0</v>
      </c>
      <c r="GV34" s="110">
        <v>0</v>
      </c>
      <c r="GW34" s="114">
        <v>0</v>
      </c>
      <c r="GX34" s="114">
        <v>16800</v>
      </c>
      <c r="GY34" s="114">
        <v>0</v>
      </c>
      <c r="GZ34" s="114">
        <v>0</v>
      </c>
      <c r="HA34" s="114">
        <v>0</v>
      </c>
      <c r="HB34" s="112">
        <v>16800</v>
      </c>
      <c r="HC34" s="116">
        <v>16800</v>
      </c>
      <c r="HD34" s="110">
        <v>0</v>
      </c>
      <c r="HE34" s="114">
        <v>0</v>
      </c>
      <c r="HF34" s="112">
        <v>0</v>
      </c>
      <c r="HG34" s="111">
        <v>0</v>
      </c>
      <c r="HH34" s="114">
        <v>174444</v>
      </c>
      <c r="HI34" s="114">
        <v>0</v>
      </c>
      <c r="HJ34" s="114">
        <v>0</v>
      </c>
      <c r="HK34" s="114">
        <v>335918</v>
      </c>
      <c r="HL34" s="114">
        <v>0</v>
      </c>
      <c r="HM34" s="113">
        <v>510362</v>
      </c>
      <c r="HN34" s="109">
        <v>510362</v>
      </c>
      <c r="HO34" s="328">
        <v>0</v>
      </c>
      <c r="HP34" s="329">
        <v>0</v>
      </c>
      <c r="HQ34" s="330">
        <v>0</v>
      </c>
      <c r="HR34" s="331">
        <v>0</v>
      </c>
      <c r="HS34" s="329">
        <v>0</v>
      </c>
      <c r="HT34" s="329">
        <v>0</v>
      </c>
      <c r="HU34" s="329">
        <v>0</v>
      </c>
      <c r="HV34" s="329">
        <v>0</v>
      </c>
      <c r="HW34" s="329">
        <v>0</v>
      </c>
      <c r="HX34" s="332">
        <v>0</v>
      </c>
      <c r="HY34" s="333">
        <v>0</v>
      </c>
      <c r="HZ34" s="150">
        <v>0</v>
      </c>
      <c r="IA34" s="135">
        <v>0</v>
      </c>
      <c r="IB34" s="150">
        <v>0</v>
      </c>
      <c r="IC34" s="134">
        <v>0</v>
      </c>
      <c r="ID34" s="135">
        <v>346005</v>
      </c>
      <c r="IE34" s="136">
        <v>0</v>
      </c>
      <c r="IF34" s="137">
        <v>286076</v>
      </c>
      <c r="IG34" s="135">
        <v>205345</v>
      </c>
      <c r="IH34" s="137">
        <v>0</v>
      </c>
      <c r="II34" s="138">
        <v>837426</v>
      </c>
      <c r="IJ34" s="150">
        <v>837426</v>
      </c>
      <c r="IK34" s="232">
        <v>0</v>
      </c>
      <c r="IL34" s="236">
        <v>0</v>
      </c>
      <c r="IM34" s="237">
        <v>0</v>
      </c>
      <c r="IN34" s="140">
        <v>0</v>
      </c>
      <c r="IO34" s="119">
        <v>0</v>
      </c>
      <c r="IP34" s="119">
        <v>0</v>
      </c>
      <c r="IQ34" s="119">
        <v>0</v>
      </c>
      <c r="IR34" s="119">
        <v>0</v>
      </c>
      <c r="IS34" s="119">
        <v>0</v>
      </c>
      <c r="IT34" s="141">
        <v>0</v>
      </c>
      <c r="IU34" s="320">
        <v>0</v>
      </c>
      <c r="IV34" s="142">
        <v>0</v>
      </c>
      <c r="IW34" s="119">
        <v>0</v>
      </c>
      <c r="IX34" s="120">
        <v>0</v>
      </c>
      <c r="IY34" s="144">
        <v>0</v>
      </c>
      <c r="IZ34" s="119">
        <v>0</v>
      </c>
      <c r="JA34" s="119">
        <v>0</v>
      </c>
      <c r="JB34" s="119">
        <v>0</v>
      </c>
      <c r="JC34" s="119">
        <v>0</v>
      </c>
      <c r="JD34" s="119">
        <v>0</v>
      </c>
      <c r="JE34" s="120">
        <v>0</v>
      </c>
      <c r="JF34" s="121">
        <v>0</v>
      </c>
      <c r="JG34" s="142">
        <v>0</v>
      </c>
      <c r="JH34" s="119">
        <v>0</v>
      </c>
      <c r="JI34" s="141">
        <v>0</v>
      </c>
      <c r="JJ34" s="118">
        <v>0</v>
      </c>
      <c r="JK34" s="119">
        <v>10943</v>
      </c>
      <c r="JL34" s="119">
        <v>0</v>
      </c>
      <c r="JM34" s="119">
        <v>0</v>
      </c>
      <c r="JN34" s="119">
        <v>0</v>
      </c>
      <c r="JO34" s="119">
        <v>0</v>
      </c>
      <c r="JP34" s="120">
        <v>10943</v>
      </c>
      <c r="JQ34" s="320">
        <v>10943</v>
      </c>
      <c r="JR34" s="142">
        <v>0</v>
      </c>
      <c r="JS34" s="119">
        <v>0</v>
      </c>
      <c r="JT34" s="141">
        <v>0</v>
      </c>
      <c r="JU34" s="118">
        <v>0</v>
      </c>
      <c r="JV34" s="119">
        <v>0</v>
      </c>
      <c r="JW34" s="119">
        <v>0</v>
      </c>
      <c r="JX34" s="119">
        <v>82362</v>
      </c>
      <c r="JY34" s="119">
        <v>0</v>
      </c>
      <c r="JZ34" s="119">
        <v>0</v>
      </c>
      <c r="KA34" s="120">
        <v>82362</v>
      </c>
      <c r="KB34" s="320">
        <v>82362</v>
      </c>
      <c r="KC34" s="234">
        <v>0</v>
      </c>
      <c r="KD34" s="230">
        <v>0</v>
      </c>
      <c r="KE34" s="120">
        <v>0</v>
      </c>
      <c r="KF34" s="118">
        <v>0</v>
      </c>
      <c r="KG34" s="119">
        <v>335062</v>
      </c>
      <c r="KH34" s="119">
        <v>0</v>
      </c>
      <c r="KI34" s="119">
        <v>203714</v>
      </c>
      <c r="KJ34" s="119">
        <v>0</v>
      </c>
      <c r="KK34" s="119">
        <v>0</v>
      </c>
      <c r="KL34" s="120">
        <v>538776</v>
      </c>
      <c r="KM34" s="143">
        <v>538776</v>
      </c>
      <c r="KN34" s="232">
        <v>0</v>
      </c>
      <c r="KO34" s="236">
        <v>0</v>
      </c>
      <c r="KP34" s="237">
        <v>0</v>
      </c>
      <c r="KQ34" s="140">
        <v>0</v>
      </c>
      <c r="KR34" s="119">
        <v>0</v>
      </c>
      <c r="KS34" s="119">
        <v>0</v>
      </c>
      <c r="KT34" s="119">
        <v>0</v>
      </c>
      <c r="KU34" s="119">
        <v>0</v>
      </c>
      <c r="KV34" s="119">
        <v>0</v>
      </c>
      <c r="KW34" s="120">
        <v>0</v>
      </c>
      <c r="KX34" s="320">
        <v>0</v>
      </c>
      <c r="KY34" s="142">
        <v>0</v>
      </c>
      <c r="KZ34" s="119">
        <v>0</v>
      </c>
      <c r="LA34" s="120">
        <v>0</v>
      </c>
      <c r="LB34" s="145">
        <v>0</v>
      </c>
      <c r="LC34" s="119">
        <v>0</v>
      </c>
      <c r="LD34" s="119">
        <v>0</v>
      </c>
      <c r="LE34" s="119">
        <v>0</v>
      </c>
      <c r="LF34" s="119">
        <v>0</v>
      </c>
      <c r="LG34" s="119">
        <v>0</v>
      </c>
      <c r="LH34" s="120">
        <v>0</v>
      </c>
      <c r="LI34" s="121">
        <v>0</v>
      </c>
      <c r="LJ34" s="142">
        <v>0</v>
      </c>
      <c r="LK34" s="119">
        <v>0</v>
      </c>
      <c r="LL34" s="120">
        <v>0</v>
      </c>
      <c r="LM34" s="145">
        <v>0</v>
      </c>
      <c r="LN34" s="119">
        <v>0</v>
      </c>
      <c r="LO34" s="119">
        <v>0</v>
      </c>
      <c r="LP34" s="119">
        <v>0</v>
      </c>
      <c r="LQ34" s="119">
        <v>205345</v>
      </c>
      <c r="LR34" s="119">
        <v>0</v>
      </c>
      <c r="LS34" s="120">
        <v>205345</v>
      </c>
      <c r="LT34" s="320">
        <v>205345</v>
      </c>
      <c r="LU34" s="142">
        <v>0</v>
      </c>
      <c r="LV34" s="119">
        <v>0</v>
      </c>
      <c r="LW34" s="120">
        <v>0</v>
      </c>
      <c r="LX34" s="145">
        <v>0</v>
      </c>
      <c r="LY34" s="119">
        <v>0</v>
      </c>
      <c r="LZ34" s="119">
        <v>0</v>
      </c>
      <c r="MA34" s="119">
        <v>0</v>
      </c>
      <c r="MB34" s="119">
        <v>0</v>
      </c>
      <c r="MC34" s="119">
        <v>0</v>
      </c>
      <c r="MD34" s="120">
        <v>0</v>
      </c>
      <c r="ME34" s="121">
        <v>0</v>
      </c>
      <c r="MF34" s="142">
        <v>0</v>
      </c>
      <c r="MG34" s="119">
        <v>0</v>
      </c>
      <c r="MH34" s="120">
        <v>0</v>
      </c>
      <c r="MI34" s="145">
        <v>0</v>
      </c>
      <c r="MJ34" s="119">
        <v>0</v>
      </c>
      <c r="MK34" s="119">
        <v>0</v>
      </c>
      <c r="ML34" s="119">
        <v>0</v>
      </c>
      <c r="MM34" s="119">
        <v>225310</v>
      </c>
      <c r="MN34" s="119">
        <v>0</v>
      </c>
      <c r="MO34" s="120">
        <v>225310</v>
      </c>
      <c r="MP34" s="143">
        <v>225310</v>
      </c>
      <c r="MQ34" s="142">
        <v>0</v>
      </c>
      <c r="MR34" s="119">
        <v>0</v>
      </c>
      <c r="MS34" s="120">
        <v>0</v>
      </c>
      <c r="MT34" s="145">
        <v>0</v>
      </c>
      <c r="MU34" s="119">
        <v>0</v>
      </c>
      <c r="MV34" s="119">
        <v>0</v>
      </c>
      <c r="MW34" s="119">
        <v>0</v>
      </c>
      <c r="MX34" s="119">
        <v>0</v>
      </c>
      <c r="MY34" s="119">
        <v>0</v>
      </c>
      <c r="MZ34" s="120">
        <v>0</v>
      </c>
      <c r="NA34" s="143">
        <v>0</v>
      </c>
      <c r="NB34" s="142">
        <v>0</v>
      </c>
      <c r="NC34" s="119">
        <v>0</v>
      </c>
      <c r="ND34" s="120">
        <v>0</v>
      </c>
      <c r="NE34" s="145">
        <v>0</v>
      </c>
      <c r="NF34" s="119">
        <v>0</v>
      </c>
      <c r="NG34" s="119">
        <v>0</v>
      </c>
      <c r="NH34" s="119">
        <v>0</v>
      </c>
      <c r="NI34" s="119">
        <v>225310</v>
      </c>
      <c r="NJ34" s="119">
        <v>0</v>
      </c>
      <c r="NK34" s="120">
        <v>225310</v>
      </c>
      <c r="NL34" s="320">
        <v>225310</v>
      </c>
      <c r="NM34" s="142">
        <v>0</v>
      </c>
      <c r="NN34" s="119">
        <v>0</v>
      </c>
      <c r="NO34" s="120">
        <v>0</v>
      </c>
      <c r="NP34" s="145">
        <v>0</v>
      </c>
      <c r="NQ34" s="119">
        <v>0</v>
      </c>
      <c r="NR34" s="119">
        <v>0</v>
      </c>
      <c r="NS34" s="119">
        <v>0</v>
      </c>
      <c r="NT34" s="119">
        <v>0</v>
      </c>
      <c r="NU34" s="119">
        <v>0</v>
      </c>
      <c r="NV34" s="120">
        <v>0</v>
      </c>
      <c r="NW34" s="121">
        <v>0</v>
      </c>
      <c r="NX34" s="142">
        <v>0</v>
      </c>
      <c r="NY34" s="119">
        <v>0</v>
      </c>
      <c r="NZ34" s="120">
        <v>0</v>
      </c>
      <c r="OA34" s="145">
        <v>0</v>
      </c>
      <c r="OB34" s="119">
        <v>0</v>
      </c>
      <c r="OC34" s="119">
        <v>0</v>
      </c>
      <c r="OD34" s="119">
        <v>0</v>
      </c>
      <c r="OE34" s="119">
        <v>0</v>
      </c>
      <c r="OF34" s="119">
        <v>0</v>
      </c>
      <c r="OG34" s="120">
        <v>0</v>
      </c>
      <c r="OH34" s="121">
        <v>0</v>
      </c>
      <c r="OI34" s="142">
        <v>2100</v>
      </c>
      <c r="OJ34" s="119">
        <v>3500</v>
      </c>
      <c r="OK34" s="141">
        <v>5600</v>
      </c>
      <c r="OL34" s="118">
        <v>0</v>
      </c>
      <c r="OM34" s="119">
        <v>780793</v>
      </c>
      <c r="ON34" s="119">
        <v>127350</v>
      </c>
      <c r="OO34" s="119">
        <v>668937</v>
      </c>
      <c r="OP34" s="119">
        <v>1224382</v>
      </c>
      <c r="OQ34" s="119">
        <v>0</v>
      </c>
      <c r="OR34" s="120">
        <v>2801462</v>
      </c>
      <c r="OS34" s="143">
        <v>2807062</v>
      </c>
    </row>
    <row r="35" spans="2:409" ht="21" customHeight="1" x14ac:dyDescent="0.2">
      <c r="B35" s="126" t="s">
        <v>30</v>
      </c>
      <c r="C35" s="110">
        <v>16310</v>
      </c>
      <c r="D35" s="114">
        <v>2100</v>
      </c>
      <c r="E35" s="174">
        <v>18410</v>
      </c>
      <c r="F35" s="175">
        <v>0</v>
      </c>
      <c r="G35" s="176">
        <v>354790</v>
      </c>
      <c r="H35" s="176">
        <v>568307</v>
      </c>
      <c r="I35" s="176">
        <v>345322</v>
      </c>
      <c r="J35" s="176">
        <v>99274</v>
      </c>
      <c r="K35" s="176">
        <v>0</v>
      </c>
      <c r="L35" s="177">
        <v>1367693</v>
      </c>
      <c r="M35" s="116">
        <v>1386103</v>
      </c>
      <c r="N35" s="110">
        <v>0</v>
      </c>
      <c r="O35" s="114">
        <v>0</v>
      </c>
      <c r="P35" s="113">
        <v>0</v>
      </c>
      <c r="Q35" s="110">
        <v>0</v>
      </c>
      <c r="R35" s="114">
        <v>106108</v>
      </c>
      <c r="S35" s="114">
        <v>35350</v>
      </c>
      <c r="T35" s="114">
        <v>188669</v>
      </c>
      <c r="U35" s="114">
        <v>71484</v>
      </c>
      <c r="V35" s="114">
        <v>0</v>
      </c>
      <c r="W35" s="113">
        <v>401611</v>
      </c>
      <c r="X35" s="116">
        <v>401611</v>
      </c>
      <c r="Y35" s="110">
        <v>0</v>
      </c>
      <c r="Z35" s="114">
        <v>0</v>
      </c>
      <c r="AA35" s="113">
        <v>0</v>
      </c>
      <c r="AB35" s="110">
        <v>0</v>
      </c>
      <c r="AC35" s="114">
        <v>29106</v>
      </c>
      <c r="AD35" s="114">
        <v>33264</v>
      </c>
      <c r="AE35" s="114">
        <v>158128</v>
      </c>
      <c r="AF35" s="114">
        <v>0</v>
      </c>
      <c r="AG35" s="114">
        <v>0</v>
      </c>
      <c r="AH35" s="113">
        <v>220498</v>
      </c>
      <c r="AI35" s="116">
        <v>220498</v>
      </c>
      <c r="AJ35" s="110">
        <v>0</v>
      </c>
      <c r="AK35" s="114">
        <v>0</v>
      </c>
      <c r="AL35" s="113">
        <v>0</v>
      </c>
      <c r="AM35" s="110">
        <v>0</v>
      </c>
      <c r="AN35" s="114">
        <v>39846</v>
      </c>
      <c r="AO35" s="114">
        <v>0</v>
      </c>
      <c r="AP35" s="114">
        <v>0</v>
      </c>
      <c r="AQ35" s="114">
        <v>38241</v>
      </c>
      <c r="AR35" s="114">
        <v>0</v>
      </c>
      <c r="AS35" s="113">
        <v>78087</v>
      </c>
      <c r="AT35" s="116">
        <v>78087</v>
      </c>
      <c r="AU35" s="110">
        <v>0</v>
      </c>
      <c r="AV35" s="114">
        <v>0</v>
      </c>
      <c r="AW35" s="113">
        <v>0</v>
      </c>
      <c r="AX35" s="110">
        <v>0</v>
      </c>
      <c r="AY35" s="114">
        <v>17346</v>
      </c>
      <c r="AZ35" s="114">
        <v>0</v>
      </c>
      <c r="BA35" s="114">
        <v>0</v>
      </c>
      <c r="BB35" s="114">
        <v>28924</v>
      </c>
      <c r="BC35" s="114">
        <v>0</v>
      </c>
      <c r="BD35" s="113">
        <v>46270</v>
      </c>
      <c r="BE35" s="116">
        <v>46270</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19810</v>
      </c>
      <c r="BV35" s="114">
        <v>2086</v>
      </c>
      <c r="BW35" s="114">
        <v>30541</v>
      </c>
      <c r="BX35" s="114">
        <v>4319</v>
      </c>
      <c r="BY35" s="114">
        <v>0</v>
      </c>
      <c r="BZ35" s="113">
        <v>56756</v>
      </c>
      <c r="CA35" s="116">
        <v>56756</v>
      </c>
      <c r="CB35" s="110">
        <v>0</v>
      </c>
      <c r="CC35" s="114">
        <v>0</v>
      </c>
      <c r="CD35" s="113">
        <v>0</v>
      </c>
      <c r="CE35" s="110">
        <v>0</v>
      </c>
      <c r="CF35" s="114">
        <v>0</v>
      </c>
      <c r="CG35" s="114">
        <v>270655</v>
      </c>
      <c r="CH35" s="114">
        <v>0</v>
      </c>
      <c r="CI35" s="114">
        <v>0</v>
      </c>
      <c r="CJ35" s="114">
        <v>0</v>
      </c>
      <c r="CK35" s="113">
        <v>270655</v>
      </c>
      <c r="CL35" s="116">
        <v>270655</v>
      </c>
      <c r="CM35" s="110">
        <v>0</v>
      </c>
      <c r="CN35" s="114">
        <v>0</v>
      </c>
      <c r="CO35" s="113">
        <v>0</v>
      </c>
      <c r="CP35" s="111">
        <v>0</v>
      </c>
      <c r="CQ35" s="114">
        <v>0</v>
      </c>
      <c r="CR35" s="114">
        <v>137448</v>
      </c>
      <c r="CS35" s="114">
        <v>0</v>
      </c>
      <c r="CT35" s="114">
        <v>0</v>
      </c>
      <c r="CU35" s="114">
        <v>0</v>
      </c>
      <c r="CV35" s="113">
        <v>137448</v>
      </c>
      <c r="CW35" s="116">
        <v>137448</v>
      </c>
      <c r="CX35" s="110">
        <v>0</v>
      </c>
      <c r="CY35" s="114">
        <v>0</v>
      </c>
      <c r="CZ35" s="113">
        <v>0</v>
      </c>
      <c r="DA35" s="110">
        <v>0</v>
      </c>
      <c r="DB35" s="114">
        <v>0</v>
      </c>
      <c r="DC35" s="114">
        <v>133207</v>
      </c>
      <c r="DD35" s="114">
        <v>0</v>
      </c>
      <c r="DE35" s="114">
        <v>0</v>
      </c>
      <c r="DF35" s="114">
        <v>0</v>
      </c>
      <c r="DG35" s="113">
        <v>133207</v>
      </c>
      <c r="DH35" s="116">
        <v>133207</v>
      </c>
      <c r="DI35" s="110">
        <v>0</v>
      </c>
      <c r="DJ35" s="114">
        <v>0</v>
      </c>
      <c r="DK35" s="112">
        <v>0</v>
      </c>
      <c r="DL35" s="111">
        <v>0</v>
      </c>
      <c r="DM35" s="114">
        <v>0</v>
      </c>
      <c r="DN35" s="114">
        <v>74898</v>
      </c>
      <c r="DO35" s="114">
        <v>0</v>
      </c>
      <c r="DP35" s="114">
        <v>0</v>
      </c>
      <c r="DQ35" s="114">
        <v>0</v>
      </c>
      <c r="DR35" s="113">
        <v>74898</v>
      </c>
      <c r="DS35" s="116">
        <v>74898</v>
      </c>
      <c r="DT35" s="110">
        <v>0</v>
      </c>
      <c r="DU35" s="114">
        <v>0</v>
      </c>
      <c r="DV35" s="113">
        <v>0</v>
      </c>
      <c r="DW35" s="110">
        <v>0</v>
      </c>
      <c r="DX35" s="114">
        <v>0</v>
      </c>
      <c r="DY35" s="114">
        <v>42991</v>
      </c>
      <c r="DZ35" s="114">
        <v>0</v>
      </c>
      <c r="EA35" s="114">
        <v>0</v>
      </c>
      <c r="EB35" s="114">
        <v>0</v>
      </c>
      <c r="EC35" s="113">
        <v>42991</v>
      </c>
      <c r="ED35" s="116">
        <v>42991</v>
      </c>
      <c r="EE35" s="110">
        <v>0</v>
      </c>
      <c r="EF35" s="112">
        <v>0</v>
      </c>
      <c r="EG35" s="113">
        <v>0</v>
      </c>
      <c r="EH35" s="110">
        <v>0</v>
      </c>
      <c r="EI35" s="114">
        <v>0</v>
      </c>
      <c r="EJ35" s="114">
        <v>31907</v>
      </c>
      <c r="EK35" s="114">
        <v>0</v>
      </c>
      <c r="EL35" s="114">
        <v>0</v>
      </c>
      <c r="EM35" s="114">
        <v>0</v>
      </c>
      <c r="EN35" s="112">
        <v>31907</v>
      </c>
      <c r="EO35" s="116">
        <v>31907</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v>0</v>
      </c>
      <c r="FE35" s="114">
        <v>0</v>
      </c>
      <c r="FF35" s="114">
        <v>0</v>
      </c>
      <c r="FG35" s="114">
        <v>0</v>
      </c>
      <c r="FH35" s="114">
        <v>0</v>
      </c>
      <c r="FI35" s="114">
        <v>0</v>
      </c>
      <c r="FJ35" s="113">
        <v>0</v>
      </c>
      <c r="FK35" s="116">
        <v>0</v>
      </c>
      <c r="FL35" s="110">
        <v>16310</v>
      </c>
      <c r="FM35" s="114">
        <v>2100</v>
      </c>
      <c r="FN35" s="113">
        <v>18410</v>
      </c>
      <c r="FO35" s="110">
        <v>0</v>
      </c>
      <c r="FP35" s="114">
        <v>2100</v>
      </c>
      <c r="FQ35" s="114">
        <v>51709</v>
      </c>
      <c r="FR35" s="114">
        <v>3010</v>
      </c>
      <c r="FS35" s="114">
        <v>27790</v>
      </c>
      <c r="FT35" s="114">
        <v>0</v>
      </c>
      <c r="FU35" s="113">
        <v>84609</v>
      </c>
      <c r="FV35" s="116">
        <v>103019</v>
      </c>
      <c r="FW35" s="115">
        <v>16310</v>
      </c>
      <c r="FX35" s="114">
        <v>2100</v>
      </c>
      <c r="FY35" s="112">
        <v>18410</v>
      </c>
      <c r="FZ35" s="111">
        <v>0</v>
      </c>
      <c r="GA35" s="114">
        <v>2100</v>
      </c>
      <c r="GB35" s="114">
        <v>51709</v>
      </c>
      <c r="GC35" s="114">
        <v>3010</v>
      </c>
      <c r="GD35" s="114">
        <v>27790</v>
      </c>
      <c r="GE35" s="114">
        <v>0</v>
      </c>
      <c r="GF35" s="113">
        <v>84609</v>
      </c>
      <c r="GG35" s="318">
        <v>103019</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246582</v>
      </c>
      <c r="HI35" s="114">
        <v>135695</v>
      </c>
      <c r="HJ35" s="114">
        <v>153643</v>
      </c>
      <c r="HK35" s="114">
        <v>0</v>
      </c>
      <c r="HL35" s="114">
        <v>0</v>
      </c>
      <c r="HM35" s="113">
        <v>535920</v>
      </c>
      <c r="HN35" s="109">
        <v>535920</v>
      </c>
      <c r="HO35" s="328">
        <v>0</v>
      </c>
      <c r="HP35" s="329">
        <v>0</v>
      </c>
      <c r="HQ35" s="330">
        <v>0</v>
      </c>
      <c r="HR35" s="331">
        <v>0</v>
      </c>
      <c r="HS35" s="329">
        <v>0</v>
      </c>
      <c r="HT35" s="329">
        <v>0</v>
      </c>
      <c r="HU35" s="329">
        <v>0</v>
      </c>
      <c r="HV35" s="329">
        <v>0</v>
      </c>
      <c r="HW35" s="329">
        <v>0</v>
      </c>
      <c r="HX35" s="332">
        <v>0</v>
      </c>
      <c r="HY35" s="333">
        <v>0</v>
      </c>
      <c r="HZ35" s="131">
        <v>0</v>
      </c>
      <c r="IA35" s="132">
        <v>0</v>
      </c>
      <c r="IB35" s="133">
        <v>0</v>
      </c>
      <c r="IC35" s="146">
        <v>0</v>
      </c>
      <c r="ID35" s="132">
        <v>43995</v>
      </c>
      <c r="IE35" s="147">
        <v>63021</v>
      </c>
      <c r="IF35" s="133">
        <v>0</v>
      </c>
      <c r="IG35" s="132">
        <v>0</v>
      </c>
      <c r="IH35" s="133">
        <v>0</v>
      </c>
      <c r="II35" s="148">
        <v>107016</v>
      </c>
      <c r="IJ35" s="139">
        <v>107016</v>
      </c>
      <c r="IK35" s="232">
        <v>0</v>
      </c>
      <c r="IL35" s="236">
        <v>0</v>
      </c>
      <c r="IM35" s="237">
        <v>0</v>
      </c>
      <c r="IN35" s="140">
        <v>0</v>
      </c>
      <c r="IO35" s="119">
        <v>0</v>
      </c>
      <c r="IP35" s="119">
        <v>0</v>
      </c>
      <c r="IQ35" s="119">
        <v>0</v>
      </c>
      <c r="IR35" s="119">
        <v>0</v>
      </c>
      <c r="IS35" s="119">
        <v>0</v>
      </c>
      <c r="IT35" s="141">
        <v>0</v>
      </c>
      <c r="IU35" s="320">
        <v>0</v>
      </c>
      <c r="IV35" s="142">
        <v>0</v>
      </c>
      <c r="IW35" s="119">
        <v>0</v>
      </c>
      <c r="IX35" s="120">
        <v>0</v>
      </c>
      <c r="IY35" s="144">
        <v>0</v>
      </c>
      <c r="IZ35" s="119">
        <v>0</v>
      </c>
      <c r="JA35" s="119">
        <v>0</v>
      </c>
      <c r="JB35" s="119">
        <v>0</v>
      </c>
      <c r="JC35" s="119">
        <v>0</v>
      </c>
      <c r="JD35" s="119">
        <v>0</v>
      </c>
      <c r="JE35" s="120">
        <v>0</v>
      </c>
      <c r="JF35" s="121">
        <v>0</v>
      </c>
      <c r="JG35" s="142">
        <v>0</v>
      </c>
      <c r="JH35" s="119">
        <v>0</v>
      </c>
      <c r="JI35" s="141">
        <v>0</v>
      </c>
      <c r="JJ35" s="118">
        <v>0</v>
      </c>
      <c r="JK35" s="119">
        <v>43995</v>
      </c>
      <c r="JL35" s="119">
        <v>25347</v>
      </c>
      <c r="JM35" s="119">
        <v>0</v>
      </c>
      <c r="JN35" s="119">
        <v>0</v>
      </c>
      <c r="JO35" s="119">
        <v>0</v>
      </c>
      <c r="JP35" s="120">
        <v>69342</v>
      </c>
      <c r="JQ35" s="320">
        <v>69342</v>
      </c>
      <c r="JR35" s="142">
        <v>0</v>
      </c>
      <c r="JS35" s="119">
        <v>0</v>
      </c>
      <c r="JT35" s="141">
        <v>0</v>
      </c>
      <c r="JU35" s="118">
        <v>0</v>
      </c>
      <c r="JV35" s="119">
        <v>0</v>
      </c>
      <c r="JW35" s="119">
        <v>37674</v>
      </c>
      <c r="JX35" s="119">
        <v>0</v>
      </c>
      <c r="JY35" s="119">
        <v>0</v>
      </c>
      <c r="JZ35" s="119">
        <v>0</v>
      </c>
      <c r="KA35" s="120">
        <v>37674</v>
      </c>
      <c r="KB35" s="320">
        <v>37674</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v>0</v>
      </c>
      <c r="KR35" s="119">
        <v>0</v>
      </c>
      <c r="KS35" s="119">
        <v>0</v>
      </c>
      <c r="KT35" s="119">
        <v>0</v>
      </c>
      <c r="KU35" s="119">
        <v>0</v>
      </c>
      <c r="KV35" s="119">
        <v>0</v>
      </c>
      <c r="KW35" s="120">
        <v>0</v>
      </c>
      <c r="KX35" s="320">
        <v>0</v>
      </c>
      <c r="KY35" s="142">
        <v>0</v>
      </c>
      <c r="KZ35" s="119">
        <v>0</v>
      </c>
      <c r="LA35" s="120">
        <v>0</v>
      </c>
      <c r="LB35" s="145">
        <v>0</v>
      </c>
      <c r="LC35" s="119">
        <v>0</v>
      </c>
      <c r="LD35" s="119">
        <v>0</v>
      </c>
      <c r="LE35" s="119">
        <v>0</v>
      </c>
      <c r="LF35" s="119">
        <v>0</v>
      </c>
      <c r="LG35" s="119">
        <v>0</v>
      </c>
      <c r="LH35" s="120">
        <v>0</v>
      </c>
      <c r="LI35" s="121">
        <v>0</v>
      </c>
      <c r="LJ35" s="142">
        <v>0</v>
      </c>
      <c r="LK35" s="119">
        <v>0</v>
      </c>
      <c r="LL35" s="120">
        <v>0</v>
      </c>
      <c r="LM35" s="145">
        <v>0</v>
      </c>
      <c r="LN35" s="119">
        <v>0</v>
      </c>
      <c r="LO35" s="119">
        <v>0</v>
      </c>
      <c r="LP35" s="119">
        <v>0</v>
      </c>
      <c r="LQ35" s="119">
        <v>0</v>
      </c>
      <c r="LR35" s="119">
        <v>0</v>
      </c>
      <c r="LS35" s="120">
        <v>0</v>
      </c>
      <c r="LT35" s="320">
        <v>0</v>
      </c>
      <c r="LU35" s="142">
        <v>0</v>
      </c>
      <c r="LV35" s="119">
        <v>0</v>
      </c>
      <c r="LW35" s="120">
        <v>0</v>
      </c>
      <c r="LX35" s="145">
        <v>0</v>
      </c>
      <c r="LY35" s="119">
        <v>0</v>
      </c>
      <c r="LZ35" s="119">
        <v>0</v>
      </c>
      <c r="MA35" s="119">
        <v>0</v>
      </c>
      <c r="MB35" s="119">
        <v>0</v>
      </c>
      <c r="MC35" s="119">
        <v>0</v>
      </c>
      <c r="MD35" s="120">
        <v>0</v>
      </c>
      <c r="ME35" s="121">
        <v>0</v>
      </c>
      <c r="MF35" s="142">
        <v>0</v>
      </c>
      <c r="MG35" s="119">
        <v>0</v>
      </c>
      <c r="MH35" s="120">
        <v>0</v>
      </c>
      <c r="MI35" s="145">
        <v>0</v>
      </c>
      <c r="MJ35" s="119">
        <v>162547</v>
      </c>
      <c r="MK35" s="119">
        <v>0</v>
      </c>
      <c r="ML35" s="119">
        <v>192892</v>
      </c>
      <c r="MM35" s="119">
        <v>615026</v>
      </c>
      <c r="MN35" s="119">
        <v>232528</v>
      </c>
      <c r="MO35" s="120">
        <v>1202993</v>
      </c>
      <c r="MP35" s="143">
        <v>1202993</v>
      </c>
      <c r="MQ35" s="142">
        <v>0</v>
      </c>
      <c r="MR35" s="119">
        <v>0</v>
      </c>
      <c r="MS35" s="120">
        <v>0</v>
      </c>
      <c r="MT35" s="145">
        <v>0</v>
      </c>
      <c r="MU35" s="119">
        <v>0</v>
      </c>
      <c r="MV35" s="119">
        <v>0</v>
      </c>
      <c r="MW35" s="119">
        <v>192892</v>
      </c>
      <c r="MX35" s="119">
        <v>486250</v>
      </c>
      <c r="MY35" s="119">
        <v>0</v>
      </c>
      <c r="MZ35" s="120">
        <v>679142</v>
      </c>
      <c r="NA35" s="143">
        <v>679142</v>
      </c>
      <c r="NB35" s="142">
        <v>0</v>
      </c>
      <c r="NC35" s="119">
        <v>0</v>
      </c>
      <c r="ND35" s="120">
        <v>0</v>
      </c>
      <c r="NE35" s="145">
        <v>0</v>
      </c>
      <c r="NF35" s="119">
        <v>162547</v>
      </c>
      <c r="NG35" s="119">
        <v>0</v>
      </c>
      <c r="NH35" s="119">
        <v>0</v>
      </c>
      <c r="NI35" s="119">
        <v>128776</v>
      </c>
      <c r="NJ35" s="119">
        <v>232528</v>
      </c>
      <c r="NK35" s="120">
        <v>523851</v>
      </c>
      <c r="NL35" s="320">
        <v>523851</v>
      </c>
      <c r="NM35" s="142">
        <v>0</v>
      </c>
      <c r="NN35" s="119">
        <v>0</v>
      </c>
      <c r="NO35" s="120">
        <v>0</v>
      </c>
      <c r="NP35" s="145">
        <v>0</v>
      </c>
      <c r="NQ35" s="119">
        <v>0</v>
      </c>
      <c r="NR35" s="119">
        <v>0</v>
      </c>
      <c r="NS35" s="119">
        <v>0</v>
      </c>
      <c r="NT35" s="119">
        <v>0</v>
      </c>
      <c r="NU35" s="119">
        <v>0</v>
      </c>
      <c r="NV35" s="120">
        <v>0</v>
      </c>
      <c r="NW35" s="121">
        <v>0</v>
      </c>
      <c r="NX35" s="142">
        <v>0</v>
      </c>
      <c r="NY35" s="119">
        <v>0</v>
      </c>
      <c r="NZ35" s="120">
        <v>0</v>
      </c>
      <c r="OA35" s="145">
        <v>0</v>
      </c>
      <c r="OB35" s="119">
        <v>0</v>
      </c>
      <c r="OC35" s="119">
        <v>0</v>
      </c>
      <c r="OD35" s="119">
        <v>0</v>
      </c>
      <c r="OE35" s="119">
        <v>0</v>
      </c>
      <c r="OF35" s="119">
        <v>0</v>
      </c>
      <c r="OG35" s="120">
        <v>0</v>
      </c>
      <c r="OH35" s="121">
        <v>0</v>
      </c>
      <c r="OI35" s="142">
        <v>16310</v>
      </c>
      <c r="OJ35" s="119">
        <v>2100</v>
      </c>
      <c r="OK35" s="141">
        <v>18410</v>
      </c>
      <c r="OL35" s="118">
        <v>0</v>
      </c>
      <c r="OM35" s="119">
        <v>561332</v>
      </c>
      <c r="ON35" s="119">
        <v>631328</v>
      </c>
      <c r="OO35" s="119">
        <v>538214</v>
      </c>
      <c r="OP35" s="119">
        <v>714300</v>
      </c>
      <c r="OQ35" s="119">
        <v>232528</v>
      </c>
      <c r="OR35" s="120">
        <v>2677702</v>
      </c>
      <c r="OS35" s="143">
        <v>2696112</v>
      </c>
    </row>
    <row r="36" spans="2:409" ht="21" customHeight="1" x14ac:dyDescent="0.2">
      <c r="B36" s="126" t="s">
        <v>31</v>
      </c>
      <c r="C36" s="110">
        <v>10780</v>
      </c>
      <c r="D36" s="114">
        <v>0</v>
      </c>
      <c r="E36" s="113">
        <v>10780</v>
      </c>
      <c r="F36" s="109">
        <v>0</v>
      </c>
      <c r="G36" s="114">
        <v>178316</v>
      </c>
      <c r="H36" s="114">
        <v>167320</v>
      </c>
      <c r="I36" s="114">
        <v>317277</v>
      </c>
      <c r="J36" s="114">
        <v>281558</v>
      </c>
      <c r="K36" s="114">
        <v>169771</v>
      </c>
      <c r="L36" s="173">
        <v>1114242</v>
      </c>
      <c r="M36" s="116">
        <v>1125022</v>
      </c>
      <c r="N36" s="110">
        <v>0</v>
      </c>
      <c r="O36" s="114">
        <v>0</v>
      </c>
      <c r="P36" s="113">
        <v>0</v>
      </c>
      <c r="Q36" s="110">
        <v>0</v>
      </c>
      <c r="R36" s="114">
        <v>33635</v>
      </c>
      <c r="S36" s="114">
        <v>33096</v>
      </c>
      <c r="T36" s="114">
        <v>0</v>
      </c>
      <c r="U36" s="114">
        <v>148897</v>
      </c>
      <c r="V36" s="114">
        <v>137921</v>
      </c>
      <c r="W36" s="113">
        <v>353549</v>
      </c>
      <c r="X36" s="116">
        <v>353549</v>
      </c>
      <c r="Y36" s="110">
        <v>0</v>
      </c>
      <c r="Z36" s="114">
        <v>0</v>
      </c>
      <c r="AA36" s="113">
        <v>0</v>
      </c>
      <c r="AB36" s="110">
        <v>0</v>
      </c>
      <c r="AC36" s="114">
        <v>0</v>
      </c>
      <c r="AD36" s="114">
        <v>0</v>
      </c>
      <c r="AE36" s="114">
        <v>0</v>
      </c>
      <c r="AF36" s="114">
        <v>28784</v>
      </c>
      <c r="AG36" s="114">
        <v>0</v>
      </c>
      <c r="AH36" s="113">
        <v>28784</v>
      </c>
      <c r="AI36" s="116">
        <v>28784</v>
      </c>
      <c r="AJ36" s="110">
        <v>0</v>
      </c>
      <c r="AK36" s="114">
        <v>0</v>
      </c>
      <c r="AL36" s="113">
        <v>0</v>
      </c>
      <c r="AM36" s="110">
        <v>0</v>
      </c>
      <c r="AN36" s="114">
        <v>0</v>
      </c>
      <c r="AO36" s="114">
        <v>0</v>
      </c>
      <c r="AP36" s="114">
        <v>0</v>
      </c>
      <c r="AQ36" s="114">
        <v>0</v>
      </c>
      <c r="AR36" s="114">
        <v>76489</v>
      </c>
      <c r="AS36" s="113">
        <v>76489</v>
      </c>
      <c r="AT36" s="116">
        <v>76489</v>
      </c>
      <c r="AU36" s="110">
        <v>0</v>
      </c>
      <c r="AV36" s="114">
        <v>0</v>
      </c>
      <c r="AW36" s="113">
        <v>0</v>
      </c>
      <c r="AX36" s="110">
        <v>0</v>
      </c>
      <c r="AY36" s="114">
        <v>25235</v>
      </c>
      <c r="AZ36" s="114">
        <v>24696</v>
      </c>
      <c r="BA36" s="114">
        <v>0</v>
      </c>
      <c r="BB36" s="114">
        <v>120113</v>
      </c>
      <c r="BC36" s="114">
        <v>53802</v>
      </c>
      <c r="BD36" s="113">
        <v>223846</v>
      </c>
      <c r="BE36" s="116">
        <v>223846</v>
      </c>
      <c r="BF36" s="110">
        <v>0</v>
      </c>
      <c r="BG36" s="114">
        <v>0</v>
      </c>
      <c r="BH36" s="112">
        <v>0</v>
      </c>
      <c r="BI36" s="111">
        <v>0</v>
      </c>
      <c r="BJ36" s="114">
        <v>0</v>
      </c>
      <c r="BK36" s="114">
        <v>0</v>
      </c>
      <c r="BL36" s="114">
        <v>0</v>
      </c>
      <c r="BM36" s="114">
        <v>0</v>
      </c>
      <c r="BN36" s="114">
        <v>0</v>
      </c>
      <c r="BO36" s="113">
        <v>0</v>
      </c>
      <c r="BP36" s="116">
        <v>0</v>
      </c>
      <c r="BQ36" s="110">
        <v>0</v>
      </c>
      <c r="BR36" s="114">
        <v>0</v>
      </c>
      <c r="BS36" s="113">
        <v>0</v>
      </c>
      <c r="BT36" s="110">
        <v>0</v>
      </c>
      <c r="BU36" s="114">
        <v>8400</v>
      </c>
      <c r="BV36" s="114">
        <v>8400</v>
      </c>
      <c r="BW36" s="114">
        <v>0</v>
      </c>
      <c r="BX36" s="114">
        <v>0</v>
      </c>
      <c r="BY36" s="114">
        <v>7630</v>
      </c>
      <c r="BZ36" s="113">
        <v>24430</v>
      </c>
      <c r="CA36" s="116">
        <v>24430</v>
      </c>
      <c r="CB36" s="110">
        <v>0</v>
      </c>
      <c r="CC36" s="114">
        <v>0</v>
      </c>
      <c r="CD36" s="113">
        <v>0</v>
      </c>
      <c r="CE36" s="110">
        <v>0</v>
      </c>
      <c r="CF36" s="114">
        <v>0</v>
      </c>
      <c r="CG36" s="114">
        <v>119874</v>
      </c>
      <c r="CH36" s="114">
        <v>220292</v>
      </c>
      <c r="CI36" s="114">
        <v>68786</v>
      </c>
      <c r="CJ36" s="114">
        <v>0</v>
      </c>
      <c r="CK36" s="113">
        <v>408952</v>
      </c>
      <c r="CL36" s="116">
        <v>408952</v>
      </c>
      <c r="CM36" s="110">
        <v>0</v>
      </c>
      <c r="CN36" s="114">
        <v>0</v>
      </c>
      <c r="CO36" s="113">
        <v>0</v>
      </c>
      <c r="CP36" s="111">
        <v>0</v>
      </c>
      <c r="CQ36" s="114">
        <v>0</v>
      </c>
      <c r="CR36" s="114">
        <v>119874</v>
      </c>
      <c r="CS36" s="114">
        <v>220292</v>
      </c>
      <c r="CT36" s="114">
        <v>68786</v>
      </c>
      <c r="CU36" s="114">
        <v>0</v>
      </c>
      <c r="CV36" s="113">
        <v>408952</v>
      </c>
      <c r="CW36" s="116">
        <v>408952</v>
      </c>
      <c r="CX36" s="110">
        <v>0</v>
      </c>
      <c r="CY36" s="114">
        <v>0</v>
      </c>
      <c r="CZ36" s="113">
        <v>0</v>
      </c>
      <c r="DA36" s="110">
        <v>0</v>
      </c>
      <c r="DB36" s="114">
        <v>0</v>
      </c>
      <c r="DC36" s="114">
        <v>0</v>
      </c>
      <c r="DD36" s="114">
        <v>0</v>
      </c>
      <c r="DE36" s="114">
        <v>0</v>
      </c>
      <c r="DF36" s="114">
        <v>0</v>
      </c>
      <c r="DG36" s="113">
        <v>0</v>
      </c>
      <c r="DH36" s="116">
        <v>0</v>
      </c>
      <c r="DI36" s="110">
        <v>0</v>
      </c>
      <c r="DJ36" s="114">
        <v>0</v>
      </c>
      <c r="DK36" s="112">
        <v>0</v>
      </c>
      <c r="DL36" s="111">
        <v>0</v>
      </c>
      <c r="DM36" s="114">
        <v>0</v>
      </c>
      <c r="DN36" s="114">
        <v>0</v>
      </c>
      <c r="DO36" s="114">
        <v>0</v>
      </c>
      <c r="DP36" s="114">
        <v>0</v>
      </c>
      <c r="DQ36" s="114">
        <v>0</v>
      </c>
      <c r="DR36" s="113">
        <v>0</v>
      </c>
      <c r="DS36" s="116">
        <v>0</v>
      </c>
      <c r="DT36" s="110">
        <v>0</v>
      </c>
      <c r="DU36" s="114">
        <v>0</v>
      </c>
      <c r="DV36" s="113">
        <v>0</v>
      </c>
      <c r="DW36" s="110">
        <v>0</v>
      </c>
      <c r="DX36" s="114">
        <v>0</v>
      </c>
      <c r="DY36" s="114">
        <v>0</v>
      </c>
      <c r="DZ36" s="114">
        <v>0</v>
      </c>
      <c r="EA36" s="114">
        <v>0</v>
      </c>
      <c r="EB36" s="114">
        <v>0</v>
      </c>
      <c r="EC36" s="113">
        <v>0</v>
      </c>
      <c r="ED36" s="116">
        <v>0</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v>0</v>
      </c>
      <c r="FE36" s="114">
        <v>0</v>
      </c>
      <c r="FF36" s="114">
        <v>0</v>
      </c>
      <c r="FG36" s="114">
        <v>0</v>
      </c>
      <c r="FH36" s="114">
        <v>0</v>
      </c>
      <c r="FI36" s="114">
        <v>0</v>
      </c>
      <c r="FJ36" s="113">
        <v>0</v>
      </c>
      <c r="FK36" s="116">
        <v>0</v>
      </c>
      <c r="FL36" s="110">
        <v>10780</v>
      </c>
      <c r="FM36" s="114">
        <v>0</v>
      </c>
      <c r="FN36" s="113">
        <v>10780</v>
      </c>
      <c r="FO36" s="110">
        <v>0</v>
      </c>
      <c r="FP36" s="114">
        <v>15470</v>
      </c>
      <c r="FQ36" s="114">
        <v>14350</v>
      </c>
      <c r="FR36" s="114">
        <v>96985</v>
      </c>
      <c r="FS36" s="114">
        <v>63875</v>
      </c>
      <c r="FT36" s="114">
        <v>31850</v>
      </c>
      <c r="FU36" s="113">
        <v>222530</v>
      </c>
      <c r="FV36" s="116">
        <v>233310</v>
      </c>
      <c r="FW36" s="115">
        <v>10780</v>
      </c>
      <c r="FX36" s="114">
        <v>0</v>
      </c>
      <c r="FY36" s="112">
        <v>10780</v>
      </c>
      <c r="FZ36" s="111">
        <v>0</v>
      </c>
      <c r="GA36" s="114">
        <v>15470</v>
      </c>
      <c r="GB36" s="114">
        <v>14350</v>
      </c>
      <c r="GC36" s="114">
        <v>27475</v>
      </c>
      <c r="GD36" s="114">
        <v>63875</v>
      </c>
      <c r="GE36" s="114">
        <v>31850</v>
      </c>
      <c r="GF36" s="113">
        <v>153020</v>
      </c>
      <c r="GG36" s="318">
        <v>163800</v>
      </c>
      <c r="GH36" s="115">
        <v>0</v>
      </c>
      <c r="GI36" s="114">
        <v>0</v>
      </c>
      <c r="GJ36" s="112">
        <v>0</v>
      </c>
      <c r="GK36" s="111">
        <v>0</v>
      </c>
      <c r="GL36" s="114">
        <v>0</v>
      </c>
      <c r="GM36" s="114">
        <v>0</v>
      </c>
      <c r="GN36" s="114">
        <v>20160</v>
      </c>
      <c r="GO36" s="114">
        <v>0</v>
      </c>
      <c r="GP36" s="114">
        <v>0</v>
      </c>
      <c r="GQ36" s="113">
        <v>20160</v>
      </c>
      <c r="GR36" s="116">
        <v>20160</v>
      </c>
      <c r="GS36" s="110">
        <v>0</v>
      </c>
      <c r="GT36" s="114">
        <v>0</v>
      </c>
      <c r="GU36" s="113">
        <v>0</v>
      </c>
      <c r="GV36" s="110">
        <v>0</v>
      </c>
      <c r="GW36" s="114">
        <v>0</v>
      </c>
      <c r="GX36" s="114">
        <v>0</v>
      </c>
      <c r="GY36" s="114">
        <v>49350</v>
      </c>
      <c r="GZ36" s="114">
        <v>0</v>
      </c>
      <c r="HA36" s="114">
        <v>0</v>
      </c>
      <c r="HB36" s="112">
        <v>49350</v>
      </c>
      <c r="HC36" s="116">
        <v>49350</v>
      </c>
      <c r="HD36" s="110">
        <v>0</v>
      </c>
      <c r="HE36" s="114">
        <v>0</v>
      </c>
      <c r="HF36" s="112">
        <v>0</v>
      </c>
      <c r="HG36" s="111">
        <v>0</v>
      </c>
      <c r="HH36" s="114">
        <v>129211</v>
      </c>
      <c r="HI36" s="114">
        <v>0</v>
      </c>
      <c r="HJ36" s="114">
        <v>0</v>
      </c>
      <c r="HK36" s="114">
        <v>0</v>
      </c>
      <c r="HL36" s="114">
        <v>0</v>
      </c>
      <c r="HM36" s="113">
        <v>129211</v>
      </c>
      <c r="HN36" s="109">
        <v>129211</v>
      </c>
      <c r="HO36" s="328">
        <v>0</v>
      </c>
      <c r="HP36" s="329">
        <v>0</v>
      </c>
      <c r="HQ36" s="330">
        <v>0</v>
      </c>
      <c r="HR36" s="331">
        <v>0</v>
      </c>
      <c r="HS36" s="329">
        <v>0</v>
      </c>
      <c r="HT36" s="329">
        <v>0</v>
      </c>
      <c r="HU36" s="329">
        <v>0</v>
      </c>
      <c r="HV36" s="329">
        <v>0</v>
      </c>
      <c r="HW36" s="329">
        <v>0</v>
      </c>
      <c r="HX36" s="332">
        <v>0</v>
      </c>
      <c r="HY36" s="333">
        <v>0</v>
      </c>
      <c r="HZ36" s="150">
        <v>0</v>
      </c>
      <c r="IA36" s="135">
        <v>0</v>
      </c>
      <c r="IB36" s="150">
        <v>0</v>
      </c>
      <c r="IC36" s="134">
        <v>0</v>
      </c>
      <c r="ID36" s="135">
        <v>28327</v>
      </c>
      <c r="IE36" s="136">
        <v>257927</v>
      </c>
      <c r="IF36" s="137">
        <v>70105</v>
      </c>
      <c r="IG36" s="135">
        <v>0</v>
      </c>
      <c r="IH36" s="137">
        <v>203378</v>
      </c>
      <c r="II36" s="138">
        <v>559737</v>
      </c>
      <c r="IJ36" s="150">
        <v>559737</v>
      </c>
      <c r="IK36" s="232">
        <v>0</v>
      </c>
      <c r="IL36" s="236">
        <v>0</v>
      </c>
      <c r="IM36" s="237">
        <v>0</v>
      </c>
      <c r="IN36" s="140">
        <v>0</v>
      </c>
      <c r="IO36" s="119">
        <v>0</v>
      </c>
      <c r="IP36" s="119">
        <v>89369</v>
      </c>
      <c r="IQ36" s="119">
        <v>0</v>
      </c>
      <c r="IR36" s="119">
        <v>0</v>
      </c>
      <c r="IS36" s="119">
        <v>0</v>
      </c>
      <c r="IT36" s="141">
        <v>89369</v>
      </c>
      <c r="IU36" s="320">
        <v>89369</v>
      </c>
      <c r="IV36" s="142">
        <v>0</v>
      </c>
      <c r="IW36" s="119">
        <v>0</v>
      </c>
      <c r="IX36" s="120">
        <v>0</v>
      </c>
      <c r="IY36" s="144">
        <v>0</v>
      </c>
      <c r="IZ36" s="119">
        <v>0</v>
      </c>
      <c r="JA36" s="119">
        <v>0</v>
      </c>
      <c r="JB36" s="119">
        <v>0</v>
      </c>
      <c r="JC36" s="119">
        <v>0</v>
      </c>
      <c r="JD36" s="119">
        <v>0</v>
      </c>
      <c r="JE36" s="120">
        <v>0</v>
      </c>
      <c r="JF36" s="121">
        <v>0</v>
      </c>
      <c r="JG36" s="142">
        <v>0</v>
      </c>
      <c r="JH36" s="119">
        <v>0</v>
      </c>
      <c r="JI36" s="141">
        <v>0</v>
      </c>
      <c r="JJ36" s="118">
        <v>0</v>
      </c>
      <c r="JK36" s="119">
        <v>28327</v>
      </c>
      <c r="JL36" s="119">
        <v>15998</v>
      </c>
      <c r="JM36" s="119">
        <v>70105</v>
      </c>
      <c r="JN36" s="119">
        <v>0</v>
      </c>
      <c r="JO36" s="119">
        <v>0</v>
      </c>
      <c r="JP36" s="120">
        <v>114430</v>
      </c>
      <c r="JQ36" s="320">
        <v>114430</v>
      </c>
      <c r="JR36" s="142">
        <v>0</v>
      </c>
      <c r="JS36" s="119">
        <v>0</v>
      </c>
      <c r="JT36" s="141">
        <v>0</v>
      </c>
      <c r="JU36" s="118">
        <v>0</v>
      </c>
      <c r="JV36" s="119">
        <v>0</v>
      </c>
      <c r="JW36" s="119">
        <v>0</v>
      </c>
      <c r="JX36" s="119">
        <v>0</v>
      </c>
      <c r="JY36" s="119">
        <v>0</v>
      </c>
      <c r="JZ36" s="119">
        <v>0</v>
      </c>
      <c r="KA36" s="120">
        <v>0</v>
      </c>
      <c r="KB36" s="320">
        <v>0</v>
      </c>
      <c r="KC36" s="234">
        <v>0</v>
      </c>
      <c r="KD36" s="230">
        <v>0</v>
      </c>
      <c r="KE36" s="120">
        <v>0</v>
      </c>
      <c r="KF36" s="118">
        <v>0</v>
      </c>
      <c r="KG36" s="119">
        <v>0</v>
      </c>
      <c r="KH36" s="119">
        <v>152560</v>
      </c>
      <c r="KI36" s="119">
        <v>0</v>
      </c>
      <c r="KJ36" s="119">
        <v>0</v>
      </c>
      <c r="KK36" s="119">
        <v>0</v>
      </c>
      <c r="KL36" s="120">
        <v>152560</v>
      </c>
      <c r="KM36" s="143">
        <v>152560</v>
      </c>
      <c r="KN36" s="232">
        <v>0</v>
      </c>
      <c r="KO36" s="236">
        <v>0</v>
      </c>
      <c r="KP36" s="237">
        <v>0</v>
      </c>
      <c r="KQ36" s="140">
        <v>0</v>
      </c>
      <c r="KR36" s="119">
        <v>0</v>
      </c>
      <c r="KS36" s="119">
        <v>0</v>
      </c>
      <c r="KT36" s="119">
        <v>0</v>
      </c>
      <c r="KU36" s="119">
        <v>0</v>
      </c>
      <c r="KV36" s="119">
        <v>203378</v>
      </c>
      <c r="KW36" s="120">
        <v>203378</v>
      </c>
      <c r="KX36" s="320">
        <v>203378</v>
      </c>
      <c r="KY36" s="142">
        <v>0</v>
      </c>
      <c r="KZ36" s="119">
        <v>0</v>
      </c>
      <c r="LA36" s="120">
        <v>0</v>
      </c>
      <c r="LB36" s="145">
        <v>0</v>
      </c>
      <c r="LC36" s="119">
        <v>0</v>
      </c>
      <c r="LD36" s="119">
        <v>0</v>
      </c>
      <c r="LE36" s="119">
        <v>0</v>
      </c>
      <c r="LF36" s="119">
        <v>0</v>
      </c>
      <c r="LG36" s="119">
        <v>0</v>
      </c>
      <c r="LH36" s="120">
        <v>0</v>
      </c>
      <c r="LI36" s="121">
        <v>0</v>
      </c>
      <c r="LJ36" s="142">
        <v>0</v>
      </c>
      <c r="LK36" s="119">
        <v>0</v>
      </c>
      <c r="LL36" s="120">
        <v>0</v>
      </c>
      <c r="LM36" s="145">
        <v>0</v>
      </c>
      <c r="LN36" s="119">
        <v>0</v>
      </c>
      <c r="LO36" s="119">
        <v>0</v>
      </c>
      <c r="LP36" s="119">
        <v>0</v>
      </c>
      <c r="LQ36" s="119">
        <v>0</v>
      </c>
      <c r="LR36" s="119">
        <v>0</v>
      </c>
      <c r="LS36" s="120">
        <v>0</v>
      </c>
      <c r="LT36" s="320">
        <v>0</v>
      </c>
      <c r="LU36" s="142">
        <v>0</v>
      </c>
      <c r="LV36" s="119">
        <v>0</v>
      </c>
      <c r="LW36" s="120">
        <v>0</v>
      </c>
      <c r="LX36" s="145">
        <v>0</v>
      </c>
      <c r="LY36" s="119">
        <v>0</v>
      </c>
      <c r="LZ36" s="119">
        <v>0</v>
      </c>
      <c r="MA36" s="119">
        <v>0</v>
      </c>
      <c r="MB36" s="119">
        <v>0</v>
      </c>
      <c r="MC36" s="119">
        <v>0</v>
      </c>
      <c r="MD36" s="120">
        <v>0</v>
      </c>
      <c r="ME36" s="121">
        <v>0</v>
      </c>
      <c r="MF36" s="142">
        <v>0</v>
      </c>
      <c r="MG36" s="119">
        <v>0</v>
      </c>
      <c r="MH36" s="120">
        <v>0</v>
      </c>
      <c r="MI36" s="145">
        <v>0</v>
      </c>
      <c r="MJ36" s="119">
        <v>0</v>
      </c>
      <c r="MK36" s="119">
        <v>196868</v>
      </c>
      <c r="ML36" s="119">
        <v>184783</v>
      </c>
      <c r="MM36" s="119">
        <v>0</v>
      </c>
      <c r="MN36" s="119">
        <v>661927</v>
      </c>
      <c r="MO36" s="120">
        <v>1043578</v>
      </c>
      <c r="MP36" s="143">
        <v>1043578</v>
      </c>
      <c r="MQ36" s="142">
        <v>0</v>
      </c>
      <c r="MR36" s="119">
        <v>0</v>
      </c>
      <c r="MS36" s="120">
        <v>0</v>
      </c>
      <c r="MT36" s="145">
        <v>0</v>
      </c>
      <c r="MU36" s="119">
        <v>0</v>
      </c>
      <c r="MV36" s="119">
        <v>0</v>
      </c>
      <c r="MW36" s="119">
        <v>184783</v>
      </c>
      <c r="MX36" s="119">
        <v>0</v>
      </c>
      <c r="MY36" s="119">
        <v>432019</v>
      </c>
      <c r="MZ36" s="120">
        <v>616802</v>
      </c>
      <c r="NA36" s="143">
        <v>616802</v>
      </c>
      <c r="NB36" s="142">
        <v>0</v>
      </c>
      <c r="NC36" s="119">
        <v>0</v>
      </c>
      <c r="ND36" s="120">
        <v>0</v>
      </c>
      <c r="NE36" s="145">
        <v>0</v>
      </c>
      <c r="NF36" s="119">
        <v>0</v>
      </c>
      <c r="NG36" s="119">
        <v>196868</v>
      </c>
      <c r="NH36" s="119">
        <v>0</v>
      </c>
      <c r="NI36" s="119">
        <v>0</v>
      </c>
      <c r="NJ36" s="119">
        <v>229908</v>
      </c>
      <c r="NK36" s="120">
        <v>426776</v>
      </c>
      <c r="NL36" s="320">
        <v>426776</v>
      </c>
      <c r="NM36" s="142">
        <v>0</v>
      </c>
      <c r="NN36" s="119">
        <v>0</v>
      </c>
      <c r="NO36" s="120">
        <v>0</v>
      </c>
      <c r="NP36" s="145">
        <v>0</v>
      </c>
      <c r="NQ36" s="119">
        <v>0</v>
      </c>
      <c r="NR36" s="119">
        <v>0</v>
      </c>
      <c r="NS36" s="119">
        <v>0</v>
      </c>
      <c r="NT36" s="119">
        <v>0</v>
      </c>
      <c r="NU36" s="119">
        <v>0</v>
      </c>
      <c r="NV36" s="120">
        <v>0</v>
      </c>
      <c r="NW36" s="121">
        <v>0</v>
      </c>
      <c r="NX36" s="142">
        <v>0</v>
      </c>
      <c r="NY36" s="119">
        <v>0</v>
      </c>
      <c r="NZ36" s="120">
        <v>0</v>
      </c>
      <c r="OA36" s="145">
        <v>0</v>
      </c>
      <c r="OB36" s="119">
        <v>0</v>
      </c>
      <c r="OC36" s="119">
        <v>0</v>
      </c>
      <c r="OD36" s="119">
        <v>0</v>
      </c>
      <c r="OE36" s="119">
        <v>0</v>
      </c>
      <c r="OF36" s="119">
        <v>0</v>
      </c>
      <c r="OG36" s="120">
        <v>0</v>
      </c>
      <c r="OH36" s="121">
        <v>0</v>
      </c>
      <c r="OI36" s="142">
        <v>10780</v>
      </c>
      <c r="OJ36" s="119">
        <v>0</v>
      </c>
      <c r="OK36" s="141">
        <v>10780</v>
      </c>
      <c r="OL36" s="118">
        <v>0</v>
      </c>
      <c r="OM36" s="119">
        <v>206643</v>
      </c>
      <c r="ON36" s="119">
        <v>622115</v>
      </c>
      <c r="OO36" s="119">
        <v>572165</v>
      </c>
      <c r="OP36" s="119">
        <v>281558</v>
      </c>
      <c r="OQ36" s="119">
        <v>1035076</v>
      </c>
      <c r="OR36" s="120">
        <v>2717557</v>
      </c>
      <c r="OS36" s="143">
        <v>2728337</v>
      </c>
    </row>
    <row r="37" spans="2:409" ht="21" customHeight="1" x14ac:dyDescent="0.2">
      <c r="B37" s="126" t="s">
        <v>32</v>
      </c>
      <c r="C37" s="110">
        <v>36554</v>
      </c>
      <c r="D37" s="114">
        <v>0</v>
      </c>
      <c r="E37" s="174">
        <v>36554</v>
      </c>
      <c r="F37" s="175">
        <v>0</v>
      </c>
      <c r="G37" s="176">
        <v>292278</v>
      </c>
      <c r="H37" s="176">
        <v>580794</v>
      </c>
      <c r="I37" s="176">
        <v>278022</v>
      </c>
      <c r="J37" s="176">
        <v>310723</v>
      </c>
      <c r="K37" s="176">
        <v>193200</v>
      </c>
      <c r="L37" s="177">
        <v>1655017</v>
      </c>
      <c r="M37" s="116">
        <v>1691571</v>
      </c>
      <c r="N37" s="110">
        <v>18368</v>
      </c>
      <c r="O37" s="114">
        <v>0</v>
      </c>
      <c r="P37" s="113">
        <v>18368</v>
      </c>
      <c r="Q37" s="110">
        <v>0</v>
      </c>
      <c r="R37" s="114">
        <v>0</v>
      </c>
      <c r="S37" s="114">
        <v>89327</v>
      </c>
      <c r="T37" s="114">
        <v>32361</v>
      </c>
      <c r="U37" s="114">
        <v>206892</v>
      </c>
      <c r="V37" s="114">
        <v>13692</v>
      </c>
      <c r="W37" s="113">
        <v>342272</v>
      </c>
      <c r="X37" s="116">
        <v>360640</v>
      </c>
      <c r="Y37" s="110">
        <v>0</v>
      </c>
      <c r="Z37" s="114">
        <v>0</v>
      </c>
      <c r="AA37" s="113">
        <v>0</v>
      </c>
      <c r="AB37" s="110">
        <v>0</v>
      </c>
      <c r="AC37" s="114">
        <v>0</v>
      </c>
      <c r="AD37" s="114">
        <v>0</v>
      </c>
      <c r="AE37" s="114">
        <v>0</v>
      </c>
      <c r="AF37" s="114">
        <v>169134</v>
      </c>
      <c r="AG37" s="114">
        <v>0</v>
      </c>
      <c r="AH37" s="113">
        <v>169134</v>
      </c>
      <c r="AI37" s="116">
        <v>169134</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76153</v>
      </c>
      <c r="BA37" s="114">
        <v>0</v>
      </c>
      <c r="BB37" s="114">
        <v>0</v>
      </c>
      <c r="BC37" s="114">
        <v>0</v>
      </c>
      <c r="BD37" s="113">
        <v>76153</v>
      </c>
      <c r="BE37" s="116">
        <v>76153</v>
      </c>
      <c r="BF37" s="110">
        <v>18368</v>
      </c>
      <c r="BG37" s="114">
        <v>0</v>
      </c>
      <c r="BH37" s="112">
        <v>18368</v>
      </c>
      <c r="BI37" s="111">
        <v>0</v>
      </c>
      <c r="BJ37" s="114">
        <v>0</v>
      </c>
      <c r="BK37" s="114">
        <v>0</v>
      </c>
      <c r="BL37" s="114">
        <v>0</v>
      </c>
      <c r="BM37" s="114">
        <v>20076</v>
      </c>
      <c r="BN37" s="114">
        <v>0</v>
      </c>
      <c r="BO37" s="113">
        <v>20076</v>
      </c>
      <c r="BP37" s="116">
        <v>38444</v>
      </c>
      <c r="BQ37" s="110">
        <v>0</v>
      </c>
      <c r="BR37" s="114">
        <v>0</v>
      </c>
      <c r="BS37" s="113">
        <v>0</v>
      </c>
      <c r="BT37" s="110">
        <v>0</v>
      </c>
      <c r="BU37" s="114">
        <v>0</v>
      </c>
      <c r="BV37" s="114">
        <v>13174</v>
      </c>
      <c r="BW37" s="114">
        <v>32361</v>
      </c>
      <c r="BX37" s="114">
        <v>17682</v>
      </c>
      <c r="BY37" s="114">
        <v>13692</v>
      </c>
      <c r="BZ37" s="113">
        <v>76909</v>
      </c>
      <c r="CA37" s="116">
        <v>76909</v>
      </c>
      <c r="CB37" s="110">
        <v>16226</v>
      </c>
      <c r="CC37" s="114">
        <v>0</v>
      </c>
      <c r="CD37" s="113">
        <v>16226</v>
      </c>
      <c r="CE37" s="110">
        <v>0</v>
      </c>
      <c r="CF37" s="114">
        <v>163916</v>
      </c>
      <c r="CG37" s="114">
        <v>154382</v>
      </c>
      <c r="CH37" s="114">
        <v>50719</v>
      </c>
      <c r="CI37" s="114">
        <v>62538</v>
      </c>
      <c r="CJ37" s="114">
        <v>0</v>
      </c>
      <c r="CK37" s="113">
        <v>431555</v>
      </c>
      <c r="CL37" s="116">
        <v>447781</v>
      </c>
      <c r="CM37" s="110">
        <v>0</v>
      </c>
      <c r="CN37" s="114">
        <v>0</v>
      </c>
      <c r="CO37" s="113">
        <v>0</v>
      </c>
      <c r="CP37" s="111">
        <v>0</v>
      </c>
      <c r="CQ37" s="114">
        <v>163916</v>
      </c>
      <c r="CR37" s="114">
        <v>154382</v>
      </c>
      <c r="CS37" s="114">
        <v>0</v>
      </c>
      <c r="CT37" s="114">
        <v>0</v>
      </c>
      <c r="CU37" s="114">
        <v>0</v>
      </c>
      <c r="CV37" s="113">
        <v>318298</v>
      </c>
      <c r="CW37" s="116">
        <v>318298</v>
      </c>
      <c r="CX37" s="110">
        <v>16226</v>
      </c>
      <c r="CY37" s="114">
        <v>0</v>
      </c>
      <c r="CZ37" s="113">
        <v>16226</v>
      </c>
      <c r="DA37" s="110">
        <v>0</v>
      </c>
      <c r="DB37" s="114">
        <v>0</v>
      </c>
      <c r="DC37" s="114">
        <v>0</v>
      </c>
      <c r="DD37" s="114">
        <v>50719</v>
      </c>
      <c r="DE37" s="114">
        <v>62538</v>
      </c>
      <c r="DF37" s="114">
        <v>0</v>
      </c>
      <c r="DG37" s="113">
        <v>113257</v>
      </c>
      <c r="DH37" s="116">
        <v>129483</v>
      </c>
      <c r="DI37" s="110">
        <v>0</v>
      </c>
      <c r="DJ37" s="114">
        <v>0</v>
      </c>
      <c r="DK37" s="112">
        <v>0</v>
      </c>
      <c r="DL37" s="111">
        <v>0</v>
      </c>
      <c r="DM37" s="114">
        <v>0</v>
      </c>
      <c r="DN37" s="114">
        <v>17332</v>
      </c>
      <c r="DO37" s="114">
        <v>0</v>
      </c>
      <c r="DP37" s="114">
        <v>0</v>
      </c>
      <c r="DQ37" s="114">
        <v>0</v>
      </c>
      <c r="DR37" s="113">
        <v>17332</v>
      </c>
      <c r="DS37" s="116">
        <v>17332</v>
      </c>
      <c r="DT37" s="110">
        <v>0</v>
      </c>
      <c r="DU37" s="114">
        <v>0</v>
      </c>
      <c r="DV37" s="113">
        <v>0</v>
      </c>
      <c r="DW37" s="110">
        <v>0</v>
      </c>
      <c r="DX37" s="114">
        <v>0</v>
      </c>
      <c r="DY37" s="114">
        <v>17332</v>
      </c>
      <c r="DZ37" s="114">
        <v>0</v>
      </c>
      <c r="EA37" s="114">
        <v>0</v>
      </c>
      <c r="EB37" s="114">
        <v>0</v>
      </c>
      <c r="EC37" s="113">
        <v>17332</v>
      </c>
      <c r="ED37" s="116">
        <v>17332</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v>0</v>
      </c>
      <c r="FE37" s="114">
        <v>0</v>
      </c>
      <c r="FF37" s="114">
        <v>0</v>
      </c>
      <c r="FG37" s="114">
        <v>0</v>
      </c>
      <c r="FH37" s="114">
        <v>0</v>
      </c>
      <c r="FI37" s="114">
        <v>0</v>
      </c>
      <c r="FJ37" s="113">
        <v>0</v>
      </c>
      <c r="FK37" s="116">
        <v>0</v>
      </c>
      <c r="FL37" s="110">
        <v>1960</v>
      </c>
      <c r="FM37" s="114">
        <v>0</v>
      </c>
      <c r="FN37" s="113">
        <v>1960</v>
      </c>
      <c r="FO37" s="110">
        <v>0</v>
      </c>
      <c r="FP37" s="114">
        <v>7490</v>
      </c>
      <c r="FQ37" s="114">
        <v>183820</v>
      </c>
      <c r="FR37" s="114">
        <v>34650</v>
      </c>
      <c r="FS37" s="114">
        <v>41293</v>
      </c>
      <c r="FT37" s="114">
        <v>0</v>
      </c>
      <c r="FU37" s="113">
        <v>267253</v>
      </c>
      <c r="FV37" s="116">
        <v>269213</v>
      </c>
      <c r="FW37" s="115">
        <v>1960</v>
      </c>
      <c r="FX37" s="114">
        <v>0</v>
      </c>
      <c r="FY37" s="112">
        <v>1960</v>
      </c>
      <c r="FZ37" s="111">
        <v>0</v>
      </c>
      <c r="GA37" s="114">
        <v>7490</v>
      </c>
      <c r="GB37" s="114">
        <v>43820</v>
      </c>
      <c r="GC37" s="114">
        <v>34650</v>
      </c>
      <c r="GD37" s="114">
        <v>41293</v>
      </c>
      <c r="GE37" s="114">
        <v>0</v>
      </c>
      <c r="GF37" s="113">
        <v>127253</v>
      </c>
      <c r="GG37" s="318">
        <v>129213</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140000</v>
      </c>
      <c r="GY37" s="114">
        <v>0</v>
      </c>
      <c r="GZ37" s="114">
        <v>0</v>
      </c>
      <c r="HA37" s="114">
        <v>0</v>
      </c>
      <c r="HB37" s="112">
        <v>140000</v>
      </c>
      <c r="HC37" s="116">
        <v>140000</v>
      </c>
      <c r="HD37" s="110">
        <v>0</v>
      </c>
      <c r="HE37" s="114">
        <v>0</v>
      </c>
      <c r="HF37" s="112">
        <v>0</v>
      </c>
      <c r="HG37" s="111">
        <v>0</v>
      </c>
      <c r="HH37" s="114">
        <v>120872</v>
      </c>
      <c r="HI37" s="114">
        <v>135933</v>
      </c>
      <c r="HJ37" s="114">
        <v>160292</v>
      </c>
      <c r="HK37" s="114">
        <v>0</v>
      </c>
      <c r="HL37" s="114">
        <v>179508</v>
      </c>
      <c r="HM37" s="113">
        <v>596605</v>
      </c>
      <c r="HN37" s="109">
        <v>596605</v>
      </c>
      <c r="HO37" s="328">
        <v>0</v>
      </c>
      <c r="HP37" s="329">
        <v>0</v>
      </c>
      <c r="HQ37" s="330">
        <v>0</v>
      </c>
      <c r="HR37" s="331">
        <v>0</v>
      </c>
      <c r="HS37" s="329">
        <v>0</v>
      </c>
      <c r="HT37" s="329">
        <v>0</v>
      </c>
      <c r="HU37" s="329">
        <v>0</v>
      </c>
      <c r="HV37" s="329">
        <v>0</v>
      </c>
      <c r="HW37" s="329">
        <v>0</v>
      </c>
      <c r="HX37" s="332">
        <v>0</v>
      </c>
      <c r="HY37" s="333">
        <v>0</v>
      </c>
      <c r="HZ37" s="131">
        <v>0</v>
      </c>
      <c r="IA37" s="132">
        <v>0</v>
      </c>
      <c r="IB37" s="133">
        <v>0</v>
      </c>
      <c r="IC37" s="146">
        <v>0</v>
      </c>
      <c r="ID37" s="132">
        <v>84889</v>
      </c>
      <c r="IE37" s="147">
        <v>225960</v>
      </c>
      <c r="IF37" s="133">
        <v>408867</v>
      </c>
      <c r="IG37" s="132">
        <v>350994</v>
      </c>
      <c r="IH37" s="133">
        <v>332150</v>
      </c>
      <c r="II37" s="148">
        <v>1402860</v>
      </c>
      <c r="IJ37" s="139">
        <v>1402860</v>
      </c>
      <c r="IK37" s="232">
        <v>0</v>
      </c>
      <c r="IL37" s="236">
        <v>0</v>
      </c>
      <c r="IM37" s="237">
        <v>0</v>
      </c>
      <c r="IN37" s="140">
        <v>0</v>
      </c>
      <c r="IO37" s="119">
        <v>0</v>
      </c>
      <c r="IP37" s="119">
        <v>84616</v>
      </c>
      <c r="IQ37" s="119">
        <v>0</v>
      </c>
      <c r="IR37" s="119">
        <v>0</v>
      </c>
      <c r="IS37" s="119">
        <v>0</v>
      </c>
      <c r="IT37" s="141">
        <v>84616</v>
      </c>
      <c r="IU37" s="320">
        <v>84616</v>
      </c>
      <c r="IV37" s="142">
        <v>0</v>
      </c>
      <c r="IW37" s="119">
        <v>0</v>
      </c>
      <c r="IX37" s="120">
        <v>0</v>
      </c>
      <c r="IY37" s="144">
        <v>0</v>
      </c>
      <c r="IZ37" s="119">
        <v>0</v>
      </c>
      <c r="JA37" s="119">
        <v>0</v>
      </c>
      <c r="JB37" s="119">
        <v>0</v>
      </c>
      <c r="JC37" s="119">
        <v>0</v>
      </c>
      <c r="JD37" s="119">
        <v>0</v>
      </c>
      <c r="JE37" s="120">
        <v>0</v>
      </c>
      <c r="JF37" s="121">
        <v>0</v>
      </c>
      <c r="JG37" s="142">
        <v>0</v>
      </c>
      <c r="JH37" s="119">
        <v>0</v>
      </c>
      <c r="JI37" s="141">
        <v>0</v>
      </c>
      <c r="JJ37" s="118">
        <v>0</v>
      </c>
      <c r="JK37" s="119">
        <v>0</v>
      </c>
      <c r="JL37" s="119">
        <v>17962</v>
      </c>
      <c r="JM37" s="119">
        <v>24658</v>
      </c>
      <c r="JN37" s="119">
        <v>0</v>
      </c>
      <c r="JO37" s="119">
        <v>0</v>
      </c>
      <c r="JP37" s="120">
        <v>42620</v>
      </c>
      <c r="JQ37" s="320">
        <v>42620</v>
      </c>
      <c r="JR37" s="142">
        <v>0</v>
      </c>
      <c r="JS37" s="119">
        <v>0</v>
      </c>
      <c r="JT37" s="141">
        <v>0</v>
      </c>
      <c r="JU37" s="118">
        <v>0</v>
      </c>
      <c r="JV37" s="119">
        <v>84889</v>
      </c>
      <c r="JW37" s="119">
        <v>0</v>
      </c>
      <c r="JX37" s="119">
        <v>0</v>
      </c>
      <c r="JY37" s="119">
        <v>0</v>
      </c>
      <c r="JZ37" s="119">
        <v>0</v>
      </c>
      <c r="KA37" s="120">
        <v>84889</v>
      </c>
      <c r="KB37" s="320">
        <v>84889</v>
      </c>
      <c r="KC37" s="234">
        <v>0</v>
      </c>
      <c r="KD37" s="230">
        <v>0</v>
      </c>
      <c r="KE37" s="120">
        <v>0</v>
      </c>
      <c r="KF37" s="118">
        <v>0</v>
      </c>
      <c r="KG37" s="119">
        <v>0</v>
      </c>
      <c r="KH37" s="119">
        <v>131782</v>
      </c>
      <c r="KI37" s="119">
        <v>0</v>
      </c>
      <c r="KJ37" s="119">
        <v>0</v>
      </c>
      <c r="KK37" s="119">
        <v>0</v>
      </c>
      <c r="KL37" s="120">
        <v>131782</v>
      </c>
      <c r="KM37" s="143">
        <v>131782</v>
      </c>
      <c r="KN37" s="232">
        <v>0</v>
      </c>
      <c r="KO37" s="236">
        <v>0</v>
      </c>
      <c r="KP37" s="237">
        <v>0</v>
      </c>
      <c r="KQ37" s="140">
        <v>0</v>
      </c>
      <c r="KR37" s="119">
        <v>0</v>
      </c>
      <c r="KS37" s="119">
        <v>-152880</v>
      </c>
      <c r="KT37" s="119">
        <v>384209</v>
      </c>
      <c r="KU37" s="119">
        <v>0</v>
      </c>
      <c r="KV37" s="119">
        <v>332150</v>
      </c>
      <c r="KW37" s="120">
        <v>563479</v>
      </c>
      <c r="KX37" s="320">
        <v>563479</v>
      </c>
      <c r="KY37" s="142">
        <v>0</v>
      </c>
      <c r="KZ37" s="119">
        <v>0</v>
      </c>
      <c r="LA37" s="120">
        <v>0</v>
      </c>
      <c r="LB37" s="145">
        <v>0</v>
      </c>
      <c r="LC37" s="119">
        <v>0</v>
      </c>
      <c r="LD37" s="119">
        <v>0</v>
      </c>
      <c r="LE37" s="119">
        <v>0</v>
      </c>
      <c r="LF37" s="119">
        <v>0</v>
      </c>
      <c r="LG37" s="119">
        <v>0</v>
      </c>
      <c r="LH37" s="120">
        <v>0</v>
      </c>
      <c r="LI37" s="121">
        <v>0</v>
      </c>
      <c r="LJ37" s="142">
        <v>0</v>
      </c>
      <c r="LK37" s="119">
        <v>0</v>
      </c>
      <c r="LL37" s="120">
        <v>0</v>
      </c>
      <c r="LM37" s="145">
        <v>0</v>
      </c>
      <c r="LN37" s="119">
        <v>0</v>
      </c>
      <c r="LO37" s="119">
        <v>144480</v>
      </c>
      <c r="LP37" s="119">
        <v>0</v>
      </c>
      <c r="LQ37" s="119">
        <v>350994</v>
      </c>
      <c r="LR37" s="119">
        <v>0</v>
      </c>
      <c r="LS37" s="120">
        <v>495474</v>
      </c>
      <c r="LT37" s="320">
        <v>495474</v>
      </c>
      <c r="LU37" s="142">
        <v>0</v>
      </c>
      <c r="LV37" s="119">
        <v>0</v>
      </c>
      <c r="LW37" s="120">
        <v>0</v>
      </c>
      <c r="LX37" s="145">
        <v>0</v>
      </c>
      <c r="LY37" s="119">
        <v>0</v>
      </c>
      <c r="LZ37" s="119">
        <v>0</v>
      </c>
      <c r="MA37" s="119">
        <v>0</v>
      </c>
      <c r="MB37" s="119">
        <v>0</v>
      </c>
      <c r="MC37" s="119">
        <v>0</v>
      </c>
      <c r="MD37" s="120">
        <v>0</v>
      </c>
      <c r="ME37" s="121">
        <v>0</v>
      </c>
      <c r="MF37" s="142">
        <v>0</v>
      </c>
      <c r="MG37" s="119">
        <v>0</v>
      </c>
      <c r="MH37" s="120">
        <v>0</v>
      </c>
      <c r="MI37" s="145">
        <v>0</v>
      </c>
      <c r="MJ37" s="119">
        <v>0</v>
      </c>
      <c r="MK37" s="119">
        <v>0</v>
      </c>
      <c r="ML37" s="119">
        <v>0</v>
      </c>
      <c r="MM37" s="119">
        <v>507311</v>
      </c>
      <c r="MN37" s="119">
        <v>482899</v>
      </c>
      <c r="MO37" s="120">
        <v>990210</v>
      </c>
      <c r="MP37" s="143">
        <v>990210</v>
      </c>
      <c r="MQ37" s="142">
        <v>0</v>
      </c>
      <c r="MR37" s="119">
        <v>0</v>
      </c>
      <c r="MS37" s="120">
        <v>0</v>
      </c>
      <c r="MT37" s="145">
        <v>0</v>
      </c>
      <c r="MU37" s="119">
        <v>0</v>
      </c>
      <c r="MV37" s="119">
        <v>0</v>
      </c>
      <c r="MW37" s="119">
        <v>0</v>
      </c>
      <c r="MX37" s="119">
        <v>216560</v>
      </c>
      <c r="MY37" s="119">
        <v>233860</v>
      </c>
      <c r="MZ37" s="120">
        <v>450420</v>
      </c>
      <c r="NA37" s="143">
        <v>450420</v>
      </c>
      <c r="NB37" s="142">
        <v>0</v>
      </c>
      <c r="NC37" s="119">
        <v>0</v>
      </c>
      <c r="ND37" s="120">
        <v>0</v>
      </c>
      <c r="NE37" s="145">
        <v>0</v>
      </c>
      <c r="NF37" s="119">
        <v>0</v>
      </c>
      <c r="NG37" s="119">
        <v>0</v>
      </c>
      <c r="NH37" s="119">
        <v>0</v>
      </c>
      <c r="NI37" s="119">
        <v>290751</v>
      </c>
      <c r="NJ37" s="119">
        <v>249039</v>
      </c>
      <c r="NK37" s="120">
        <v>539790</v>
      </c>
      <c r="NL37" s="320">
        <v>539790</v>
      </c>
      <c r="NM37" s="142">
        <v>0</v>
      </c>
      <c r="NN37" s="119">
        <v>0</v>
      </c>
      <c r="NO37" s="120">
        <v>0</v>
      </c>
      <c r="NP37" s="145">
        <v>0</v>
      </c>
      <c r="NQ37" s="119">
        <v>0</v>
      </c>
      <c r="NR37" s="119">
        <v>0</v>
      </c>
      <c r="NS37" s="119">
        <v>0</v>
      </c>
      <c r="NT37" s="119">
        <v>0</v>
      </c>
      <c r="NU37" s="119">
        <v>0</v>
      </c>
      <c r="NV37" s="120">
        <v>0</v>
      </c>
      <c r="NW37" s="121">
        <v>0</v>
      </c>
      <c r="NX37" s="142">
        <v>0</v>
      </c>
      <c r="NY37" s="119">
        <v>0</v>
      </c>
      <c r="NZ37" s="120">
        <v>0</v>
      </c>
      <c r="OA37" s="145">
        <v>0</v>
      </c>
      <c r="OB37" s="119">
        <v>0</v>
      </c>
      <c r="OC37" s="119">
        <v>0</v>
      </c>
      <c r="OD37" s="119">
        <v>0</v>
      </c>
      <c r="OE37" s="119">
        <v>0</v>
      </c>
      <c r="OF37" s="119">
        <v>0</v>
      </c>
      <c r="OG37" s="120">
        <v>0</v>
      </c>
      <c r="OH37" s="121">
        <v>0</v>
      </c>
      <c r="OI37" s="142">
        <v>36554</v>
      </c>
      <c r="OJ37" s="119">
        <v>0</v>
      </c>
      <c r="OK37" s="141">
        <v>36554</v>
      </c>
      <c r="OL37" s="118">
        <v>0</v>
      </c>
      <c r="OM37" s="119">
        <v>377167</v>
      </c>
      <c r="ON37" s="119">
        <v>806754</v>
      </c>
      <c r="OO37" s="119">
        <v>686889</v>
      </c>
      <c r="OP37" s="119">
        <v>1169028</v>
      </c>
      <c r="OQ37" s="119">
        <v>1008249</v>
      </c>
      <c r="OR37" s="120">
        <v>4048087</v>
      </c>
      <c r="OS37" s="143">
        <v>4084641</v>
      </c>
    </row>
    <row r="38" spans="2:409" ht="21" customHeight="1" x14ac:dyDescent="0.2">
      <c r="B38" s="126" t="s">
        <v>33</v>
      </c>
      <c r="C38" s="110">
        <v>44078</v>
      </c>
      <c r="D38" s="114">
        <v>19123</v>
      </c>
      <c r="E38" s="113">
        <v>63201</v>
      </c>
      <c r="F38" s="109">
        <v>0</v>
      </c>
      <c r="G38" s="114">
        <v>322159</v>
      </c>
      <c r="H38" s="114">
        <v>121513</v>
      </c>
      <c r="I38" s="114">
        <v>525267</v>
      </c>
      <c r="J38" s="114">
        <v>463754</v>
      </c>
      <c r="K38" s="114">
        <v>33236</v>
      </c>
      <c r="L38" s="173">
        <v>1465929</v>
      </c>
      <c r="M38" s="116">
        <v>1529130</v>
      </c>
      <c r="N38" s="110">
        <v>0</v>
      </c>
      <c r="O38" s="114">
        <v>14223</v>
      </c>
      <c r="P38" s="113">
        <v>14223</v>
      </c>
      <c r="Q38" s="110">
        <v>0</v>
      </c>
      <c r="R38" s="114">
        <v>97378</v>
      </c>
      <c r="S38" s="114">
        <v>104713</v>
      </c>
      <c r="T38" s="114">
        <v>209122</v>
      </c>
      <c r="U38" s="114">
        <v>82614</v>
      </c>
      <c r="V38" s="114">
        <v>0</v>
      </c>
      <c r="W38" s="113">
        <v>493827</v>
      </c>
      <c r="X38" s="116">
        <v>508050</v>
      </c>
      <c r="Y38" s="110">
        <v>0</v>
      </c>
      <c r="Z38" s="114">
        <v>0</v>
      </c>
      <c r="AA38" s="113">
        <v>0</v>
      </c>
      <c r="AB38" s="110">
        <v>0</v>
      </c>
      <c r="AC38" s="114">
        <v>46961</v>
      </c>
      <c r="AD38" s="114">
        <v>0</v>
      </c>
      <c r="AE38" s="114">
        <v>46339</v>
      </c>
      <c r="AF38" s="114">
        <v>12449</v>
      </c>
      <c r="AG38" s="114">
        <v>0</v>
      </c>
      <c r="AH38" s="113">
        <v>105749</v>
      </c>
      <c r="AI38" s="116">
        <v>105749</v>
      </c>
      <c r="AJ38" s="110">
        <v>0</v>
      </c>
      <c r="AK38" s="114">
        <v>0</v>
      </c>
      <c r="AL38" s="113">
        <v>0</v>
      </c>
      <c r="AM38" s="110">
        <v>0</v>
      </c>
      <c r="AN38" s="114">
        <v>0</v>
      </c>
      <c r="AO38" s="114">
        <v>11313</v>
      </c>
      <c r="AP38" s="114">
        <v>0</v>
      </c>
      <c r="AQ38" s="114">
        <v>0</v>
      </c>
      <c r="AR38" s="114">
        <v>0</v>
      </c>
      <c r="AS38" s="113">
        <v>11313</v>
      </c>
      <c r="AT38" s="116">
        <v>11313</v>
      </c>
      <c r="AU38" s="110">
        <v>0</v>
      </c>
      <c r="AV38" s="114">
        <v>0</v>
      </c>
      <c r="AW38" s="113">
        <v>0</v>
      </c>
      <c r="AX38" s="110">
        <v>0</v>
      </c>
      <c r="AY38" s="114">
        <v>0</v>
      </c>
      <c r="AZ38" s="114">
        <v>27573</v>
      </c>
      <c r="BA38" s="114">
        <v>109165</v>
      </c>
      <c r="BB38" s="114">
        <v>16688</v>
      </c>
      <c r="BC38" s="114">
        <v>0</v>
      </c>
      <c r="BD38" s="113">
        <v>153426</v>
      </c>
      <c r="BE38" s="116">
        <v>153426</v>
      </c>
      <c r="BF38" s="110">
        <v>0</v>
      </c>
      <c r="BG38" s="114">
        <v>14223</v>
      </c>
      <c r="BH38" s="112">
        <v>14223</v>
      </c>
      <c r="BI38" s="111">
        <v>0</v>
      </c>
      <c r="BJ38" s="114">
        <v>46791</v>
      </c>
      <c r="BK38" s="114">
        <v>65827</v>
      </c>
      <c r="BL38" s="114">
        <v>26738</v>
      </c>
      <c r="BM38" s="114">
        <v>53477</v>
      </c>
      <c r="BN38" s="114">
        <v>0</v>
      </c>
      <c r="BO38" s="113">
        <v>192833</v>
      </c>
      <c r="BP38" s="116">
        <v>207056</v>
      </c>
      <c r="BQ38" s="110">
        <v>0</v>
      </c>
      <c r="BR38" s="114">
        <v>0</v>
      </c>
      <c r="BS38" s="113">
        <v>0</v>
      </c>
      <c r="BT38" s="110">
        <v>0</v>
      </c>
      <c r="BU38" s="114">
        <v>3626</v>
      </c>
      <c r="BV38" s="114">
        <v>0</v>
      </c>
      <c r="BW38" s="114">
        <v>26880</v>
      </c>
      <c r="BX38" s="114">
        <v>0</v>
      </c>
      <c r="BY38" s="114">
        <v>0</v>
      </c>
      <c r="BZ38" s="113">
        <v>30506</v>
      </c>
      <c r="CA38" s="116">
        <v>30506</v>
      </c>
      <c r="CB38" s="110">
        <v>0</v>
      </c>
      <c r="CC38" s="114">
        <v>0</v>
      </c>
      <c r="CD38" s="113">
        <v>0</v>
      </c>
      <c r="CE38" s="110">
        <v>0</v>
      </c>
      <c r="CF38" s="114">
        <v>95433</v>
      </c>
      <c r="CG38" s="114">
        <v>0</v>
      </c>
      <c r="CH38" s="114">
        <v>13141</v>
      </c>
      <c r="CI38" s="114">
        <v>8421</v>
      </c>
      <c r="CJ38" s="114">
        <v>0</v>
      </c>
      <c r="CK38" s="113">
        <v>116995</v>
      </c>
      <c r="CL38" s="116">
        <v>116995</v>
      </c>
      <c r="CM38" s="110">
        <v>0</v>
      </c>
      <c r="CN38" s="114">
        <v>0</v>
      </c>
      <c r="CO38" s="113">
        <v>0</v>
      </c>
      <c r="CP38" s="111">
        <v>0</v>
      </c>
      <c r="CQ38" s="114">
        <v>58395</v>
      </c>
      <c r="CR38" s="114">
        <v>0</v>
      </c>
      <c r="CS38" s="114">
        <v>0</v>
      </c>
      <c r="CT38" s="114">
        <v>0</v>
      </c>
      <c r="CU38" s="114">
        <v>0</v>
      </c>
      <c r="CV38" s="113">
        <v>58395</v>
      </c>
      <c r="CW38" s="116">
        <v>58395</v>
      </c>
      <c r="CX38" s="110">
        <v>0</v>
      </c>
      <c r="CY38" s="114">
        <v>0</v>
      </c>
      <c r="CZ38" s="113">
        <v>0</v>
      </c>
      <c r="DA38" s="110">
        <v>0</v>
      </c>
      <c r="DB38" s="114">
        <v>37038</v>
      </c>
      <c r="DC38" s="114">
        <v>0</v>
      </c>
      <c r="DD38" s="114">
        <v>13141</v>
      </c>
      <c r="DE38" s="114">
        <v>8421</v>
      </c>
      <c r="DF38" s="114">
        <v>0</v>
      </c>
      <c r="DG38" s="113">
        <v>58600</v>
      </c>
      <c r="DH38" s="116">
        <v>58600</v>
      </c>
      <c r="DI38" s="110">
        <v>0</v>
      </c>
      <c r="DJ38" s="114">
        <v>0</v>
      </c>
      <c r="DK38" s="112">
        <v>0</v>
      </c>
      <c r="DL38" s="111">
        <v>0</v>
      </c>
      <c r="DM38" s="114">
        <v>0</v>
      </c>
      <c r="DN38" s="114">
        <v>0</v>
      </c>
      <c r="DO38" s="114">
        <v>21420</v>
      </c>
      <c r="DP38" s="114">
        <v>186626</v>
      </c>
      <c r="DQ38" s="114">
        <v>0</v>
      </c>
      <c r="DR38" s="113">
        <v>208046</v>
      </c>
      <c r="DS38" s="116">
        <v>208046</v>
      </c>
      <c r="DT38" s="110">
        <v>0</v>
      </c>
      <c r="DU38" s="114">
        <v>0</v>
      </c>
      <c r="DV38" s="113">
        <v>0</v>
      </c>
      <c r="DW38" s="110">
        <v>0</v>
      </c>
      <c r="DX38" s="114">
        <v>0</v>
      </c>
      <c r="DY38" s="114">
        <v>0</v>
      </c>
      <c r="DZ38" s="114">
        <v>21420</v>
      </c>
      <c r="EA38" s="114">
        <v>186626</v>
      </c>
      <c r="EB38" s="114">
        <v>0</v>
      </c>
      <c r="EC38" s="113">
        <v>208046</v>
      </c>
      <c r="ED38" s="116">
        <v>208046</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v>0</v>
      </c>
      <c r="FE38" s="114">
        <v>0</v>
      </c>
      <c r="FF38" s="114">
        <v>0</v>
      </c>
      <c r="FG38" s="114">
        <v>0</v>
      </c>
      <c r="FH38" s="114">
        <v>0</v>
      </c>
      <c r="FI38" s="114">
        <v>0</v>
      </c>
      <c r="FJ38" s="113">
        <v>0</v>
      </c>
      <c r="FK38" s="116">
        <v>0</v>
      </c>
      <c r="FL38" s="110">
        <v>0</v>
      </c>
      <c r="FM38" s="114">
        <v>4900</v>
      </c>
      <c r="FN38" s="113">
        <v>4900</v>
      </c>
      <c r="FO38" s="110">
        <v>0</v>
      </c>
      <c r="FP38" s="114">
        <v>2940</v>
      </c>
      <c r="FQ38" s="114">
        <v>16800</v>
      </c>
      <c r="FR38" s="114">
        <v>25900</v>
      </c>
      <c r="FS38" s="114">
        <v>8778</v>
      </c>
      <c r="FT38" s="114">
        <v>33236</v>
      </c>
      <c r="FU38" s="113">
        <v>87654</v>
      </c>
      <c r="FV38" s="116">
        <v>92554</v>
      </c>
      <c r="FW38" s="115">
        <v>0</v>
      </c>
      <c r="FX38" s="114">
        <v>4900</v>
      </c>
      <c r="FY38" s="112">
        <v>4900</v>
      </c>
      <c r="FZ38" s="111">
        <v>0</v>
      </c>
      <c r="GA38" s="114">
        <v>2940</v>
      </c>
      <c r="GB38" s="114">
        <v>16800</v>
      </c>
      <c r="GC38" s="114">
        <v>25900</v>
      </c>
      <c r="GD38" s="114">
        <v>8778</v>
      </c>
      <c r="GE38" s="114">
        <v>33236</v>
      </c>
      <c r="GF38" s="113">
        <v>87654</v>
      </c>
      <c r="GG38" s="318">
        <v>92554</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44078</v>
      </c>
      <c r="HE38" s="114">
        <v>0</v>
      </c>
      <c r="HF38" s="112">
        <v>44078</v>
      </c>
      <c r="HG38" s="111">
        <v>0</v>
      </c>
      <c r="HH38" s="114">
        <v>126408</v>
      </c>
      <c r="HI38" s="114">
        <v>0</v>
      </c>
      <c r="HJ38" s="114">
        <v>255684</v>
      </c>
      <c r="HK38" s="114">
        <v>177315</v>
      </c>
      <c r="HL38" s="114">
        <v>0</v>
      </c>
      <c r="HM38" s="113">
        <v>559407</v>
      </c>
      <c r="HN38" s="109">
        <v>603485</v>
      </c>
      <c r="HO38" s="328">
        <v>0</v>
      </c>
      <c r="HP38" s="329">
        <v>0</v>
      </c>
      <c r="HQ38" s="330">
        <v>0</v>
      </c>
      <c r="HR38" s="331">
        <v>0</v>
      </c>
      <c r="HS38" s="329">
        <v>0</v>
      </c>
      <c r="HT38" s="329">
        <v>0</v>
      </c>
      <c r="HU38" s="329">
        <v>0</v>
      </c>
      <c r="HV38" s="329">
        <v>0</v>
      </c>
      <c r="HW38" s="329">
        <v>0</v>
      </c>
      <c r="HX38" s="332">
        <v>0</v>
      </c>
      <c r="HY38" s="333">
        <v>0</v>
      </c>
      <c r="HZ38" s="150">
        <v>0</v>
      </c>
      <c r="IA38" s="135">
        <v>0</v>
      </c>
      <c r="IB38" s="150">
        <v>0</v>
      </c>
      <c r="IC38" s="146">
        <v>0</v>
      </c>
      <c r="ID38" s="132">
        <v>36327</v>
      </c>
      <c r="IE38" s="147">
        <v>0</v>
      </c>
      <c r="IF38" s="133">
        <v>106675</v>
      </c>
      <c r="IG38" s="132">
        <v>0</v>
      </c>
      <c r="IH38" s="133">
        <v>181135</v>
      </c>
      <c r="II38" s="148">
        <v>324137</v>
      </c>
      <c r="IJ38" s="150">
        <v>324137</v>
      </c>
      <c r="IK38" s="232">
        <v>0</v>
      </c>
      <c r="IL38" s="236">
        <v>0</v>
      </c>
      <c r="IM38" s="237">
        <v>0</v>
      </c>
      <c r="IN38" s="140">
        <v>0</v>
      </c>
      <c r="IO38" s="119">
        <v>0</v>
      </c>
      <c r="IP38" s="119">
        <v>0</v>
      </c>
      <c r="IQ38" s="119">
        <v>0</v>
      </c>
      <c r="IR38" s="119">
        <v>0</v>
      </c>
      <c r="IS38" s="119">
        <v>0</v>
      </c>
      <c r="IT38" s="141">
        <v>0</v>
      </c>
      <c r="IU38" s="320">
        <v>0</v>
      </c>
      <c r="IV38" s="142">
        <v>0</v>
      </c>
      <c r="IW38" s="119">
        <v>0</v>
      </c>
      <c r="IX38" s="120">
        <v>0</v>
      </c>
      <c r="IY38" s="144">
        <v>0</v>
      </c>
      <c r="IZ38" s="119">
        <v>0</v>
      </c>
      <c r="JA38" s="119">
        <v>0</v>
      </c>
      <c r="JB38" s="119">
        <v>0</v>
      </c>
      <c r="JC38" s="119">
        <v>0</v>
      </c>
      <c r="JD38" s="119">
        <v>0</v>
      </c>
      <c r="JE38" s="120">
        <v>0</v>
      </c>
      <c r="JF38" s="121">
        <v>0</v>
      </c>
      <c r="JG38" s="142">
        <v>0</v>
      </c>
      <c r="JH38" s="119">
        <v>0</v>
      </c>
      <c r="JI38" s="141">
        <v>0</v>
      </c>
      <c r="JJ38" s="118">
        <v>0</v>
      </c>
      <c r="JK38" s="119">
        <v>36327</v>
      </c>
      <c r="JL38" s="119">
        <v>0</v>
      </c>
      <c r="JM38" s="119">
        <v>106675</v>
      </c>
      <c r="JN38" s="119">
        <v>0</v>
      </c>
      <c r="JO38" s="119">
        <v>0</v>
      </c>
      <c r="JP38" s="120">
        <v>143002</v>
      </c>
      <c r="JQ38" s="320">
        <v>143002</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v>0</v>
      </c>
      <c r="KR38" s="119">
        <v>0</v>
      </c>
      <c r="KS38" s="119">
        <v>0</v>
      </c>
      <c r="KT38" s="119">
        <v>0</v>
      </c>
      <c r="KU38" s="119">
        <v>0</v>
      </c>
      <c r="KV38" s="119">
        <v>0</v>
      </c>
      <c r="KW38" s="120">
        <v>0</v>
      </c>
      <c r="KX38" s="320">
        <v>0</v>
      </c>
      <c r="KY38" s="142">
        <v>0</v>
      </c>
      <c r="KZ38" s="119">
        <v>0</v>
      </c>
      <c r="LA38" s="120">
        <v>0</v>
      </c>
      <c r="LB38" s="145">
        <v>0</v>
      </c>
      <c r="LC38" s="119">
        <v>0</v>
      </c>
      <c r="LD38" s="119">
        <v>0</v>
      </c>
      <c r="LE38" s="119">
        <v>0</v>
      </c>
      <c r="LF38" s="119">
        <v>0</v>
      </c>
      <c r="LG38" s="119">
        <v>0</v>
      </c>
      <c r="LH38" s="120">
        <v>0</v>
      </c>
      <c r="LI38" s="121">
        <v>0</v>
      </c>
      <c r="LJ38" s="142">
        <v>0</v>
      </c>
      <c r="LK38" s="119">
        <v>0</v>
      </c>
      <c r="LL38" s="120">
        <v>0</v>
      </c>
      <c r="LM38" s="145">
        <v>0</v>
      </c>
      <c r="LN38" s="119">
        <v>0</v>
      </c>
      <c r="LO38" s="119">
        <v>0</v>
      </c>
      <c r="LP38" s="119">
        <v>0</v>
      </c>
      <c r="LQ38" s="119">
        <v>0</v>
      </c>
      <c r="LR38" s="119">
        <v>0</v>
      </c>
      <c r="LS38" s="120">
        <v>0</v>
      </c>
      <c r="LT38" s="320">
        <v>0</v>
      </c>
      <c r="LU38" s="142">
        <v>0</v>
      </c>
      <c r="LV38" s="119">
        <v>0</v>
      </c>
      <c r="LW38" s="120">
        <v>0</v>
      </c>
      <c r="LX38" s="145">
        <v>0</v>
      </c>
      <c r="LY38" s="119">
        <v>0</v>
      </c>
      <c r="LZ38" s="119">
        <v>0</v>
      </c>
      <c r="MA38" s="119">
        <v>0</v>
      </c>
      <c r="MB38" s="119">
        <v>0</v>
      </c>
      <c r="MC38" s="119">
        <v>181135</v>
      </c>
      <c r="MD38" s="120">
        <v>181135</v>
      </c>
      <c r="ME38" s="121">
        <v>181135</v>
      </c>
      <c r="MF38" s="142">
        <v>0</v>
      </c>
      <c r="MG38" s="119">
        <v>0</v>
      </c>
      <c r="MH38" s="120">
        <v>0</v>
      </c>
      <c r="MI38" s="145">
        <v>0</v>
      </c>
      <c r="MJ38" s="119">
        <v>0</v>
      </c>
      <c r="MK38" s="119">
        <v>0</v>
      </c>
      <c r="ML38" s="119">
        <v>261412</v>
      </c>
      <c r="MM38" s="119">
        <v>532330</v>
      </c>
      <c r="MN38" s="119">
        <v>542590</v>
      </c>
      <c r="MO38" s="120">
        <v>1336332</v>
      </c>
      <c r="MP38" s="143">
        <v>1336332</v>
      </c>
      <c r="MQ38" s="142">
        <v>0</v>
      </c>
      <c r="MR38" s="119">
        <v>0</v>
      </c>
      <c r="MS38" s="120">
        <v>0</v>
      </c>
      <c r="MT38" s="145">
        <v>0</v>
      </c>
      <c r="MU38" s="119">
        <v>0</v>
      </c>
      <c r="MV38" s="119">
        <v>0</v>
      </c>
      <c r="MW38" s="119">
        <v>0</v>
      </c>
      <c r="MX38" s="119">
        <v>0</v>
      </c>
      <c r="MY38" s="119">
        <v>0</v>
      </c>
      <c r="MZ38" s="120">
        <v>0</v>
      </c>
      <c r="NA38" s="143">
        <v>0</v>
      </c>
      <c r="NB38" s="142">
        <v>0</v>
      </c>
      <c r="NC38" s="119">
        <v>0</v>
      </c>
      <c r="ND38" s="120">
        <v>0</v>
      </c>
      <c r="NE38" s="145">
        <v>0</v>
      </c>
      <c r="NF38" s="119">
        <v>0</v>
      </c>
      <c r="NG38" s="119">
        <v>0</v>
      </c>
      <c r="NH38" s="119">
        <v>261412</v>
      </c>
      <c r="NI38" s="119">
        <v>268368</v>
      </c>
      <c r="NJ38" s="119">
        <v>0</v>
      </c>
      <c r="NK38" s="120">
        <v>529780</v>
      </c>
      <c r="NL38" s="320">
        <v>529780</v>
      </c>
      <c r="NM38" s="142">
        <v>0</v>
      </c>
      <c r="NN38" s="119">
        <v>0</v>
      </c>
      <c r="NO38" s="120">
        <v>0</v>
      </c>
      <c r="NP38" s="145">
        <v>0</v>
      </c>
      <c r="NQ38" s="119">
        <v>0</v>
      </c>
      <c r="NR38" s="119">
        <v>0</v>
      </c>
      <c r="NS38" s="119">
        <v>0</v>
      </c>
      <c r="NT38" s="119">
        <v>0</v>
      </c>
      <c r="NU38" s="119">
        <v>0</v>
      </c>
      <c r="NV38" s="120">
        <v>0</v>
      </c>
      <c r="NW38" s="121">
        <v>0</v>
      </c>
      <c r="NX38" s="142">
        <v>0</v>
      </c>
      <c r="NY38" s="119">
        <v>0</v>
      </c>
      <c r="NZ38" s="120">
        <v>0</v>
      </c>
      <c r="OA38" s="145">
        <v>0</v>
      </c>
      <c r="OB38" s="119">
        <v>0</v>
      </c>
      <c r="OC38" s="119">
        <v>0</v>
      </c>
      <c r="OD38" s="119">
        <v>0</v>
      </c>
      <c r="OE38" s="119">
        <v>263962</v>
      </c>
      <c r="OF38" s="119">
        <v>542590</v>
      </c>
      <c r="OG38" s="120">
        <v>806552</v>
      </c>
      <c r="OH38" s="121">
        <v>806552</v>
      </c>
      <c r="OI38" s="142">
        <v>44078</v>
      </c>
      <c r="OJ38" s="119">
        <v>19123</v>
      </c>
      <c r="OK38" s="141">
        <v>63201</v>
      </c>
      <c r="OL38" s="118">
        <v>0</v>
      </c>
      <c r="OM38" s="119">
        <v>358486</v>
      </c>
      <c r="ON38" s="119">
        <v>121513</v>
      </c>
      <c r="OO38" s="119">
        <v>893354</v>
      </c>
      <c r="OP38" s="119">
        <v>996084</v>
      </c>
      <c r="OQ38" s="119">
        <v>756961</v>
      </c>
      <c r="OR38" s="120">
        <v>3126398</v>
      </c>
      <c r="OS38" s="143">
        <v>3189599</v>
      </c>
    </row>
    <row r="39" spans="2:409" ht="21" customHeight="1" x14ac:dyDescent="0.2">
      <c r="B39" s="126" t="s">
        <v>34</v>
      </c>
      <c r="C39" s="110">
        <v>0</v>
      </c>
      <c r="D39" s="114">
        <v>0</v>
      </c>
      <c r="E39" s="174">
        <v>0</v>
      </c>
      <c r="F39" s="175">
        <v>0</v>
      </c>
      <c r="G39" s="176">
        <v>44555</v>
      </c>
      <c r="H39" s="176">
        <v>78225</v>
      </c>
      <c r="I39" s="176">
        <v>388458</v>
      </c>
      <c r="J39" s="176">
        <v>0</v>
      </c>
      <c r="K39" s="176">
        <v>20377</v>
      </c>
      <c r="L39" s="177">
        <v>531615</v>
      </c>
      <c r="M39" s="116">
        <v>531615</v>
      </c>
      <c r="N39" s="110">
        <v>0</v>
      </c>
      <c r="O39" s="114">
        <v>0</v>
      </c>
      <c r="P39" s="113">
        <v>0</v>
      </c>
      <c r="Q39" s="110">
        <v>0</v>
      </c>
      <c r="R39" s="114">
        <v>41055</v>
      </c>
      <c r="S39" s="114">
        <v>4172</v>
      </c>
      <c r="T39" s="114">
        <v>13538</v>
      </c>
      <c r="U39" s="114">
        <v>0</v>
      </c>
      <c r="V39" s="114">
        <v>4172</v>
      </c>
      <c r="W39" s="113">
        <v>62937</v>
      </c>
      <c r="X39" s="116">
        <v>62937</v>
      </c>
      <c r="Y39" s="110">
        <v>0</v>
      </c>
      <c r="Z39" s="114">
        <v>0</v>
      </c>
      <c r="AA39" s="113">
        <v>0</v>
      </c>
      <c r="AB39" s="110">
        <v>0</v>
      </c>
      <c r="AC39" s="114">
        <v>25522</v>
      </c>
      <c r="AD39" s="114">
        <v>0</v>
      </c>
      <c r="AE39" s="114">
        <v>0</v>
      </c>
      <c r="AF39" s="114">
        <v>0</v>
      </c>
      <c r="AG39" s="114">
        <v>0</v>
      </c>
      <c r="AH39" s="113">
        <v>25522</v>
      </c>
      <c r="AI39" s="116">
        <v>25522</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0</v>
      </c>
      <c r="BL39" s="114">
        <v>0</v>
      </c>
      <c r="BM39" s="114">
        <v>0</v>
      </c>
      <c r="BN39" s="114">
        <v>0</v>
      </c>
      <c r="BO39" s="113">
        <v>0</v>
      </c>
      <c r="BP39" s="116">
        <v>0</v>
      </c>
      <c r="BQ39" s="110">
        <v>0</v>
      </c>
      <c r="BR39" s="114">
        <v>0</v>
      </c>
      <c r="BS39" s="113">
        <v>0</v>
      </c>
      <c r="BT39" s="110">
        <v>0</v>
      </c>
      <c r="BU39" s="114">
        <v>15533</v>
      </c>
      <c r="BV39" s="114">
        <v>4172</v>
      </c>
      <c r="BW39" s="114">
        <v>13538</v>
      </c>
      <c r="BX39" s="114">
        <v>0</v>
      </c>
      <c r="BY39" s="114">
        <v>4172</v>
      </c>
      <c r="BZ39" s="113">
        <v>37415</v>
      </c>
      <c r="CA39" s="116">
        <v>37415</v>
      </c>
      <c r="CB39" s="110">
        <v>0</v>
      </c>
      <c r="CC39" s="114">
        <v>0</v>
      </c>
      <c r="CD39" s="113">
        <v>0</v>
      </c>
      <c r="CE39" s="110">
        <v>0</v>
      </c>
      <c r="CF39" s="114">
        <v>0</v>
      </c>
      <c r="CG39" s="114">
        <v>74053</v>
      </c>
      <c r="CH39" s="114">
        <v>218624</v>
      </c>
      <c r="CI39" s="114">
        <v>0</v>
      </c>
      <c r="CJ39" s="114">
        <v>0</v>
      </c>
      <c r="CK39" s="113">
        <v>292677</v>
      </c>
      <c r="CL39" s="116">
        <v>292677</v>
      </c>
      <c r="CM39" s="110">
        <v>0</v>
      </c>
      <c r="CN39" s="114">
        <v>0</v>
      </c>
      <c r="CO39" s="113">
        <v>0</v>
      </c>
      <c r="CP39" s="111">
        <v>0</v>
      </c>
      <c r="CQ39" s="114">
        <v>0</v>
      </c>
      <c r="CR39" s="114">
        <v>74053</v>
      </c>
      <c r="CS39" s="114">
        <v>218624</v>
      </c>
      <c r="CT39" s="114">
        <v>0</v>
      </c>
      <c r="CU39" s="114">
        <v>0</v>
      </c>
      <c r="CV39" s="113">
        <v>292677</v>
      </c>
      <c r="CW39" s="116">
        <v>292677</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v>0</v>
      </c>
      <c r="FE39" s="114">
        <v>0</v>
      </c>
      <c r="FF39" s="114">
        <v>0</v>
      </c>
      <c r="FG39" s="114">
        <v>0</v>
      </c>
      <c r="FH39" s="114">
        <v>0</v>
      </c>
      <c r="FI39" s="114">
        <v>0</v>
      </c>
      <c r="FJ39" s="113">
        <v>0</v>
      </c>
      <c r="FK39" s="116">
        <v>0</v>
      </c>
      <c r="FL39" s="110">
        <v>0</v>
      </c>
      <c r="FM39" s="114">
        <v>0</v>
      </c>
      <c r="FN39" s="113">
        <v>0</v>
      </c>
      <c r="FO39" s="110">
        <v>0</v>
      </c>
      <c r="FP39" s="114">
        <v>3500</v>
      </c>
      <c r="FQ39" s="114">
        <v>0</v>
      </c>
      <c r="FR39" s="114">
        <v>6300</v>
      </c>
      <c r="FS39" s="114">
        <v>0</v>
      </c>
      <c r="FT39" s="114">
        <v>16205</v>
      </c>
      <c r="FU39" s="113">
        <v>26005</v>
      </c>
      <c r="FV39" s="116">
        <v>26005</v>
      </c>
      <c r="FW39" s="115">
        <v>0</v>
      </c>
      <c r="FX39" s="114">
        <v>0</v>
      </c>
      <c r="FY39" s="112">
        <v>0</v>
      </c>
      <c r="FZ39" s="111">
        <v>0</v>
      </c>
      <c r="GA39" s="114">
        <v>3500</v>
      </c>
      <c r="GB39" s="114">
        <v>0</v>
      </c>
      <c r="GC39" s="114">
        <v>6300</v>
      </c>
      <c r="GD39" s="114">
        <v>0</v>
      </c>
      <c r="GE39" s="114">
        <v>16205</v>
      </c>
      <c r="GF39" s="113">
        <v>26005</v>
      </c>
      <c r="GG39" s="318">
        <v>26005</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0</v>
      </c>
      <c r="HJ39" s="114">
        <v>149996</v>
      </c>
      <c r="HK39" s="114">
        <v>0</v>
      </c>
      <c r="HL39" s="114">
        <v>0</v>
      </c>
      <c r="HM39" s="113">
        <v>149996</v>
      </c>
      <c r="HN39" s="109">
        <v>149996</v>
      </c>
      <c r="HO39" s="328">
        <v>0</v>
      </c>
      <c r="HP39" s="329">
        <v>0</v>
      </c>
      <c r="HQ39" s="330">
        <v>0</v>
      </c>
      <c r="HR39" s="331">
        <v>0</v>
      </c>
      <c r="HS39" s="329">
        <v>0</v>
      </c>
      <c r="HT39" s="329">
        <v>0</v>
      </c>
      <c r="HU39" s="329">
        <v>0</v>
      </c>
      <c r="HV39" s="329">
        <v>0</v>
      </c>
      <c r="HW39" s="329">
        <v>0</v>
      </c>
      <c r="HX39" s="332">
        <v>0</v>
      </c>
      <c r="HY39" s="333">
        <v>0</v>
      </c>
      <c r="HZ39" s="131">
        <v>0</v>
      </c>
      <c r="IA39" s="132">
        <v>0</v>
      </c>
      <c r="IB39" s="133">
        <v>0</v>
      </c>
      <c r="IC39" s="146">
        <v>0</v>
      </c>
      <c r="ID39" s="132">
        <v>98350</v>
      </c>
      <c r="IE39" s="147">
        <v>158683</v>
      </c>
      <c r="IF39" s="133">
        <v>0</v>
      </c>
      <c r="IG39" s="132">
        <v>0</v>
      </c>
      <c r="IH39" s="133">
        <v>189665</v>
      </c>
      <c r="II39" s="148">
        <v>446698</v>
      </c>
      <c r="IJ39" s="139">
        <v>446698</v>
      </c>
      <c r="IK39" s="232">
        <v>0</v>
      </c>
      <c r="IL39" s="236">
        <v>0</v>
      </c>
      <c r="IM39" s="237">
        <v>0</v>
      </c>
      <c r="IN39" s="140">
        <v>0</v>
      </c>
      <c r="IO39" s="119">
        <v>0</v>
      </c>
      <c r="IP39" s="119">
        <v>0</v>
      </c>
      <c r="IQ39" s="119">
        <v>0</v>
      </c>
      <c r="IR39" s="119">
        <v>0</v>
      </c>
      <c r="IS39" s="119">
        <v>0</v>
      </c>
      <c r="IT39" s="141">
        <v>0</v>
      </c>
      <c r="IU39" s="320">
        <v>0</v>
      </c>
      <c r="IV39" s="142">
        <v>0</v>
      </c>
      <c r="IW39" s="119">
        <v>0</v>
      </c>
      <c r="IX39" s="120">
        <v>0</v>
      </c>
      <c r="IY39" s="144">
        <v>0</v>
      </c>
      <c r="IZ39" s="119">
        <v>0</v>
      </c>
      <c r="JA39" s="119">
        <v>0</v>
      </c>
      <c r="JB39" s="119">
        <v>0</v>
      </c>
      <c r="JC39" s="119">
        <v>0</v>
      </c>
      <c r="JD39" s="119">
        <v>0</v>
      </c>
      <c r="JE39" s="120">
        <v>0</v>
      </c>
      <c r="JF39" s="121">
        <v>0</v>
      </c>
      <c r="JG39" s="142">
        <v>0</v>
      </c>
      <c r="JH39" s="119">
        <v>0</v>
      </c>
      <c r="JI39" s="141">
        <v>0</v>
      </c>
      <c r="JJ39" s="118">
        <v>0</v>
      </c>
      <c r="JK39" s="119">
        <v>0</v>
      </c>
      <c r="JL39" s="119">
        <v>0</v>
      </c>
      <c r="JM39" s="119">
        <v>0</v>
      </c>
      <c r="JN39" s="119">
        <v>0</v>
      </c>
      <c r="JO39" s="119">
        <v>0</v>
      </c>
      <c r="JP39" s="120">
        <v>0</v>
      </c>
      <c r="JQ39" s="320">
        <v>0</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98350</v>
      </c>
      <c r="KH39" s="119">
        <v>0</v>
      </c>
      <c r="KI39" s="119">
        <v>0</v>
      </c>
      <c r="KJ39" s="119">
        <v>0</v>
      </c>
      <c r="KK39" s="119">
        <v>0</v>
      </c>
      <c r="KL39" s="120">
        <v>98350</v>
      </c>
      <c r="KM39" s="143">
        <v>98350</v>
      </c>
      <c r="KN39" s="232">
        <v>0</v>
      </c>
      <c r="KO39" s="236">
        <v>0</v>
      </c>
      <c r="KP39" s="237">
        <v>0</v>
      </c>
      <c r="KQ39" s="140">
        <v>0</v>
      </c>
      <c r="KR39" s="119">
        <v>0</v>
      </c>
      <c r="KS39" s="119">
        <v>0</v>
      </c>
      <c r="KT39" s="119">
        <v>0</v>
      </c>
      <c r="KU39" s="119">
        <v>0</v>
      </c>
      <c r="KV39" s="119">
        <v>0</v>
      </c>
      <c r="KW39" s="120">
        <v>0</v>
      </c>
      <c r="KX39" s="320">
        <v>0</v>
      </c>
      <c r="KY39" s="142">
        <v>0</v>
      </c>
      <c r="KZ39" s="119">
        <v>0</v>
      </c>
      <c r="LA39" s="120">
        <v>0</v>
      </c>
      <c r="LB39" s="145">
        <v>0</v>
      </c>
      <c r="LC39" s="119">
        <v>0</v>
      </c>
      <c r="LD39" s="119">
        <v>0</v>
      </c>
      <c r="LE39" s="119">
        <v>0</v>
      </c>
      <c r="LF39" s="119">
        <v>0</v>
      </c>
      <c r="LG39" s="119">
        <v>0</v>
      </c>
      <c r="LH39" s="120">
        <v>0</v>
      </c>
      <c r="LI39" s="121">
        <v>0</v>
      </c>
      <c r="LJ39" s="142">
        <v>0</v>
      </c>
      <c r="LK39" s="119">
        <v>0</v>
      </c>
      <c r="LL39" s="120">
        <v>0</v>
      </c>
      <c r="LM39" s="145">
        <v>0</v>
      </c>
      <c r="LN39" s="119">
        <v>0</v>
      </c>
      <c r="LO39" s="119">
        <v>0</v>
      </c>
      <c r="LP39" s="119">
        <v>0</v>
      </c>
      <c r="LQ39" s="119">
        <v>0</v>
      </c>
      <c r="LR39" s="119">
        <v>0</v>
      </c>
      <c r="LS39" s="120">
        <v>0</v>
      </c>
      <c r="LT39" s="320">
        <v>0</v>
      </c>
      <c r="LU39" s="142">
        <v>0</v>
      </c>
      <c r="LV39" s="119">
        <v>0</v>
      </c>
      <c r="LW39" s="120">
        <v>0</v>
      </c>
      <c r="LX39" s="145">
        <v>0</v>
      </c>
      <c r="LY39" s="119">
        <v>0</v>
      </c>
      <c r="LZ39" s="119">
        <v>158683</v>
      </c>
      <c r="MA39" s="119">
        <v>0</v>
      </c>
      <c r="MB39" s="119">
        <v>0</v>
      </c>
      <c r="MC39" s="119">
        <v>189665</v>
      </c>
      <c r="MD39" s="120">
        <v>348348</v>
      </c>
      <c r="ME39" s="121">
        <v>348348</v>
      </c>
      <c r="MF39" s="142">
        <v>0</v>
      </c>
      <c r="MG39" s="119">
        <v>0</v>
      </c>
      <c r="MH39" s="120">
        <v>0</v>
      </c>
      <c r="MI39" s="145">
        <v>0</v>
      </c>
      <c r="MJ39" s="119">
        <v>0</v>
      </c>
      <c r="MK39" s="119">
        <v>201026</v>
      </c>
      <c r="ML39" s="119">
        <v>0</v>
      </c>
      <c r="MM39" s="119">
        <v>0</v>
      </c>
      <c r="MN39" s="119">
        <v>0</v>
      </c>
      <c r="MO39" s="120">
        <v>201026</v>
      </c>
      <c r="MP39" s="143">
        <v>201026</v>
      </c>
      <c r="MQ39" s="142">
        <v>0</v>
      </c>
      <c r="MR39" s="119">
        <v>0</v>
      </c>
      <c r="MS39" s="120">
        <v>0</v>
      </c>
      <c r="MT39" s="145">
        <v>0</v>
      </c>
      <c r="MU39" s="119">
        <v>0</v>
      </c>
      <c r="MV39" s="119">
        <v>0</v>
      </c>
      <c r="MW39" s="119">
        <v>0</v>
      </c>
      <c r="MX39" s="119">
        <v>0</v>
      </c>
      <c r="MY39" s="119">
        <v>0</v>
      </c>
      <c r="MZ39" s="120">
        <v>0</v>
      </c>
      <c r="NA39" s="143">
        <v>0</v>
      </c>
      <c r="NB39" s="142">
        <v>0</v>
      </c>
      <c r="NC39" s="119">
        <v>0</v>
      </c>
      <c r="ND39" s="120">
        <v>0</v>
      </c>
      <c r="NE39" s="145">
        <v>0</v>
      </c>
      <c r="NF39" s="119">
        <v>0</v>
      </c>
      <c r="NG39" s="119">
        <v>201026</v>
      </c>
      <c r="NH39" s="119">
        <v>0</v>
      </c>
      <c r="NI39" s="119">
        <v>0</v>
      </c>
      <c r="NJ39" s="119">
        <v>0</v>
      </c>
      <c r="NK39" s="120">
        <v>201026</v>
      </c>
      <c r="NL39" s="320">
        <v>201026</v>
      </c>
      <c r="NM39" s="142">
        <v>0</v>
      </c>
      <c r="NN39" s="119">
        <v>0</v>
      </c>
      <c r="NO39" s="120">
        <v>0</v>
      </c>
      <c r="NP39" s="145">
        <v>0</v>
      </c>
      <c r="NQ39" s="119">
        <v>0</v>
      </c>
      <c r="NR39" s="119">
        <v>0</v>
      </c>
      <c r="NS39" s="119">
        <v>0</v>
      </c>
      <c r="NT39" s="119">
        <v>0</v>
      </c>
      <c r="NU39" s="119">
        <v>0</v>
      </c>
      <c r="NV39" s="120">
        <v>0</v>
      </c>
      <c r="NW39" s="121">
        <v>0</v>
      </c>
      <c r="NX39" s="142">
        <v>0</v>
      </c>
      <c r="NY39" s="119">
        <v>0</v>
      </c>
      <c r="NZ39" s="120">
        <v>0</v>
      </c>
      <c r="OA39" s="145">
        <v>0</v>
      </c>
      <c r="OB39" s="119">
        <v>0</v>
      </c>
      <c r="OC39" s="119">
        <v>0</v>
      </c>
      <c r="OD39" s="119">
        <v>0</v>
      </c>
      <c r="OE39" s="119">
        <v>0</v>
      </c>
      <c r="OF39" s="119">
        <v>0</v>
      </c>
      <c r="OG39" s="120">
        <v>0</v>
      </c>
      <c r="OH39" s="121">
        <v>0</v>
      </c>
      <c r="OI39" s="142">
        <v>0</v>
      </c>
      <c r="OJ39" s="119">
        <v>0</v>
      </c>
      <c r="OK39" s="141">
        <v>0</v>
      </c>
      <c r="OL39" s="118">
        <v>0</v>
      </c>
      <c r="OM39" s="119">
        <v>142905</v>
      </c>
      <c r="ON39" s="119">
        <v>437934</v>
      </c>
      <c r="OO39" s="119">
        <v>388458</v>
      </c>
      <c r="OP39" s="119">
        <v>0</v>
      </c>
      <c r="OQ39" s="119">
        <v>210042</v>
      </c>
      <c r="OR39" s="120">
        <v>1179339</v>
      </c>
      <c r="OS39" s="143">
        <v>1179339</v>
      </c>
    </row>
    <row r="40" spans="2:409" ht="21" customHeight="1" x14ac:dyDescent="0.2">
      <c r="B40" s="126" t="s">
        <v>35</v>
      </c>
      <c r="C40" s="110">
        <v>170652</v>
      </c>
      <c r="D40" s="114">
        <v>129348</v>
      </c>
      <c r="E40" s="113">
        <v>300000</v>
      </c>
      <c r="F40" s="109">
        <v>0</v>
      </c>
      <c r="G40" s="114">
        <v>664806</v>
      </c>
      <c r="H40" s="114">
        <v>624755</v>
      </c>
      <c r="I40" s="114">
        <v>948189</v>
      </c>
      <c r="J40" s="114">
        <v>1753980</v>
      </c>
      <c r="K40" s="114">
        <v>0</v>
      </c>
      <c r="L40" s="173">
        <v>3991730</v>
      </c>
      <c r="M40" s="116">
        <v>4291730</v>
      </c>
      <c r="N40" s="110">
        <v>36624</v>
      </c>
      <c r="O40" s="114">
        <v>56786</v>
      </c>
      <c r="P40" s="113">
        <v>93410</v>
      </c>
      <c r="Q40" s="110">
        <v>0</v>
      </c>
      <c r="R40" s="114">
        <v>308698</v>
      </c>
      <c r="S40" s="114">
        <v>124579</v>
      </c>
      <c r="T40" s="114">
        <v>213581</v>
      </c>
      <c r="U40" s="114">
        <v>470586</v>
      </c>
      <c r="V40" s="114">
        <v>0</v>
      </c>
      <c r="W40" s="113">
        <v>1117444</v>
      </c>
      <c r="X40" s="116">
        <v>1210854</v>
      </c>
      <c r="Y40" s="110">
        <v>0</v>
      </c>
      <c r="Z40" s="114">
        <v>0</v>
      </c>
      <c r="AA40" s="113">
        <v>0</v>
      </c>
      <c r="AB40" s="110">
        <v>0</v>
      </c>
      <c r="AC40" s="114">
        <v>200441</v>
      </c>
      <c r="AD40" s="114">
        <v>71673</v>
      </c>
      <c r="AE40" s="114">
        <v>130246</v>
      </c>
      <c r="AF40" s="114">
        <v>204131</v>
      </c>
      <c r="AG40" s="114">
        <v>0</v>
      </c>
      <c r="AH40" s="113">
        <v>606491</v>
      </c>
      <c r="AI40" s="116">
        <v>606491</v>
      </c>
      <c r="AJ40" s="110">
        <v>0</v>
      </c>
      <c r="AK40" s="114">
        <v>0</v>
      </c>
      <c r="AL40" s="113">
        <v>0</v>
      </c>
      <c r="AM40" s="110">
        <v>0</v>
      </c>
      <c r="AN40" s="114">
        <v>0</v>
      </c>
      <c r="AO40" s="114">
        <v>0</v>
      </c>
      <c r="AP40" s="114">
        <v>0</v>
      </c>
      <c r="AQ40" s="114">
        <v>0</v>
      </c>
      <c r="AR40" s="114">
        <v>0</v>
      </c>
      <c r="AS40" s="113">
        <v>0</v>
      </c>
      <c r="AT40" s="116">
        <v>0</v>
      </c>
      <c r="AU40" s="110">
        <v>0</v>
      </c>
      <c r="AV40" s="114">
        <v>40378</v>
      </c>
      <c r="AW40" s="113">
        <v>40378</v>
      </c>
      <c r="AX40" s="110">
        <v>0</v>
      </c>
      <c r="AY40" s="114">
        <v>55785</v>
      </c>
      <c r="AZ40" s="114">
        <v>17241</v>
      </c>
      <c r="BA40" s="114">
        <v>22757</v>
      </c>
      <c r="BB40" s="114">
        <v>178591</v>
      </c>
      <c r="BC40" s="114">
        <v>0</v>
      </c>
      <c r="BD40" s="113">
        <v>274374</v>
      </c>
      <c r="BE40" s="116">
        <v>314752</v>
      </c>
      <c r="BF40" s="110">
        <v>0</v>
      </c>
      <c r="BG40" s="114">
        <v>0</v>
      </c>
      <c r="BH40" s="112">
        <v>0</v>
      </c>
      <c r="BI40" s="111">
        <v>0</v>
      </c>
      <c r="BJ40" s="114">
        <v>40446</v>
      </c>
      <c r="BK40" s="114">
        <v>0</v>
      </c>
      <c r="BL40" s="114">
        <v>0</v>
      </c>
      <c r="BM40" s="114">
        <v>0</v>
      </c>
      <c r="BN40" s="114">
        <v>0</v>
      </c>
      <c r="BO40" s="113">
        <v>40446</v>
      </c>
      <c r="BP40" s="116">
        <v>40446</v>
      </c>
      <c r="BQ40" s="110">
        <v>36624</v>
      </c>
      <c r="BR40" s="114">
        <v>16408</v>
      </c>
      <c r="BS40" s="113">
        <v>53032</v>
      </c>
      <c r="BT40" s="110">
        <v>0</v>
      </c>
      <c r="BU40" s="114">
        <v>12026</v>
      </c>
      <c r="BV40" s="114">
        <v>35665</v>
      </c>
      <c r="BW40" s="114">
        <v>60578</v>
      </c>
      <c r="BX40" s="114">
        <v>87864</v>
      </c>
      <c r="BY40" s="114">
        <v>0</v>
      </c>
      <c r="BZ40" s="113">
        <v>196133</v>
      </c>
      <c r="CA40" s="116">
        <v>249165</v>
      </c>
      <c r="CB40" s="110">
        <v>0</v>
      </c>
      <c r="CC40" s="114">
        <v>66500</v>
      </c>
      <c r="CD40" s="113">
        <v>66500</v>
      </c>
      <c r="CE40" s="110">
        <v>0</v>
      </c>
      <c r="CF40" s="114">
        <v>218316</v>
      </c>
      <c r="CG40" s="114">
        <v>202209</v>
      </c>
      <c r="CH40" s="114">
        <v>33957</v>
      </c>
      <c r="CI40" s="114">
        <v>151084</v>
      </c>
      <c r="CJ40" s="114">
        <v>0</v>
      </c>
      <c r="CK40" s="113">
        <v>605566</v>
      </c>
      <c r="CL40" s="116">
        <v>672066</v>
      </c>
      <c r="CM40" s="110">
        <v>0</v>
      </c>
      <c r="CN40" s="114">
        <v>0</v>
      </c>
      <c r="CO40" s="113">
        <v>0</v>
      </c>
      <c r="CP40" s="111">
        <v>0</v>
      </c>
      <c r="CQ40" s="114">
        <v>188706</v>
      </c>
      <c r="CR40" s="114">
        <v>156723</v>
      </c>
      <c r="CS40" s="114">
        <v>33957</v>
      </c>
      <c r="CT40" s="114">
        <v>61992</v>
      </c>
      <c r="CU40" s="114">
        <v>0</v>
      </c>
      <c r="CV40" s="113">
        <v>441378</v>
      </c>
      <c r="CW40" s="116">
        <v>441378</v>
      </c>
      <c r="CX40" s="110">
        <v>0</v>
      </c>
      <c r="CY40" s="114">
        <v>66500</v>
      </c>
      <c r="CZ40" s="113">
        <v>66500</v>
      </c>
      <c r="DA40" s="110">
        <v>0</v>
      </c>
      <c r="DB40" s="114">
        <v>29610</v>
      </c>
      <c r="DC40" s="114">
        <v>45486</v>
      </c>
      <c r="DD40" s="114">
        <v>0</v>
      </c>
      <c r="DE40" s="114">
        <v>89092</v>
      </c>
      <c r="DF40" s="114">
        <v>0</v>
      </c>
      <c r="DG40" s="113">
        <v>164188</v>
      </c>
      <c r="DH40" s="116">
        <v>230688</v>
      </c>
      <c r="DI40" s="110">
        <v>0</v>
      </c>
      <c r="DJ40" s="114">
        <v>0</v>
      </c>
      <c r="DK40" s="112">
        <v>0</v>
      </c>
      <c r="DL40" s="111">
        <v>0</v>
      </c>
      <c r="DM40" s="114">
        <v>0</v>
      </c>
      <c r="DN40" s="114">
        <v>0</v>
      </c>
      <c r="DO40" s="114">
        <v>0</v>
      </c>
      <c r="DP40" s="114">
        <v>197323</v>
      </c>
      <c r="DQ40" s="114">
        <v>0</v>
      </c>
      <c r="DR40" s="113">
        <v>197323</v>
      </c>
      <c r="DS40" s="116">
        <v>197323</v>
      </c>
      <c r="DT40" s="110">
        <v>0</v>
      </c>
      <c r="DU40" s="114">
        <v>0</v>
      </c>
      <c r="DV40" s="113">
        <v>0</v>
      </c>
      <c r="DW40" s="110">
        <v>0</v>
      </c>
      <c r="DX40" s="114">
        <v>0</v>
      </c>
      <c r="DY40" s="114">
        <v>0</v>
      </c>
      <c r="DZ40" s="114">
        <v>0</v>
      </c>
      <c r="EA40" s="114">
        <v>197323</v>
      </c>
      <c r="EB40" s="114">
        <v>0</v>
      </c>
      <c r="EC40" s="113">
        <v>197323</v>
      </c>
      <c r="ED40" s="116">
        <v>197323</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v>0</v>
      </c>
      <c r="FE40" s="114">
        <v>0</v>
      </c>
      <c r="FF40" s="114">
        <v>0</v>
      </c>
      <c r="FG40" s="114">
        <v>0</v>
      </c>
      <c r="FH40" s="114">
        <v>0</v>
      </c>
      <c r="FI40" s="114">
        <v>0</v>
      </c>
      <c r="FJ40" s="113">
        <v>0</v>
      </c>
      <c r="FK40" s="116">
        <v>0</v>
      </c>
      <c r="FL40" s="110">
        <v>4550</v>
      </c>
      <c r="FM40" s="114">
        <v>6062</v>
      </c>
      <c r="FN40" s="113">
        <v>10612</v>
      </c>
      <c r="FO40" s="110">
        <v>0</v>
      </c>
      <c r="FP40" s="114">
        <v>15260</v>
      </c>
      <c r="FQ40" s="114">
        <v>120820</v>
      </c>
      <c r="FR40" s="114">
        <v>111314</v>
      </c>
      <c r="FS40" s="114">
        <v>79072</v>
      </c>
      <c r="FT40" s="114">
        <v>0</v>
      </c>
      <c r="FU40" s="113">
        <v>326466</v>
      </c>
      <c r="FV40" s="116">
        <v>337078</v>
      </c>
      <c r="FW40" s="115">
        <v>4550</v>
      </c>
      <c r="FX40" s="114">
        <v>6062</v>
      </c>
      <c r="FY40" s="112">
        <v>10612</v>
      </c>
      <c r="FZ40" s="111">
        <v>0</v>
      </c>
      <c r="GA40" s="114">
        <v>15260</v>
      </c>
      <c r="GB40" s="114">
        <v>120820</v>
      </c>
      <c r="GC40" s="114">
        <v>111314</v>
      </c>
      <c r="GD40" s="114">
        <v>79072</v>
      </c>
      <c r="GE40" s="114">
        <v>0</v>
      </c>
      <c r="GF40" s="113">
        <v>326466</v>
      </c>
      <c r="GG40" s="318">
        <v>337078</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0</v>
      </c>
      <c r="GY40" s="114">
        <v>0</v>
      </c>
      <c r="GZ40" s="114">
        <v>0</v>
      </c>
      <c r="HA40" s="114">
        <v>0</v>
      </c>
      <c r="HB40" s="112">
        <v>0</v>
      </c>
      <c r="HC40" s="116">
        <v>0</v>
      </c>
      <c r="HD40" s="110">
        <v>129478</v>
      </c>
      <c r="HE40" s="114">
        <v>0</v>
      </c>
      <c r="HF40" s="112">
        <v>129478</v>
      </c>
      <c r="HG40" s="111">
        <v>0</v>
      </c>
      <c r="HH40" s="114">
        <v>122532</v>
      </c>
      <c r="HI40" s="114">
        <v>177147</v>
      </c>
      <c r="HJ40" s="114">
        <v>589337</v>
      </c>
      <c r="HK40" s="114">
        <v>855915</v>
      </c>
      <c r="HL40" s="114">
        <v>0</v>
      </c>
      <c r="HM40" s="113">
        <v>1744931</v>
      </c>
      <c r="HN40" s="109">
        <v>1874409</v>
      </c>
      <c r="HO40" s="328">
        <v>0</v>
      </c>
      <c r="HP40" s="329">
        <v>0</v>
      </c>
      <c r="HQ40" s="330">
        <v>0</v>
      </c>
      <c r="HR40" s="331">
        <v>0</v>
      </c>
      <c r="HS40" s="329">
        <v>0</v>
      </c>
      <c r="HT40" s="329">
        <v>0</v>
      </c>
      <c r="HU40" s="329">
        <v>0</v>
      </c>
      <c r="HV40" s="329">
        <v>0</v>
      </c>
      <c r="HW40" s="329">
        <v>0</v>
      </c>
      <c r="HX40" s="332">
        <v>0</v>
      </c>
      <c r="HY40" s="333">
        <v>0</v>
      </c>
      <c r="HZ40" s="150">
        <v>0</v>
      </c>
      <c r="IA40" s="135">
        <v>0</v>
      </c>
      <c r="IB40" s="150">
        <v>0</v>
      </c>
      <c r="IC40" s="146">
        <v>0</v>
      </c>
      <c r="ID40" s="132">
        <v>11802</v>
      </c>
      <c r="IE40" s="147">
        <v>0</v>
      </c>
      <c r="IF40" s="133">
        <v>110207</v>
      </c>
      <c r="IG40" s="132">
        <v>233485</v>
      </c>
      <c r="IH40" s="133">
        <v>0</v>
      </c>
      <c r="II40" s="148">
        <v>355494</v>
      </c>
      <c r="IJ40" s="150">
        <v>355494</v>
      </c>
      <c r="IK40" s="232">
        <v>0</v>
      </c>
      <c r="IL40" s="236">
        <v>0</v>
      </c>
      <c r="IM40" s="237">
        <v>0</v>
      </c>
      <c r="IN40" s="140">
        <v>0</v>
      </c>
      <c r="IO40" s="119">
        <v>0</v>
      </c>
      <c r="IP40" s="119">
        <v>0</v>
      </c>
      <c r="IQ40" s="119">
        <v>0</v>
      </c>
      <c r="IR40" s="119">
        <v>0</v>
      </c>
      <c r="IS40" s="119">
        <v>0</v>
      </c>
      <c r="IT40" s="141">
        <v>0</v>
      </c>
      <c r="IU40" s="320">
        <v>0</v>
      </c>
      <c r="IV40" s="142">
        <v>0</v>
      </c>
      <c r="IW40" s="119">
        <v>0</v>
      </c>
      <c r="IX40" s="120">
        <v>0</v>
      </c>
      <c r="IY40" s="144">
        <v>0</v>
      </c>
      <c r="IZ40" s="119">
        <v>0</v>
      </c>
      <c r="JA40" s="119">
        <v>0</v>
      </c>
      <c r="JB40" s="119">
        <v>0</v>
      </c>
      <c r="JC40" s="119">
        <v>0</v>
      </c>
      <c r="JD40" s="119">
        <v>0</v>
      </c>
      <c r="JE40" s="120">
        <v>0</v>
      </c>
      <c r="JF40" s="121">
        <v>0</v>
      </c>
      <c r="JG40" s="142">
        <v>0</v>
      </c>
      <c r="JH40" s="119">
        <v>0</v>
      </c>
      <c r="JI40" s="141">
        <v>0</v>
      </c>
      <c r="JJ40" s="118">
        <v>0</v>
      </c>
      <c r="JK40" s="119">
        <v>11802</v>
      </c>
      <c r="JL40" s="119">
        <v>0</v>
      </c>
      <c r="JM40" s="119">
        <v>110207</v>
      </c>
      <c r="JN40" s="119">
        <v>0</v>
      </c>
      <c r="JO40" s="119">
        <v>0</v>
      </c>
      <c r="JP40" s="120">
        <v>122009</v>
      </c>
      <c r="JQ40" s="320">
        <v>122009</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0</v>
      </c>
      <c r="KH40" s="119">
        <v>0</v>
      </c>
      <c r="KI40" s="119">
        <v>0</v>
      </c>
      <c r="KJ40" s="119">
        <v>36771</v>
      </c>
      <c r="KK40" s="119">
        <v>0</v>
      </c>
      <c r="KL40" s="120">
        <v>36771</v>
      </c>
      <c r="KM40" s="143">
        <v>36771</v>
      </c>
      <c r="KN40" s="232">
        <v>0</v>
      </c>
      <c r="KO40" s="236">
        <v>0</v>
      </c>
      <c r="KP40" s="237">
        <v>0</v>
      </c>
      <c r="KQ40" s="140">
        <v>0</v>
      </c>
      <c r="KR40" s="119">
        <v>0</v>
      </c>
      <c r="KS40" s="119">
        <v>0</v>
      </c>
      <c r="KT40" s="119">
        <v>0</v>
      </c>
      <c r="KU40" s="119">
        <v>196714</v>
      </c>
      <c r="KV40" s="119">
        <v>0</v>
      </c>
      <c r="KW40" s="120">
        <v>196714</v>
      </c>
      <c r="KX40" s="320">
        <v>196714</v>
      </c>
      <c r="KY40" s="142">
        <v>0</v>
      </c>
      <c r="KZ40" s="119">
        <v>0</v>
      </c>
      <c r="LA40" s="120">
        <v>0</v>
      </c>
      <c r="LB40" s="145">
        <v>0</v>
      </c>
      <c r="LC40" s="119">
        <v>0</v>
      </c>
      <c r="LD40" s="119">
        <v>0</v>
      </c>
      <c r="LE40" s="119">
        <v>0</v>
      </c>
      <c r="LF40" s="119">
        <v>0</v>
      </c>
      <c r="LG40" s="119">
        <v>0</v>
      </c>
      <c r="LH40" s="120">
        <v>0</v>
      </c>
      <c r="LI40" s="121">
        <v>0</v>
      </c>
      <c r="LJ40" s="142">
        <v>0</v>
      </c>
      <c r="LK40" s="119">
        <v>0</v>
      </c>
      <c r="LL40" s="120">
        <v>0</v>
      </c>
      <c r="LM40" s="145">
        <v>0</v>
      </c>
      <c r="LN40" s="119">
        <v>0</v>
      </c>
      <c r="LO40" s="119">
        <v>0</v>
      </c>
      <c r="LP40" s="119">
        <v>0</v>
      </c>
      <c r="LQ40" s="119">
        <v>0</v>
      </c>
      <c r="LR40" s="119">
        <v>0</v>
      </c>
      <c r="LS40" s="120">
        <v>0</v>
      </c>
      <c r="LT40" s="320">
        <v>0</v>
      </c>
      <c r="LU40" s="142">
        <v>0</v>
      </c>
      <c r="LV40" s="119">
        <v>0</v>
      </c>
      <c r="LW40" s="120">
        <v>0</v>
      </c>
      <c r="LX40" s="145">
        <v>0</v>
      </c>
      <c r="LY40" s="119">
        <v>0</v>
      </c>
      <c r="LZ40" s="119">
        <v>0</v>
      </c>
      <c r="MA40" s="119">
        <v>0</v>
      </c>
      <c r="MB40" s="119">
        <v>0</v>
      </c>
      <c r="MC40" s="119">
        <v>0</v>
      </c>
      <c r="MD40" s="120">
        <v>0</v>
      </c>
      <c r="ME40" s="121">
        <v>0</v>
      </c>
      <c r="MF40" s="142">
        <v>0</v>
      </c>
      <c r="MG40" s="119">
        <v>0</v>
      </c>
      <c r="MH40" s="120">
        <v>0</v>
      </c>
      <c r="MI40" s="145">
        <v>0</v>
      </c>
      <c r="MJ40" s="119">
        <v>0</v>
      </c>
      <c r="MK40" s="119">
        <v>0</v>
      </c>
      <c r="ML40" s="119">
        <v>235480</v>
      </c>
      <c r="MM40" s="119">
        <v>348040</v>
      </c>
      <c r="MN40" s="119">
        <v>0</v>
      </c>
      <c r="MO40" s="120">
        <v>583520</v>
      </c>
      <c r="MP40" s="143">
        <v>583520</v>
      </c>
      <c r="MQ40" s="142">
        <v>0</v>
      </c>
      <c r="MR40" s="119">
        <v>0</v>
      </c>
      <c r="MS40" s="120">
        <v>0</v>
      </c>
      <c r="MT40" s="145">
        <v>0</v>
      </c>
      <c r="MU40" s="119">
        <v>0</v>
      </c>
      <c r="MV40" s="119">
        <v>0</v>
      </c>
      <c r="MW40" s="119">
        <v>0</v>
      </c>
      <c r="MX40" s="119">
        <v>348040</v>
      </c>
      <c r="MY40" s="119">
        <v>0</v>
      </c>
      <c r="MZ40" s="120">
        <v>348040</v>
      </c>
      <c r="NA40" s="143">
        <v>348040</v>
      </c>
      <c r="NB40" s="142">
        <v>0</v>
      </c>
      <c r="NC40" s="119">
        <v>0</v>
      </c>
      <c r="ND40" s="120">
        <v>0</v>
      </c>
      <c r="NE40" s="145">
        <v>0</v>
      </c>
      <c r="NF40" s="119">
        <v>0</v>
      </c>
      <c r="NG40" s="119">
        <v>0</v>
      </c>
      <c r="NH40" s="119">
        <v>235480</v>
      </c>
      <c r="NI40" s="119">
        <v>0</v>
      </c>
      <c r="NJ40" s="119">
        <v>0</v>
      </c>
      <c r="NK40" s="120">
        <v>235480</v>
      </c>
      <c r="NL40" s="320">
        <v>235480</v>
      </c>
      <c r="NM40" s="142">
        <v>0</v>
      </c>
      <c r="NN40" s="119">
        <v>0</v>
      </c>
      <c r="NO40" s="120">
        <v>0</v>
      </c>
      <c r="NP40" s="145">
        <v>0</v>
      </c>
      <c r="NQ40" s="119">
        <v>0</v>
      </c>
      <c r="NR40" s="119">
        <v>0</v>
      </c>
      <c r="NS40" s="119">
        <v>0</v>
      </c>
      <c r="NT40" s="119">
        <v>0</v>
      </c>
      <c r="NU40" s="119">
        <v>0</v>
      </c>
      <c r="NV40" s="120">
        <v>0</v>
      </c>
      <c r="NW40" s="121">
        <v>0</v>
      </c>
      <c r="NX40" s="142">
        <v>0</v>
      </c>
      <c r="NY40" s="119">
        <v>0</v>
      </c>
      <c r="NZ40" s="120">
        <v>0</v>
      </c>
      <c r="OA40" s="145">
        <v>0</v>
      </c>
      <c r="OB40" s="119">
        <v>0</v>
      </c>
      <c r="OC40" s="119">
        <v>0</v>
      </c>
      <c r="OD40" s="119">
        <v>0</v>
      </c>
      <c r="OE40" s="119">
        <v>0</v>
      </c>
      <c r="OF40" s="119">
        <v>0</v>
      </c>
      <c r="OG40" s="120">
        <v>0</v>
      </c>
      <c r="OH40" s="121">
        <v>0</v>
      </c>
      <c r="OI40" s="142">
        <v>170652</v>
      </c>
      <c r="OJ40" s="119">
        <v>129348</v>
      </c>
      <c r="OK40" s="141">
        <v>300000</v>
      </c>
      <c r="OL40" s="118">
        <v>0</v>
      </c>
      <c r="OM40" s="119">
        <v>676608</v>
      </c>
      <c r="ON40" s="119">
        <v>624755</v>
      </c>
      <c r="OO40" s="119">
        <v>1293876</v>
      </c>
      <c r="OP40" s="119">
        <v>2335505</v>
      </c>
      <c r="OQ40" s="119">
        <v>0</v>
      </c>
      <c r="OR40" s="120">
        <v>4930744</v>
      </c>
      <c r="OS40" s="143">
        <v>5230744</v>
      </c>
    </row>
    <row r="41" spans="2:409" ht="21" customHeight="1" x14ac:dyDescent="0.2">
      <c r="B41" s="126" t="s">
        <v>36</v>
      </c>
      <c r="C41" s="110">
        <v>0</v>
      </c>
      <c r="D41" s="114">
        <v>26243</v>
      </c>
      <c r="E41" s="113">
        <v>26243</v>
      </c>
      <c r="F41" s="109">
        <v>0</v>
      </c>
      <c r="G41" s="114">
        <v>304632</v>
      </c>
      <c r="H41" s="114">
        <v>353037</v>
      </c>
      <c r="I41" s="114">
        <v>505342</v>
      </c>
      <c r="J41" s="114">
        <v>922436</v>
      </c>
      <c r="K41" s="114">
        <v>104534</v>
      </c>
      <c r="L41" s="173">
        <v>2189981</v>
      </c>
      <c r="M41" s="116">
        <v>2216224</v>
      </c>
      <c r="N41" s="110">
        <v>0</v>
      </c>
      <c r="O41" s="114">
        <v>24843</v>
      </c>
      <c r="P41" s="113">
        <v>24843</v>
      </c>
      <c r="Q41" s="110">
        <v>0</v>
      </c>
      <c r="R41" s="114">
        <v>157156</v>
      </c>
      <c r="S41" s="114">
        <v>78739</v>
      </c>
      <c r="T41" s="114">
        <v>62288</v>
      </c>
      <c r="U41" s="114">
        <v>264735</v>
      </c>
      <c r="V41" s="114">
        <v>16086</v>
      </c>
      <c r="W41" s="113">
        <v>579004</v>
      </c>
      <c r="X41" s="116">
        <v>603847</v>
      </c>
      <c r="Y41" s="110">
        <v>0</v>
      </c>
      <c r="Z41" s="114">
        <v>0</v>
      </c>
      <c r="AA41" s="113">
        <v>0</v>
      </c>
      <c r="AB41" s="110">
        <v>0</v>
      </c>
      <c r="AC41" s="114">
        <v>43966</v>
      </c>
      <c r="AD41" s="114">
        <v>8346</v>
      </c>
      <c r="AE41" s="114">
        <v>0</v>
      </c>
      <c r="AF41" s="114">
        <v>181220</v>
      </c>
      <c r="AG41" s="114">
        <v>0</v>
      </c>
      <c r="AH41" s="113">
        <v>233532</v>
      </c>
      <c r="AI41" s="116">
        <v>233532</v>
      </c>
      <c r="AJ41" s="110">
        <v>0</v>
      </c>
      <c r="AK41" s="114">
        <v>0</v>
      </c>
      <c r="AL41" s="113">
        <v>0</v>
      </c>
      <c r="AM41" s="110">
        <v>0</v>
      </c>
      <c r="AN41" s="114">
        <v>18874</v>
      </c>
      <c r="AO41" s="114">
        <v>0</v>
      </c>
      <c r="AP41" s="114">
        <v>0</v>
      </c>
      <c r="AQ41" s="114">
        <v>0</v>
      </c>
      <c r="AR41" s="114">
        <v>0</v>
      </c>
      <c r="AS41" s="113">
        <v>18874</v>
      </c>
      <c r="AT41" s="116">
        <v>18874</v>
      </c>
      <c r="AU41" s="110">
        <v>0</v>
      </c>
      <c r="AV41" s="114">
        <v>24843</v>
      </c>
      <c r="AW41" s="113">
        <v>24843</v>
      </c>
      <c r="AX41" s="110">
        <v>0</v>
      </c>
      <c r="AY41" s="114">
        <v>55087</v>
      </c>
      <c r="AZ41" s="114">
        <v>56855</v>
      </c>
      <c r="BA41" s="114">
        <v>36178</v>
      </c>
      <c r="BB41" s="114">
        <v>24918</v>
      </c>
      <c r="BC41" s="114">
        <v>0</v>
      </c>
      <c r="BD41" s="113">
        <v>173038</v>
      </c>
      <c r="BE41" s="116">
        <v>197881</v>
      </c>
      <c r="BF41" s="110">
        <v>0</v>
      </c>
      <c r="BG41" s="114">
        <v>0</v>
      </c>
      <c r="BH41" s="112">
        <v>0</v>
      </c>
      <c r="BI41" s="111">
        <v>0</v>
      </c>
      <c r="BJ41" s="114">
        <v>35617</v>
      </c>
      <c r="BK41" s="114">
        <v>0</v>
      </c>
      <c r="BL41" s="114">
        <v>0</v>
      </c>
      <c r="BM41" s="114">
        <v>0</v>
      </c>
      <c r="BN41" s="114">
        <v>0</v>
      </c>
      <c r="BO41" s="113">
        <v>35617</v>
      </c>
      <c r="BP41" s="116">
        <v>35617</v>
      </c>
      <c r="BQ41" s="110">
        <v>0</v>
      </c>
      <c r="BR41" s="114">
        <v>0</v>
      </c>
      <c r="BS41" s="113">
        <v>0</v>
      </c>
      <c r="BT41" s="110">
        <v>0</v>
      </c>
      <c r="BU41" s="114">
        <v>3612</v>
      </c>
      <c r="BV41" s="114">
        <v>13538</v>
      </c>
      <c r="BW41" s="114">
        <v>26110</v>
      </c>
      <c r="BX41" s="114">
        <v>58597</v>
      </c>
      <c r="BY41" s="114">
        <v>16086</v>
      </c>
      <c r="BZ41" s="113">
        <v>117943</v>
      </c>
      <c r="CA41" s="116">
        <v>117943</v>
      </c>
      <c r="CB41" s="110">
        <v>0</v>
      </c>
      <c r="CC41" s="114">
        <v>0</v>
      </c>
      <c r="CD41" s="113">
        <v>0</v>
      </c>
      <c r="CE41" s="110">
        <v>0</v>
      </c>
      <c r="CF41" s="114">
        <v>130326</v>
      </c>
      <c r="CG41" s="114">
        <v>23158</v>
      </c>
      <c r="CH41" s="114">
        <v>32083</v>
      </c>
      <c r="CI41" s="114">
        <v>121662</v>
      </c>
      <c r="CJ41" s="114">
        <v>72432</v>
      </c>
      <c r="CK41" s="113">
        <v>379661</v>
      </c>
      <c r="CL41" s="116">
        <v>379661</v>
      </c>
      <c r="CM41" s="110">
        <v>0</v>
      </c>
      <c r="CN41" s="114">
        <v>0</v>
      </c>
      <c r="CO41" s="113">
        <v>0</v>
      </c>
      <c r="CP41" s="111">
        <v>0</v>
      </c>
      <c r="CQ41" s="114">
        <v>112005</v>
      </c>
      <c r="CR41" s="114">
        <v>23158</v>
      </c>
      <c r="CS41" s="114">
        <v>32083</v>
      </c>
      <c r="CT41" s="114">
        <v>121662</v>
      </c>
      <c r="CU41" s="114">
        <v>72432</v>
      </c>
      <c r="CV41" s="113">
        <v>361340</v>
      </c>
      <c r="CW41" s="116">
        <v>361340</v>
      </c>
      <c r="CX41" s="110">
        <v>0</v>
      </c>
      <c r="CY41" s="114">
        <v>0</v>
      </c>
      <c r="CZ41" s="113">
        <v>0</v>
      </c>
      <c r="DA41" s="110">
        <v>0</v>
      </c>
      <c r="DB41" s="114">
        <v>18321</v>
      </c>
      <c r="DC41" s="114">
        <v>0</v>
      </c>
      <c r="DD41" s="114">
        <v>0</v>
      </c>
      <c r="DE41" s="114">
        <v>0</v>
      </c>
      <c r="DF41" s="114">
        <v>0</v>
      </c>
      <c r="DG41" s="113">
        <v>18321</v>
      </c>
      <c r="DH41" s="116">
        <v>18321</v>
      </c>
      <c r="DI41" s="110">
        <v>0</v>
      </c>
      <c r="DJ41" s="114">
        <v>0</v>
      </c>
      <c r="DK41" s="112">
        <v>0</v>
      </c>
      <c r="DL41" s="111">
        <v>0</v>
      </c>
      <c r="DM41" s="114">
        <v>0</v>
      </c>
      <c r="DN41" s="114">
        <v>105375</v>
      </c>
      <c r="DO41" s="114">
        <v>57792</v>
      </c>
      <c r="DP41" s="114">
        <v>0</v>
      </c>
      <c r="DQ41" s="114">
        <v>0</v>
      </c>
      <c r="DR41" s="113">
        <v>163167</v>
      </c>
      <c r="DS41" s="116">
        <v>163167</v>
      </c>
      <c r="DT41" s="110">
        <v>0</v>
      </c>
      <c r="DU41" s="114">
        <v>0</v>
      </c>
      <c r="DV41" s="113">
        <v>0</v>
      </c>
      <c r="DW41" s="110">
        <v>0</v>
      </c>
      <c r="DX41" s="114">
        <v>0</v>
      </c>
      <c r="DY41" s="114">
        <v>105375</v>
      </c>
      <c r="DZ41" s="114">
        <v>57792</v>
      </c>
      <c r="EA41" s="114">
        <v>0</v>
      </c>
      <c r="EB41" s="114">
        <v>0</v>
      </c>
      <c r="EC41" s="113">
        <v>163167</v>
      </c>
      <c r="ED41" s="116">
        <v>163167</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v>0</v>
      </c>
      <c r="FE41" s="114">
        <v>0</v>
      </c>
      <c r="FF41" s="114">
        <v>0</v>
      </c>
      <c r="FG41" s="114">
        <v>0</v>
      </c>
      <c r="FH41" s="114">
        <v>0</v>
      </c>
      <c r="FI41" s="114">
        <v>0</v>
      </c>
      <c r="FJ41" s="113">
        <v>0</v>
      </c>
      <c r="FK41" s="116">
        <v>0</v>
      </c>
      <c r="FL41" s="110">
        <v>0</v>
      </c>
      <c r="FM41" s="114">
        <v>1400</v>
      </c>
      <c r="FN41" s="113">
        <v>1400</v>
      </c>
      <c r="FO41" s="110">
        <v>0</v>
      </c>
      <c r="FP41" s="114">
        <v>17150</v>
      </c>
      <c r="FQ41" s="114">
        <v>7385</v>
      </c>
      <c r="FR41" s="114">
        <v>38080</v>
      </c>
      <c r="FS41" s="114">
        <v>31136</v>
      </c>
      <c r="FT41" s="114">
        <v>16016</v>
      </c>
      <c r="FU41" s="113">
        <v>109767</v>
      </c>
      <c r="FV41" s="116">
        <v>111167</v>
      </c>
      <c r="FW41" s="115">
        <v>0</v>
      </c>
      <c r="FX41" s="114">
        <v>1400</v>
      </c>
      <c r="FY41" s="112">
        <v>1400</v>
      </c>
      <c r="FZ41" s="111">
        <v>0</v>
      </c>
      <c r="GA41" s="114">
        <v>17150</v>
      </c>
      <c r="GB41" s="114">
        <v>7385</v>
      </c>
      <c r="GC41" s="114">
        <v>38080</v>
      </c>
      <c r="GD41" s="114">
        <v>31136</v>
      </c>
      <c r="GE41" s="114">
        <v>16016</v>
      </c>
      <c r="GF41" s="113">
        <v>109767</v>
      </c>
      <c r="GG41" s="318">
        <v>111167</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0</v>
      </c>
      <c r="HI41" s="114">
        <v>138380</v>
      </c>
      <c r="HJ41" s="114">
        <v>315099</v>
      </c>
      <c r="HK41" s="114">
        <v>504903</v>
      </c>
      <c r="HL41" s="114">
        <v>0</v>
      </c>
      <c r="HM41" s="113">
        <v>958382</v>
      </c>
      <c r="HN41" s="109">
        <v>958382</v>
      </c>
      <c r="HO41" s="328">
        <v>0</v>
      </c>
      <c r="HP41" s="329">
        <v>0</v>
      </c>
      <c r="HQ41" s="330">
        <v>0</v>
      </c>
      <c r="HR41" s="331">
        <v>0</v>
      </c>
      <c r="HS41" s="329">
        <v>0</v>
      </c>
      <c r="HT41" s="329">
        <v>0</v>
      </c>
      <c r="HU41" s="329">
        <v>0</v>
      </c>
      <c r="HV41" s="329">
        <v>0</v>
      </c>
      <c r="HW41" s="329">
        <v>0</v>
      </c>
      <c r="HX41" s="332">
        <v>0</v>
      </c>
      <c r="HY41" s="333">
        <v>0</v>
      </c>
      <c r="HZ41" s="131">
        <v>0</v>
      </c>
      <c r="IA41" s="132">
        <v>0</v>
      </c>
      <c r="IB41" s="133">
        <v>0</v>
      </c>
      <c r="IC41" s="146">
        <v>0</v>
      </c>
      <c r="ID41" s="132">
        <v>215103</v>
      </c>
      <c r="IE41" s="147">
        <v>204018</v>
      </c>
      <c r="IF41" s="133">
        <v>0</v>
      </c>
      <c r="IG41" s="132">
        <v>102739</v>
      </c>
      <c r="IH41" s="133">
        <v>209252</v>
      </c>
      <c r="II41" s="148">
        <v>731112</v>
      </c>
      <c r="IJ41" s="139">
        <v>731112</v>
      </c>
      <c r="IK41" s="232">
        <v>0</v>
      </c>
      <c r="IL41" s="236">
        <v>0</v>
      </c>
      <c r="IM41" s="237">
        <v>0</v>
      </c>
      <c r="IN41" s="140">
        <v>0</v>
      </c>
      <c r="IO41" s="119">
        <v>0</v>
      </c>
      <c r="IP41" s="119">
        <v>0</v>
      </c>
      <c r="IQ41" s="119">
        <v>0</v>
      </c>
      <c r="IR41" s="119">
        <v>0</v>
      </c>
      <c r="IS41" s="119">
        <v>0</v>
      </c>
      <c r="IT41" s="141">
        <v>0</v>
      </c>
      <c r="IU41" s="320">
        <v>0</v>
      </c>
      <c r="IV41" s="142">
        <v>0</v>
      </c>
      <c r="IW41" s="119">
        <v>0</v>
      </c>
      <c r="IX41" s="120">
        <v>0</v>
      </c>
      <c r="IY41" s="144">
        <v>0</v>
      </c>
      <c r="IZ41" s="119">
        <v>0</v>
      </c>
      <c r="JA41" s="119">
        <v>0</v>
      </c>
      <c r="JB41" s="119">
        <v>0</v>
      </c>
      <c r="JC41" s="119">
        <v>0</v>
      </c>
      <c r="JD41" s="119">
        <v>0</v>
      </c>
      <c r="JE41" s="120">
        <v>0</v>
      </c>
      <c r="JF41" s="121">
        <v>0</v>
      </c>
      <c r="JG41" s="142">
        <v>0</v>
      </c>
      <c r="JH41" s="119">
        <v>0</v>
      </c>
      <c r="JI41" s="141">
        <v>0</v>
      </c>
      <c r="JJ41" s="118">
        <v>0</v>
      </c>
      <c r="JK41" s="119">
        <v>27664</v>
      </c>
      <c r="JL41" s="119">
        <v>8277</v>
      </c>
      <c r="JM41" s="119">
        <v>0</v>
      </c>
      <c r="JN41" s="119">
        <v>102739</v>
      </c>
      <c r="JO41" s="119">
        <v>0</v>
      </c>
      <c r="JP41" s="120">
        <v>138680</v>
      </c>
      <c r="JQ41" s="320">
        <v>138680</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v>0</v>
      </c>
      <c r="KR41" s="119">
        <v>187439</v>
      </c>
      <c r="KS41" s="119">
        <v>195741</v>
      </c>
      <c r="KT41" s="119">
        <v>0</v>
      </c>
      <c r="KU41" s="119">
        <v>0</v>
      </c>
      <c r="KV41" s="119">
        <v>209252</v>
      </c>
      <c r="KW41" s="120">
        <v>592432</v>
      </c>
      <c r="KX41" s="320">
        <v>592432</v>
      </c>
      <c r="KY41" s="142">
        <v>0</v>
      </c>
      <c r="KZ41" s="119">
        <v>0</v>
      </c>
      <c r="LA41" s="120">
        <v>0</v>
      </c>
      <c r="LB41" s="145">
        <v>0</v>
      </c>
      <c r="LC41" s="119">
        <v>0</v>
      </c>
      <c r="LD41" s="119">
        <v>0</v>
      </c>
      <c r="LE41" s="119">
        <v>0</v>
      </c>
      <c r="LF41" s="119">
        <v>0</v>
      </c>
      <c r="LG41" s="119">
        <v>0</v>
      </c>
      <c r="LH41" s="120">
        <v>0</v>
      </c>
      <c r="LI41" s="121">
        <v>0</v>
      </c>
      <c r="LJ41" s="142">
        <v>0</v>
      </c>
      <c r="LK41" s="119">
        <v>0</v>
      </c>
      <c r="LL41" s="120">
        <v>0</v>
      </c>
      <c r="LM41" s="145">
        <v>0</v>
      </c>
      <c r="LN41" s="119">
        <v>0</v>
      </c>
      <c r="LO41" s="119">
        <v>0</v>
      </c>
      <c r="LP41" s="119">
        <v>0</v>
      </c>
      <c r="LQ41" s="119">
        <v>0</v>
      </c>
      <c r="LR41" s="119">
        <v>0</v>
      </c>
      <c r="LS41" s="120">
        <v>0</v>
      </c>
      <c r="LT41" s="320">
        <v>0</v>
      </c>
      <c r="LU41" s="142">
        <v>0</v>
      </c>
      <c r="LV41" s="119">
        <v>0</v>
      </c>
      <c r="LW41" s="120">
        <v>0</v>
      </c>
      <c r="LX41" s="145">
        <v>0</v>
      </c>
      <c r="LY41" s="119">
        <v>0</v>
      </c>
      <c r="LZ41" s="119">
        <v>0</v>
      </c>
      <c r="MA41" s="119">
        <v>0</v>
      </c>
      <c r="MB41" s="119">
        <v>0</v>
      </c>
      <c r="MC41" s="119">
        <v>0</v>
      </c>
      <c r="MD41" s="120">
        <v>0</v>
      </c>
      <c r="ME41" s="121">
        <v>0</v>
      </c>
      <c r="MF41" s="142">
        <v>0</v>
      </c>
      <c r="MG41" s="119">
        <v>0</v>
      </c>
      <c r="MH41" s="120">
        <v>0</v>
      </c>
      <c r="MI41" s="145">
        <v>0</v>
      </c>
      <c r="MJ41" s="119">
        <v>175913</v>
      </c>
      <c r="MK41" s="119">
        <v>0</v>
      </c>
      <c r="ML41" s="119">
        <v>567254</v>
      </c>
      <c r="MM41" s="119">
        <v>839581</v>
      </c>
      <c r="MN41" s="119">
        <v>455066</v>
      </c>
      <c r="MO41" s="120">
        <v>2037814</v>
      </c>
      <c r="MP41" s="143">
        <v>2037814</v>
      </c>
      <c r="MQ41" s="142">
        <v>0</v>
      </c>
      <c r="MR41" s="119">
        <v>0</v>
      </c>
      <c r="MS41" s="120">
        <v>0</v>
      </c>
      <c r="MT41" s="145">
        <v>0</v>
      </c>
      <c r="MU41" s="119">
        <v>0</v>
      </c>
      <c r="MV41" s="119">
        <v>0</v>
      </c>
      <c r="MW41" s="119">
        <v>360906</v>
      </c>
      <c r="MX41" s="119">
        <v>0</v>
      </c>
      <c r="MY41" s="119">
        <v>455066</v>
      </c>
      <c r="MZ41" s="120">
        <v>815972</v>
      </c>
      <c r="NA41" s="143">
        <v>815972</v>
      </c>
      <c r="NB41" s="142">
        <v>0</v>
      </c>
      <c r="NC41" s="119">
        <v>0</v>
      </c>
      <c r="ND41" s="120">
        <v>0</v>
      </c>
      <c r="NE41" s="145">
        <v>0</v>
      </c>
      <c r="NF41" s="119">
        <v>175913</v>
      </c>
      <c r="NG41" s="119">
        <v>0</v>
      </c>
      <c r="NH41" s="119">
        <v>206348</v>
      </c>
      <c r="NI41" s="119">
        <v>839581</v>
      </c>
      <c r="NJ41" s="119">
        <v>0</v>
      </c>
      <c r="NK41" s="120">
        <v>1221842</v>
      </c>
      <c r="NL41" s="320">
        <v>1221842</v>
      </c>
      <c r="NM41" s="142">
        <v>0</v>
      </c>
      <c r="NN41" s="119">
        <v>0</v>
      </c>
      <c r="NO41" s="120">
        <v>0</v>
      </c>
      <c r="NP41" s="145">
        <v>0</v>
      </c>
      <c r="NQ41" s="119">
        <v>0</v>
      </c>
      <c r="NR41" s="119">
        <v>0</v>
      </c>
      <c r="NS41" s="119">
        <v>0</v>
      </c>
      <c r="NT41" s="119">
        <v>0</v>
      </c>
      <c r="NU41" s="119">
        <v>0</v>
      </c>
      <c r="NV41" s="120">
        <v>0</v>
      </c>
      <c r="NW41" s="121">
        <v>0</v>
      </c>
      <c r="NX41" s="142">
        <v>0</v>
      </c>
      <c r="NY41" s="119">
        <v>0</v>
      </c>
      <c r="NZ41" s="120">
        <v>0</v>
      </c>
      <c r="OA41" s="145">
        <v>0</v>
      </c>
      <c r="OB41" s="119">
        <v>0</v>
      </c>
      <c r="OC41" s="119">
        <v>0</v>
      </c>
      <c r="OD41" s="119">
        <v>0</v>
      </c>
      <c r="OE41" s="119">
        <v>0</v>
      </c>
      <c r="OF41" s="119">
        <v>0</v>
      </c>
      <c r="OG41" s="120">
        <v>0</v>
      </c>
      <c r="OH41" s="121">
        <v>0</v>
      </c>
      <c r="OI41" s="142">
        <v>0</v>
      </c>
      <c r="OJ41" s="119">
        <v>26243</v>
      </c>
      <c r="OK41" s="141">
        <v>26243</v>
      </c>
      <c r="OL41" s="118">
        <v>0</v>
      </c>
      <c r="OM41" s="119">
        <v>695648</v>
      </c>
      <c r="ON41" s="119">
        <v>557055</v>
      </c>
      <c r="OO41" s="119">
        <v>1072596</v>
      </c>
      <c r="OP41" s="119">
        <v>1864756</v>
      </c>
      <c r="OQ41" s="119">
        <v>768852</v>
      </c>
      <c r="OR41" s="120">
        <v>4958907</v>
      </c>
      <c r="OS41" s="143">
        <v>4985150</v>
      </c>
    </row>
    <row r="42" spans="2:409" ht="21" customHeight="1" thickBot="1" x14ac:dyDescent="0.25">
      <c r="B42" s="127" t="s">
        <v>37</v>
      </c>
      <c r="C42" s="117">
        <v>0</v>
      </c>
      <c r="D42" s="178">
        <v>65902</v>
      </c>
      <c r="E42" s="179">
        <v>65902</v>
      </c>
      <c r="F42" s="180">
        <v>0</v>
      </c>
      <c r="G42" s="178">
        <v>0</v>
      </c>
      <c r="H42" s="178">
        <v>0</v>
      </c>
      <c r="I42" s="178">
        <v>0</v>
      </c>
      <c r="J42" s="178">
        <v>176572</v>
      </c>
      <c r="K42" s="178">
        <v>173752</v>
      </c>
      <c r="L42" s="180">
        <v>350324</v>
      </c>
      <c r="M42" s="181">
        <v>416226</v>
      </c>
      <c r="N42" s="117">
        <v>0</v>
      </c>
      <c r="O42" s="178">
        <v>0</v>
      </c>
      <c r="P42" s="179">
        <v>0</v>
      </c>
      <c r="Q42" s="117">
        <v>0</v>
      </c>
      <c r="R42" s="178">
        <v>0</v>
      </c>
      <c r="S42" s="178">
        <v>0</v>
      </c>
      <c r="T42" s="178">
        <v>0</v>
      </c>
      <c r="U42" s="178">
        <v>8400</v>
      </c>
      <c r="V42" s="178">
        <v>117762</v>
      </c>
      <c r="W42" s="179">
        <v>126162</v>
      </c>
      <c r="X42" s="181">
        <v>126162</v>
      </c>
      <c r="Y42" s="117">
        <v>0</v>
      </c>
      <c r="Z42" s="178">
        <v>0</v>
      </c>
      <c r="AA42" s="179">
        <v>0</v>
      </c>
      <c r="AB42" s="117">
        <v>0</v>
      </c>
      <c r="AC42" s="178">
        <v>0</v>
      </c>
      <c r="AD42" s="178">
        <v>0</v>
      </c>
      <c r="AE42" s="178">
        <v>0</v>
      </c>
      <c r="AF42" s="178">
        <v>0</v>
      </c>
      <c r="AG42" s="178">
        <v>77078</v>
      </c>
      <c r="AH42" s="179">
        <v>77078</v>
      </c>
      <c r="AI42" s="181">
        <v>77078</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29274</v>
      </c>
      <c r="BD42" s="179">
        <v>29274</v>
      </c>
      <c r="BE42" s="181">
        <v>29274</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8400</v>
      </c>
      <c r="BY42" s="178">
        <v>11410</v>
      </c>
      <c r="BZ42" s="179">
        <v>19810</v>
      </c>
      <c r="CA42" s="181">
        <v>19810</v>
      </c>
      <c r="CB42" s="117">
        <v>0</v>
      </c>
      <c r="CC42" s="178">
        <v>65902</v>
      </c>
      <c r="CD42" s="179">
        <v>65902</v>
      </c>
      <c r="CE42" s="117">
        <v>0</v>
      </c>
      <c r="CF42" s="178">
        <v>0</v>
      </c>
      <c r="CG42" s="178">
        <v>0</v>
      </c>
      <c r="CH42" s="178">
        <v>0</v>
      </c>
      <c r="CI42" s="178">
        <v>0</v>
      </c>
      <c r="CJ42" s="178">
        <v>0</v>
      </c>
      <c r="CK42" s="179">
        <v>0</v>
      </c>
      <c r="CL42" s="181">
        <v>65902</v>
      </c>
      <c r="CM42" s="117">
        <v>0</v>
      </c>
      <c r="CN42" s="178">
        <v>0</v>
      </c>
      <c r="CO42" s="179">
        <v>0</v>
      </c>
      <c r="CP42" s="182">
        <v>0</v>
      </c>
      <c r="CQ42" s="178">
        <v>0</v>
      </c>
      <c r="CR42" s="178">
        <v>0</v>
      </c>
      <c r="CS42" s="178">
        <v>0</v>
      </c>
      <c r="CT42" s="178">
        <v>0</v>
      </c>
      <c r="CU42" s="178">
        <v>0</v>
      </c>
      <c r="CV42" s="179">
        <v>0</v>
      </c>
      <c r="CW42" s="181">
        <v>0</v>
      </c>
      <c r="CX42" s="117">
        <v>0</v>
      </c>
      <c r="CY42" s="178">
        <v>65902</v>
      </c>
      <c r="CZ42" s="179">
        <v>65902</v>
      </c>
      <c r="DA42" s="117">
        <v>0</v>
      </c>
      <c r="DB42" s="178">
        <v>0</v>
      </c>
      <c r="DC42" s="178">
        <v>0</v>
      </c>
      <c r="DD42" s="178">
        <v>0</v>
      </c>
      <c r="DE42" s="178">
        <v>0</v>
      </c>
      <c r="DF42" s="178">
        <v>0</v>
      </c>
      <c r="DG42" s="179">
        <v>0</v>
      </c>
      <c r="DH42" s="181">
        <v>65902</v>
      </c>
      <c r="DI42" s="117">
        <v>0</v>
      </c>
      <c r="DJ42" s="178">
        <v>0</v>
      </c>
      <c r="DK42" s="183">
        <v>0</v>
      </c>
      <c r="DL42" s="182">
        <v>0</v>
      </c>
      <c r="DM42" s="178">
        <v>0</v>
      </c>
      <c r="DN42" s="178">
        <v>0</v>
      </c>
      <c r="DO42" s="178">
        <v>0</v>
      </c>
      <c r="DP42" s="178">
        <v>0</v>
      </c>
      <c r="DQ42" s="178">
        <v>21130</v>
      </c>
      <c r="DR42" s="179">
        <v>21130</v>
      </c>
      <c r="DS42" s="181">
        <v>2113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21130</v>
      </c>
      <c r="EN42" s="183">
        <v>21130</v>
      </c>
      <c r="EO42" s="181">
        <v>2113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v>0</v>
      </c>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34860</v>
      </c>
      <c r="FU42" s="179">
        <v>34860</v>
      </c>
      <c r="FV42" s="181">
        <v>34860</v>
      </c>
      <c r="FW42" s="184">
        <v>0</v>
      </c>
      <c r="FX42" s="178">
        <v>0</v>
      </c>
      <c r="FY42" s="183">
        <v>0</v>
      </c>
      <c r="FZ42" s="182">
        <v>0</v>
      </c>
      <c r="GA42" s="178">
        <v>0</v>
      </c>
      <c r="GB42" s="178">
        <v>0</v>
      </c>
      <c r="GC42" s="178">
        <v>0</v>
      </c>
      <c r="GD42" s="178">
        <v>0</v>
      </c>
      <c r="GE42" s="178">
        <v>34860</v>
      </c>
      <c r="GF42" s="179">
        <v>34860</v>
      </c>
      <c r="GG42" s="319">
        <v>3486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68172</v>
      </c>
      <c r="HL42" s="178">
        <v>0</v>
      </c>
      <c r="HM42" s="179">
        <v>168172</v>
      </c>
      <c r="HN42" s="180">
        <v>168172</v>
      </c>
      <c r="HO42" s="334">
        <v>0</v>
      </c>
      <c r="HP42" s="335">
        <v>0</v>
      </c>
      <c r="HQ42" s="336">
        <v>0</v>
      </c>
      <c r="HR42" s="337">
        <v>0</v>
      </c>
      <c r="HS42" s="335">
        <v>0</v>
      </c>
      <c r="HT42" s="335">
        <v>0</v>
      </c>
      <c r="HU42" s="335">
        <v>0</v>
      </c>
      <c r="HV42" s="335">
        <v>0</v>
      </c>
      <c r="HW42" s="335">
        <v>0</v>
      </c>
      <c r="HX42" s="338">
        <v>0</v>
      </c>
      <c r="HY42" s="339">
        <v>0</v>
      </c>
      <c r="HZ42" s="151">
        <v>0</v>
      </c>
      <c r="IA42" s="152">
        <v>0</v>
      </c>
      <c r="IB42" s="153">
        <v>0</v>
      </c>
      <c r="IC42" s="154">
        <v>0</v>
      </c>
      <c r="ID42" s="155">
        <v>0</v>
      </c>
      <c r="IE42" s="156">
        <v>0</v>
      </c>
      <c r="IF42" s="157">
        <v>0</v>
      </c>
      <c r="IG42" s="155">
        <v>0</v>
      </c>
      <c r="IH42" s="157">
        <v>114383</v>
      </c>
      <c r="II42" s="158">
        <v>114383</v>
      </c>
      <c r="IJ42" s="159">
        <v>114383</v>
      </c>
      <c r="IK42" s="233">
        <v>0</v>
      </c>
      <c r="IL42" s="238">
        <v>0</v>
      </c>
      <c r="IM42" s="239">
        <v>0</v>
      </c>
      <c r="IN42" s="160">
        <v>0</v>
      </c>
      <c r="IO42" s="161">
        <v>0</v>
      </c>
      <c r="IP42" s="161">
        <v>0</v>
      </c>
      <c r="IQ42" s="161">
        <v>0</v>
      </c>
      <c r="IR42" s="161">
        <v>0</v>
      </c>
      <c r="IS42" s="161">
        <v>0</v>
      </c>
      <c r="IT42" s="162">
        <v>0</v>
      </c>
      <c r="IU42" s="321">
        <v>0</v>
      </c>
      <c r="IV42" s="163">
        <v>0</v>
      </c>
      <c r="IW42" s="161">
        <v>0</v>
      </c>
      <c r="IX42" s="165">
        <v>0</v>
      </c>
      <c r="IY42" s="168">
        <v>0</v>
      </c>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114383</v>
      </c>
      <c r="JP42" s="165">
        <v>114383</v>
      </c>
      <c r="JQ42" s="321">
        <v>114383</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v>0</v>
      </c>
      <c r="KR42" s="161">
        <v>0</v>
      </c>
      <c r="KS42" s="161">
        <v>0</v>
      </c>
      <c r="KT42" s="161">
        <v>0</v>
      </c>
      <c r="KU42" s="161">
        <v>0</v>
      </c>
      <c r="KV42" s="161">
        <v>0</v>
      </c>
      <c r="KW42" s="165">
        <v>0</v>
      </c>
      <c r="KX42" s="321">
        <v>0</v>
      </c>
      <c r="KY42" s="163">
        <v>0</v>
      </c>
      <c r="KZ42" s="161">
        <v>0</v>
      </c>
      <c r="LA42" s="165">
        <v>0</v>
      </c>
      <c r="LB42" s="169">
        <v>0</v>
      </c>
      <c r="LC42" s="161">
        <v>0</v>
      </c>
      <c r="LD42" s="161">
        <v>0</v>
      </c>
      <c r="LE42" s="161">
        <v>0</v>
      </c>
      <c r="LF42" s="161">
        <v>0</v>
      </c>
      <c r="LG42" s="161">
        <v>0</v>
      </c>
      <c r="LH42" s="165">
        <v>0</v>
      </c>
      <c r="LI42" s="166">
        <v>0</v>
      </c>
      <c r="LJ42" s="163">
        <v>0</v>
      </c>
      <c r="LK42" s="161">
        <v>0</v>
      </c>
      <c r="LL42" s="165">
        <v>0</v>
      </c>
      <c r="LM42" s="169">
        <v>0</v>
      </c>
      <c r="LN42" s="161">
        <v>0</v>
      </c>
      <c r="LO42" s="161">
        <v>0</v>
      </c>
      <c r="LP42" s="161">
        <v>0</v>
      </c>
      <c r="LQ42" s="161">
        <v>0</v>
      </c>
      <c r="LR42" s="161">
        <v>0</v>
      </c>
      <c r="LS42" s="165">
        <v>0</v>
      </c>
      <c r="LT42" s="321">
        <v>0</v>
      </c>
      <c r="LU42" s="163">
        <v>0</v>
      </c>
      <c r="LV42" s="161">
        <v>0</v>
      </c>
      <c r="LW42" s="165">
        <v>0</v>
      </c>
      <c r="LX42" s="169">
        <v>0</v>
      </c>
      <c r="LY42" s="161">
        <v>0</v>
      </c>
      <c r="LZ42" s="161">
        <v>0</v>
      </c>
      <c r="MA42" s="161">
        <v>0</v>
      </c>
      <c r="MB42" s="161">
        <v>0</v>
      </c>
      <c r="MC42" s="161">
        <v>0</v>
      </c>
      <c r="MD42" s="165">
        <v>0</v>
      </c>
      <c r="ME42" s="166">
        <v>0</v>
      </c>
      <c r="MF42" s="163">
        <v>0</v>
      </c>
      <c r="MG42" s="161">
        <v>0</v>
      </c>
      <c r="MH42" s="165">
        <v>0</v>
      </c>
      <c r="MI42" s="169">
        <v>0</v>
      </c>
      <c r="MJ42" s="161">
        <v>0</v>
      </c>
      <c r="MK42" s="161">
        <v>0</v>
      </c>
      <c r="ML42" s="161">
        <v>0</v>
      </c>
      <c r="MM42" s="161">
        <v>0</v>
      </c>
      <c r="MN42" s="161">
        <v>0</v>
      </c>
      <c r="MO42" s="165">
        <v>0</v>
      </c>
      <c r="MP42" s="167">
        <v>0</v>
      </c>
      <c r="MQ42" s="163">
        <v>0</v>
      </c>
      <c r="MR42" s="161">
        <v>0</v>
      </c>
      <c r="MS42" s="165">
        <v>0</v>
      </c>
      <c r="MT42" s="169">
        <v>0</v>
      </c>
      <c r="MU42" s="161">
        <v>0</v>
      </c>
      <c r="MV42" s="161">
        <v>0</v>
      </c>
      <c r="MW42" s="161">
        <v>0</v>
      </c>
      <c r="MX42" s="161">
        <v>0</v>
      </c>
      <c r="MY42" s="161">
        <v>0</v>
      </c>
      <c r="MZ42" s="165">
        <v>0</v>
      </c>
      <c r="NA42" s="167">
        <v>0</v>
      </c>
      <c r="NB42" s="163">
        <v>0</v>
      </c>
      <c r="NC42" s="161">
        <v>0</v>
      </c>
      <c r="ND42" s="165">
        <v>0</v>
      </c>
      <c r="NE42" s="169">
        <v>0</v>
      </c>
      <c r="NF42" s="161">
        <v>0</v>
      </c>
      <c r="NG42" s="161">
        <v>0</v>
      </c>
      <c r="NH42" s="161">
        <v>0</v>
      </c>
      <c r="NI42" s="161">
        <v>0</v>
      </c>
      <c r="NJ42" s="161">
        <v>0</v>
      </c>
      <c r="NK42" s="165">
        <v>0</v>
      </c>
      <c r="NL42" s="321">
        <v>0</v>
      </c>
      <c r="NM42" s="163">
        <v>0</v>
      </c>
      <c r="NN42" s="161">
        <v>0</v>
      </c>
      <c r="NO42" s="165">
        <v>0</v>
      </c>
      <c r="NP42" s="169">
        <v>0</v>
      </c>
      <c r="NQ42" s="161">
        <v>0</v>
      </c>
      <c r="NR42" s="161">
        <v>0</v>
      </c>
      <c r="NS42" s="161">
        <v>0</v>
      </c>
      <c r="NT42" s="161">
        <v>0</v>
      </c>
      <c r="NU42" s="161">
        <v>0</v>
      </c>
      <c r="NV42" s="165">
        <v>0</v>
      </c>
      <c r="NW42" s="166">
        <v>0</v>
      </c>
      <c r="NX42" s="163">
        <v>0</v>
      </c>
      <c r="NY42" s="161">
        <v>0</v>
      </c>
      <c r="NZ42" s="165">
        <v>0</v>
      </c>
      <c r="OA42" s="169">
        <v>0</v>
      </c>
      <c r="OB42" s="161">
        <v>0</v>
      </c>
      <c r="OC42" s="161">
        <v>0</v>
      </c>
      <c r="OD42" s="161">
        <v>0</v>
      </c>
      <c r="OE42" s="161">
        <v>0</v>
      </c>
      <c r="OF42" s="161">
        <v>0</v>
      </c>
      <c r="OG42" s="165">
        <v>0</v>
      </c>
      <c r="OH42" s="166">
        <v>0</v>
      </c>
      <c r="OI42" s="163">
        <v>0</v>
      </c>
      <c r="OJ42" s="161">
        <v>65902</v>
      </c>
      <c r="OK42" s="162">
        <v>65902</v>
      </c>
      <c r="OL42" s="164">
        <v>0</v>
      </c>
      <c r="OM42" s="161">
        <v>0</v>
      </c>
      <c r="ON42" s="161">
        <v>0</v>
      </c>
      <c r="OO42" s="161">
        <v>0</v>
      </c>
      <c r="OP42" s="161">
        <v>176572</v>
      </c>
      <c r="OQ42" s="161">
        <v>288135</v>
      </c>
      <c r="OR42" s="165">
        <v>464707</v>
      </c>
      <c r="OS42" s="167">
        <v>530609</v>
      </c>
    </row>
    <row r="43" spans="2:409" x14ac:dyDescent="0.2">
      <c r="B43" s="44" t="s">
        <v>84</v>
      </c>
    </row>
  </sheetData>
  <mergeCells count="158">
    <mergeCell ref="OH7:OH8"/>
    <mergeCell ref="OI7:OK7"/>
    <mergeCell ref="OL7:OR7"/>
    <mergeCell ref="OS7:OS8"/>
    <mergeCell ref="NL7:NL8"/>
    <mergeCell ref="NM7:NO7"/>
    <mergeCell ref="NP7:NV7"/>
    <mergeCell ref="NW7:NW8"/>
    <mergeCell ref="NX7:NZ7"/>
    <mergeCell ref="NA7:NA8"/>
    <mergeCell ref="NB7:ND7"/>
    <mergeCell ref="NE7:NK7"/>
    <mergeCell ref="LX7:MD7"/>
    <mergeCell ref="ME7:ME8"/>
    <mergeCell ref="MF7:MH7"/>
    <mergeCell ref="MI7:MO7"/>
    <mergeCell ref="MP7:MP8"/>
    <mergeCell ref="OA7:OG7"/>
    <mergeCell ref="LT7:LT8"/>
    <mergeCell ref="LU7:LW7"/>
    <mergeCell ref="KN7:KP7"/>
    <mergeCell ref="KQ7:KW7"/>
    <mergeCell ref="KX7:KX8"/>
    <mergeCell ref="KY7:LA7"/>
    <mergeCell ref="LB7:LH7"/>
    <mergeCell ref="MQ7:MS7"/>
    <mergeCell ref="MT7:MZ7"/>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HO7:HQ7"/>
    <mergeCell ref="HR7:HX7"/>
    <mergeCell ref="HY7:HY8"/>
    <mergeCell ref="GS7:GU7"/>
    <mergeCell ref="GV7:HB7"/>
    <mergeCell ref="HC7:HC8"/>
    <mergeCell ref="HD7:HF7"/>
    <mergeCell ref="HG7:HM7"/>
    <mergeCell ref="HN7:HN8"/>
    <mergeCell ref="GR7:GR8"/>
    <mergeCell ref="FA7:FC7"/>
    <mergeCell ref="FD7:FJ7"/>
    <mergeCell ref="FK7:FK8"/>
    <mergeCell ref="FL7:FN7"/>
    <mergeCell ref="FO7:FU7"/>
    <mergeCell ref="FV7:FV8"/>
    <mergeCell ref="FW7:FY7"/>
    <mergeCell ref="FZ7:GF7"/>
    <mergeCell ref="GG7:GG8"/>
    <mergeCell ref="GH7:GJ7"/>
    <mergeCell ref="GK7:GQ7"/>
    <mergeCell ref="DA7:DG7"/>
    <mergeCell ref="EZ7:EZ8"/>
    <mergeCell ref="DI7:DK7"/>
    <mergeCell ref="DL7:DR7"/>
    <mergeCell ref="DS7:DS8"/>
    <mergeCell ref="DT7:DV7"/>
    <mergeCell ref="DW7:EC7"/>
    <mergeCell ref="ED7:ED8"/>
    <mergeCell ref="EE7:EG7"/>
    <mergeCell ref="EH7:EN7"/>
    <mergeCell ref="EO7:EO8"/>
    <mergeCell ref="EP7:ER7"/>
    <mergeCell ref="ES7:EY7"/>
    <mergeCell ref="CM7:CO7"/>
    <mergeCell ref="CP7:CV7"/>
    <mergeCell ref="CW7:CW8"/>
    <mergeCell ref="CX7:CZ7"/>
    <mergeCell ref="BQ7:BS7"/>
    <mergeCell ref="BT7:BZ7"/>
    <mergeCell ref="CA7:CA8"/>
    <mergeCell ref="CB7:CD7"/>
    <mergeCell ref="CE7:CK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2.5546875" style="291" customWidth="1"/>
    <col min="2" max="2" width="9" style="291" customWidth="1"/>
    <col min="3" max="4" width="9.21875" style="291" bestFit="1" customWidth="1"/>
    <col min="5" max="5" width="10.77734375" style="291" bestFit="1" customWidth="1"/>
    <col min="6" max="6" width="7.109375" style="291" customWidth="1"/>
    <col min="7" max="11" width="10.44140625" style="291" bestFit="1" customWidth="1"/>
    <col min="12" max="13" width="11.6640625" style="291" bestFit="1" customWidth="1"/>
    <col min="14" max="16" width="9.21875" style="291" bestFit="1" customWidth="1"/>
    <col min="17" max="17" width="7.44140625" style="291" customWidth="1"/>
    <col min="18" max="18" width="9.21875" style="291" bestFit="1" customWidth="1"/>
    <col min="19" max="22" width="10.44140625" style="291" bestFit="1" customWidth="1"/>
    <col min="23" max="24" width="11.6640625" style="291" bestFit="1" customWidth="1"/>
    <col min="25" max="27" width="9.109375" style="291" bestFit="1" customWidth="1"/>
    <col min="28" max="28" width="7" style="291" customWidth="1"/>
    <col min="29" max="30" width="9.109375" style="291" bestFit="1" customWidth="1"/>
    <col min="31" max="32" width="9.6640625" style="291" bestFit="1" customWidth="1"/>
    <col min="33" max="33" width="9.109375" style="291" bestFit="1" customWidth="1"/>
    <col min="34" max="35" width="9.6640625" style="291" bestFit="1" customWidth="1"/>
    <col min="36" max="38" width="9.109375" style="291" bestFit="1" customWidth="1"/>
    <col min="39" max="39" width="7.33203125" style="291" customWidth="1"/>
    <col min="40" max="49" width="9.109375" style="291" bestFit="1" customWidth="1"/>
    <col min="50" max="50" width="7.33203125" style="291" customWidth="1"/>
    <col min="51" max="60" width="9.109375" style="291" bestFit="1" customWidth="1"/>
    <col min="61" max="61" width="7.77734375" style="291" customWidth="1"/>
    <col min="62" max="71" width="9.109375" style="291" bestFit="1" customWidth="1"/>
    <col min="72" max="72" width="7.77734375" style="291" customWidth="1"/>
    <col min="73" max="77" width="9.109375" style="291" bestFit="1" customWidth="1"/>
    <col min="78" max="79" width="9.6640625" style="291" bestFit="1" customWidth="1"/>
    <col min="80" max="82" width="9.109375" style="291" bestFit="1" customWidth="1"/>
    <col min="83" max="83" width="7.88671875" style="291" customWidth="1"/>
    <col min="84" max="93" width="9.109375" style="291" bestFit="1" customWidth="1"/>
    <col min="94" max="94" width="8" style="291" customWidth="1"/>
    <col min="95" max="104" width="9.109375" style="291" bestFit="1" customWidth="1"/>
    <col min="105" max="105" width="8" style="291" customWidth="1"/>
    <col min="106" max="115" width="9.109375" style="291" bestFit="1" customWidth="1"/>
    <col min="116" max="116" width="7.6640625" style="291" customWidth="1"/>
    <col min="117" max="117" width="9.109375" style="291" bestFit="1" customWidth="1"/>
    <col min="118" max="121" width="9.6640625" style="291" bestFit="1" customWidth="1"/>
    <col min="122" max="123" width="10.6640625" style="291" bestFit="1" customWidth="1"/>
    <col min="124" max="126" width="9.109375" style="291" bestFit="1" customWidth="1"/>
    <col min="127" max="127" width="7.44140625" style="291" customWidth="1"/>
    <col min="128" max="129" width="9.109375" style="291" bestFit="1" customWidth="1"/>
    <col min="130" max="134" width="9.6640625" style="291" bestFit="1" customWidth="1"/>
    <col min="135" max="137" width="9.109375" style="291" bestFit="1" customWidth="1"/>
    <col min="138" max="138" width="7.6640625" style="291" customWidth="1"/>
    <col min="139" max="148" width="9.109375" style="291" bestFit="1" customWidth="1"/>
    <col min="149" max="149" width="7.77734375" style="291" customWidth="1"/>
    <col min="150" max="159" width="9.109375" style="291" bestFit="1" customWidth="1"/>
    <col min="160" max="160" width="7.77734375" style="291" customWidth="1"/>
    <col min="161" max="170" width="9.109375" style="291" bestFit="1" customWidth="1"/>
    <col min="171" max="171" width="7.33203125" style="291" customWidth="1"/>
    <col min="172" max="181" width="9.109375" style="291" bestFit="1" customWidth="1"/>
    <col min="182" max="182" width="8" style="291" customWidth="1"/>
    <col min="183" max="188" width="9.109375" style="291" bestFit="1" customWidth="1"/>
    <col min="189" max="189" width="9.6640625" style="291" bestFit="1" customWidth="1"/>
    <col min="190" max="192" width="9.109375" style="291" bestFit="1" customWidth="1"/>
    <col min="193" max="193" width="7.44140625" style="291" customWidth="1"/>
    <col min="194" max="203" width="9.109375" style="291" bestFit="1" customWidth="1"/>
    <col min="204" max="204" width="7.88671875" style="291" customWidth="1"/>
    <col min="205" max="214" width="9.109375" style="291" bestFit="1" customWidth="1"/>
    <col min="215" max="215" width="7.88671875" style="291" customWidth="1"/>
    <col min="216" max="225" width="9.109375" style="291" bestFit="1" customWidth="1"/>
    <col min="226" max="226" width="7.6640625" style="291" customWidth="1"/>
    <col min="227" max="229" width="9.6640625" style="291" bestFit="1" customWidth="1"/>
    <col min="230" max="230" width="10.6640625" style="291" bestFit="1" customWidth="1"/>
    <col min="231" max="231" width="9.6640625" style="291" bestFit="1" customWidth="1"/>
    <col min="232" max="233" width="10.6640625" style="291" bestFit="1" customWidth="1"/>
    <col min="234" max="16384" width="9" style="291"/>
  </cols>
  <sheetData>
    <row r="1" spans="2:233" s="1" customFormat="1" ht="24" customHeight="1" x14ac:dyDescent="0.2">
      <c r="B1" s="20" t="s">
        <v>0</v>
      </c>
      <c r="C1" s="39"/>
      <c r="D1" s="39"/>
      <c r="E1" s="500">
        <f>第１表!F2</f>
        <v>5</v>
      </c>
      <c r="F1" s="501">
        <f>第１表!G2</f>
        <v>4</v>
      </c>
      <c r="G1" s="608">
        <f>IF(F1&lt;3,F1-2+12,F1-2)</f>
        <v>2</v>
      </c>
      <c r="H1" s="608"/>
      <c r="L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c r="EC1" s="39"/>
    </row>
    <row r="2" spans="2:233" ht="24" customHeight="1" thickBot="1" x14ac:dyDescent="0.25">
      <c r="B2" s="20" t="s">
        <v>120</v>
      </c>
    </row>
    <row r="3" spans="2:233" ht="21" customHeight="1" thickBot="1" x14ac:dyDescent="0.25">
      <c r="B3" s="753"/>
      <c r="C3" s="731" t="s">
        <v>116</v>
      </c>
      <c r="D3" s="732"/>
      <c r="E3" s="732"/>
      <c r="F3" s="732"/>
      <c r="G3" s="732"/>
      <c r="H3" s="732"/>
      <c r="I3" s="732"/>
      <c r="J3" s="732"/>
      <c r="K3" s="732"/>
      <c r="L3" s="732"/>
      <c r="M3" s="732"/>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19"/>
      <c r="CX3" s="519"/>
      <c r="CY3" s="519"/>
      <c r="CZ3" s="519"/>
      <c r="DA3" s="519"/>
      <c r="DB3" s="519"/>
      <c r="DC3" s="519"/>
      <c r="DD3" s="519"/>
      <c r="DE3" s="519"/>
      <c r="DF3" s="519"/>
      <c r="DG3" s="519"/>
      <c r="DH3" s="520"/>
      <c r="DI3" s="731" t="s">
        <v>118</v>
      </c>
      <c r="DJ3" s="732"/>
      <c r="DK3" s="732"/>
      <c r="DL3" s="732"/>
      <c r="DM3" s="732"/>
      <c r="DN3" s="732"/>
      <c r="DO3" s="732"/>
      <c r="DP3" s="732"/>
      <c r="DQ3" s="732"/>
      <c r="DR3" s="732"/>
      <c r="DS3" s="732"/>
      <c r="DT3" s="732"/>
      <c r="DU3" s="732"/>
      <c r="DV3" s="732"/>
      <c r="DW3" s="732"/>
      <c r="DX3" s="732"/>
      <c r="DY3" s="732"/>
      <c r="DZ3" s="732"/>
      <c r="EA3" s="732"/>
      <c r="EB3" s="732"/>
      <c r="EC3" s="732"/>
      <c r="ED3" s="732"/>
      <c r="EE3" s="732"/>
      <c r="EF3" s="732"/>
      <c r="EG3" s="732"/>
      <c r="EH3" s="732"/>
      <c r="EI3" s="732"/>
      <c r="EJ3" s="732"/>
      <c r="EK3" s="732"/>
      <c r="EL3" s="732"/>
      <c r="EM3" s="732"/>
      <c r="EN3" s="732"/>
      <c r="EO3" s="732"/>
      <c r="EP3" s="732"/>
      <c r="EQ3" s="732"/>
      <c r="ER3" s="732"/>
      <c r="ES3" s="732"/>
      <c r="ET3" s="732"/>
      <c r="EU3" s="732"/>
      <c r="EV3" s="732"/>
      <c r="EW3" s="732"/>
      <c r="EX3" s="732"/>
      <c r="EY3" s="732"/>
      <c r="EZ3" s="732"/>
      <c r="FA3" s="732"/>
      <c r="FB3" s="732"/>
      <c r="FC3" s="732"/>
      <c r="FD3" s="732"/>
      <c r="FE3" s="732"/>
      <c r="FF3" s="732"/>
      <c r="FG3" s="732"/>
      <c r="FH3" s="732"/>
      <c r="FI3" s="732"/>
      <c r="FJ3" s="732"/>
      <c r="FK3" s="732"/>
      <c r="FL3" s="732"/>
      <c r="FM3" s="732"/>
      <c r="FN3" s="732"/>
      <c r="FO3" s="732"/>
      <c r="FP3" s="732"/>
      <c r="FQ3" s="732"/>
      <c r="FR3" s="732"/>
      <c r="FS3" s="732"/>
      <c r="FT3" s="732"/>
      <c r="FU3" s="732"/>
      <c r="FV3" s="732"/>
      <c r="FW3" s="732"/>
      <c r="FX3" s="732"/>
      <c r="FY3" s="732"/>
      <c r="FZ3" s="732"/>
      <c r="GA3" s="732"/>
      <c r="GB3" s="732"/>
      <c r="GC3" s="732"/>
      <c r="GD3" s="732"/>
      <c r="GE3" s="732"/>
      <c r="GF3" s="732"/>
      <c r="GG3" s="732"/>
      <c r="GH3" s="732"/>
      <c r="GI3" s="732"/>
      <c r="GJ3" s="732"/>
      <c r="GK3" s="732"/>
      <c r="GL3" s="732"/>
      <c r="GM3" s="732"/>
      <c r="GN3" s="732"/>
      <c r="GO3" s="732"/>
      <c r="GP3" s="732"/>
      <c r="GQ3" s="732"/>
      <c r="GR3" s="732"/>
      <c r="GS3" s="732"/>
      <c r="GT3" s="732"/>
      <c r="GU3" s="732"/>
      <c r="GV3" s="732"/>
      <c r="GW3" s="732"/>
      <c r="GX3" s="732"/>
      <c r="GY3" s="732"/>
      <c r="GZ3" s="732"/>
      <c r="HA3" s="732"/>
      <c r="HB3" s="732"/>
      <c r="HC3" s="732"/>
      <c r="HD3" s="732"/>
      <c r="HE3" s="732"/>
      <c r="HF3" s="732"/>
      <c r="HG3" s="732"/>
      <c r="HH3" s="732"/>
      <c r="HI3" s="732"/>
      <c r="HJ3" s="732"/>
      <c r="HK3" s="732"/>
      <c r="HL3" s="732"/>
      <c r="HM3" s="732"/>
      <c r="HN3" s="733"/>
      <c r="HO3" s="738" t="s">
        <v>60</v>
      </c>
      <c r="HP3" s="739"/>
      <c r="HQ3" s="739"/>
      <c r="HR3" s="739"/>
      <c r="HS3" s="739"/>
      <c r="HT3" s="739"/>
      <c r="HU3" s="739"/>
      <c r="HV3" s="739"/>
      <c r="HW3" s="739"/>
      <c r="HX3" s="739"/>
      <c r="HY3" s="740"/>
    </row>
    <row r="4" spans="2:233" ht="21" customHeight="1" thickBot="1" x14ac:dyDescent="0.25">
      <c r="B4" s="754"/>
      <c r="C4" s="734"/>
      <c r="D4" s="735"/>
      <c r="E4" s="735"/>
      <c r="F4" s="735"/>
      <c r="G4" s="735"/>
      <c r="H4" s="735"/>
      <c r="I4" s="735"/>
      <c r="J4" s="735"/>
      <c r="K4" s="735"/>
      <c r="L4" s="735"/>
      <c r="M4" s="737"/>
      <c r="N4" s="728" t="s">
        <v>57</v>
      </c>
      <c r="O4" s="729"/>
      <c r="P4" s="729"/>
      <c r="Q4" s="729"/>
      <c r="R4" s="729"/>
      <c r="S4" s="729"/>
      <c r="T4" s="729"/>
      <c r="U4" s="729"/>
      <c r="V4" s="729"/>
      <c r="W4" s="729"/>
      <c r="X4" s="730"/>
      <c r="Y4" s="728" t="s">
        <v>58</v>
      </c>
      <c r="Z4" s="729"/>
      <c r="AA4" s="729"/>
      <c r="AB4" s="729"/>
      <c r="AC4" s="729"/>
      <c r="AD4" s="729"/>
      <c r="AE4" s="729"/>
      <c r="AF4" s="729"/>
      <c r="AG4" s="729"/>
      <c r="AH4" s="729"/>
      <c r="AI4" s="730"/>
      <c r="AJ4" s="728" t="s">
        <v>59</v>
      </c>
      <c r="AK4" s="729"/>
      <c r="AL4" s="729"/>
      <c r="AM4" s="729"/>
      <c r="AN4" s="729"/>
      <c r="AO4" s="729"/>
      <c r="AP4" s="729"/>
      <c r="AQ4" s="729"/>
      <c r="AR4" s="729"/>
      <c r="AS4" s="729"/>
      <c r="AT4" s="730"/>
      <c r="AU4" s="728" t="s">
        <v>151</v>
      </c>
      <c r="AV4" s="729"/>
      <c r="AW4" s="729"/>
      <c r="AX4" s="729"/>
      <c r="AY4" s="729"/>
      <c r="AZ4" s="729"/>
      <c r="BA4" s="729"/>
      <c r="BB4" s="729"/>
      <c r="BC4" s="729"/>
      <c r="BD4" s="729"/>
      <c r="BE4" s="730"/>
      <c r="BF4" s="728" t="s">
        <v>117</v>
      </c>
      <c r="BG4" s="729"/>
      <c r="BH4" s="729"/>
      <c r="BI4" s="729"/>
      <c r="BJ4" s="729"/>
      <c r="BK4" s="729"/>
      <c r="BL4" s="729"/>
      <c r="BM4" s="729"/>
      <c r="BN4" s="729"/>
      <c r="BO4" s="729"/>
      <c r="BP4" s="730"/>
      <c r="BQ4" s="728" t="s">
        <v>77</v>
      </c>
      <c r="BR4" s="729"/>
      <c r="BS4" s="729"/>
      <c r="BT4" s="729"/>
      <c r="BU4" s="729"/>
      <c r="BV4" s="729"/>
      <c r="BW4" s="729"/>
      <c r="BX4" s="729"/>
      <c r="BY4" s="729"/>
      <c r="BZ4" s="729"/>
      <c r="CA4" s="730"/>
      <c r="CB4" s="728" t="s">
        <v>78</v>
      </c>
      <c r="CC4" s="729"/>
      <c r="CD4" s="729"/>
      <c r="CE4" s="729"/>
      <c r="CF4" s="729"/>
      <c r="CG4" s="729"/>
      <c r="CH4" s="729"/>
      <c r="CI4" s="729"/>
      <c r="CJ4" s="729"/>
      <c r="CK4" s="729"/>
      <c r="CL4" s="730"/>
      <c r="CM4" s="728" t="s">
        <v>79</v>
      </c>
      <c r="CN4" s="729"/>
      <c r="CO4" s="729"/>
      <c r="CP4" s="729"/>
      <c r="CQ4" s="729"/>
      <c r="CR4" s="729"/>
      <c r="CS4" s="729"/>
      <c r="CT4" s="729"/>
      <c r="CU4" s="729"/>
      <c r="CV4" s="729"/>
      <c r="CW4" s="730"/>
      <c r="CX4" s="728" t="s">
        <v>152</v>
      </c>
      <c r="CY4" s="729"/>
      <c r="CZ4" s="729"/>
      <c r="DA4" s="729"/>
      <c r="DB4" s="729"/>
      <c r="DC4" s="729"/>
      <c r="DD4" s="729"/>
      <c r="DE4" s="729"/>
      <c r="DF4" s="729"/>
      <c r="DG4" s="729"/>
      <c r="DH4" s="730"/>
      <c r="DI4" s="734"/>
      <c r="DJ4" s="735"/>
      <c r="DK4" s="735"/>
      <c r="DL4" s="735"/>
      <c r="DM4" s="735"/>
      <c r="DN4" s="735"/>
      <c r="DO4" s="735"/>
      <c r="DP4" s="735"/>
      <c r="DQ4" s="735"/>
      <c r="DR4" s="735"/>
      <c r="DS4" s="736"/>
      <c r="DT4" s="728" t="s">
        <v>57</v>
      </c>
      <c r="DU4" s="729"/>
      <c r="DV4" s="729"/>
      <c r="DW4" s="729"/>
      <c r="DX4" s="729"/>
      <c r="DY4" s="729"/>
      <c r="DZ4" s="729"/>
      <c r="EA4" s="729"/>
      <c r="EB4" s="729"/>
      <c r="EC4" s="729"/>
      <c r="ED4" s="730"/>
      <c r="EE4" s="728" t="s">
        <v>58</v>
      </c>
      <c r="EF4" s="729"/>
      <c r="EG4" s="729"/>
      <c r="EH4" s="729"/>
      <c r="EI4" s="729"/>
      <c r="EJ4" s="729"/>
      <c r="EK4" s="729"/>
      <c r="EL4" s="729"/>
      <c r="EM4" s="729"/>
      <c r="EN4" s="729"/>
      <c r="EO4" s="730"/>
      <c r="EP4" s="728" t="s">
        <v>59</v>
      </c>
      <c r="EQ4" s="729"/>
      <c r="ER4" s="729"/>
      <c r="ES4" s="729"/>
      <c r="ET4" s="729"/>
      <c r="EU4" s="729"/>
      <c r="EV4" s="729"/>
      <c r="EW4" s="729"/>
      <c r="EX4" s="729"/>
      <c r="EY4" s="729"/>
      <c r="EZ4" s="730"/>
      <c r="FA4" s="728" t="s">
        <v>151</v>
      </c>
      <c r="FB4" s="729"/>
      <c r="FC4" s="729"/>
      <c r="FD4" s="729"/>
      <c r="FE4" s="729"/>
      <c r="FF4" s="729"/>
      <c r="FG4" s="729"/>
      <c r="FH4" s="729"/>
      <c r="FI4" s="729"/>
      <c r="FJ4" s="729"/>
      <c r="FK4" s="730"/>
      <c r="FL4" s="728" t="s">
        <v>117</v>
      </c>
      <c r="FM4" s="729"/>
      <c r="FN4" s="729"/>
      <c r="FO4" s="729"/>
      <c r="FP4" s="729"/>
      <c r="FQ4" s="729"/>
      <c r="FR4" s="729"/>
      <c r="FS4" s="729"/>
      <c r="FT4" s="729"/>
      <c r="FU4" s="729"/>
      <c r="FV4" s="730"/>
      <c r="FW4" s="728" t="s">
        <v>77</v>
      </c>
      <c r="FX4" s="729"/>
      <c r="FY4" s="729"/>
      <c r="FZ4" s="729"/>
      <c r="GA4" s="729"/>
      <c r="GB4" s="729"/>
      <c r="GC4" s="729"/>
      <c r="GD4" s="729"/>
      <c r="GE4" s="729"/>
      <c r="GF4" s="729"/>
      <c r="GG4" s="730"/>
      <c r="GH4" s="728" t="s">
        <v>78</v>
      </c>
      <c r="GI4" s="729"/>
      <c r="GJ4" s="729"/>
      <c r="GK4" s="729"/>
      <c r="GL4" s="729"/>
      <c r="GM4" s="729"/>
      <c r="GN4" s="729"/>
      <c r="GO4" s="729"/>
      <c r="GP4" s="729"/>
      <c r="GQ4" s="729"/>
      <c r="GR4" s="730"/>
      <c r="GS4" s="728" t="s">
        <v>79</v>
      </c>
      <c r="GT4" s="729"/>
      <c r="GU4" s="729"/>
      <c r="GV4" s="729"/>
      <c r="GW4" s="729"/>
      <c r="GX4" s="729"/>
      <c r="GY4" s="729"/>
      <c r="GZ4" s="729"/>
      <c r="HA4" s="729"/>
      <c r="HB4" s="729"/>
      <c r="HC4" s="730"/>
      <c r="HD4" s="728" t="s">
        <v>152</v>
      </c>
      <c r="HE4" s="729"/>
      <c r="HF4" s="729"/>
      <c r="HG4" s="729"/>
      <c r="HH4" s="729"/>
      <c r="HI4" s="729"/>
      <c r="HJ4" s="729"/>
      <c r="HK4" s="729"/>
      <c r="HL4" s="729"/>
      <c r="HM4" s="729"/>
      <c r="HN4" s="730"/>
      <c r="HO4" s="741"/>
      <c r="HP4" s="742"/>
      <c r="HQ4" s="742"/>
      <c r="HR4" s="742"/>
      <c r="HS4" s="742"/>
      <c r="HT4" s="742"/>
      <c r="HU4" s="742"/>
      <c r="HV4" s="742"/>
      <c r="HW4" s="742"/>
      <c r="HX4" s="742"/>
      <c r="HY4" s="743"/>
    </row>
    <row r="5" spans="2:233" ht="21" customHeight="1" x14ac:dyDescent="0.2">
      <c r="B5" s="754"/>
      <c r="C5" s="744" t="s">
        <v>61</v>
      </c>
      <c r="D5" s="745"/>
      <c r="E5" s="746"/>
      <c r="F5" s="747" t="s">
        <v>62</v>
      </c>
      <c r="G5" s="745"/>
      <c r="H5" s="745"/>
      <c r="I5" s="745"/>
      <c r="J5" s="745"/>
      <c r="K5" s="745"/>
      <c r="L5" s="748"/>
      <c r="M5" s="749" t="s">
        <v>52</v>
      </c>
      <c r="N5" s="734" t="s">
        <v>61</v>
      </c>
      <c r="O5" s="735"/>
      <c r="P5" s="736"/>
      <c r="Q5" s="751" t="s">
        <v>62</v>
      </c>
      <c r="R5" s="735"/>
      <c r="S5" s="735"/>
      <c r="T5" s="735"/>
      <c r="U5" s="735"/>
      <c r="V5" s="735"/>
      <c r="W5" s="752"/>
      <c r="X5" s="669" t="s">
        <v>52</v>
      </c>
      <c r="Y5" s="734" t="s">
        <v>61</v>
      </c>
      <c r="Z5" s="735"/>
      <c r="AA5" s="736"/>
      <c r="AB5" s="751" t="s">
        <v>62</v>
      </c>
      <c r="AC5" s="735"/>
      <c r="AD5" s="735"/>
      <c r="AE5" s="735"/>
      <c r="AF5" s="735"/>
      <c r="AG5" s="735"/>
      <c r="AH5" s="752"/>
      <c r="AI5" s="669" t="s">
        <v>52</v>
      </c>
      <c r="AJ5" s="734" t="s">
        <v>61</v>
      </c>
      <c r="AK5" s="735"/>
      <c r="AL5" s="736"/>
      <c r="AM5" s="751" t="s">
        <v>62</v>
      </c>
      <c r="AN5" s="735"/>
      <c r="AO5" s="735"/>
      <c r="AP5" s="735"/>
      <c r="AQ5" s="735"/>
      <c r="AR5" s="735"/>
      <c r="AS5" s="752"/>
      <c r="AT5" s="669" t="s">
        <v>52</v>
      </c>
      <c r="AU5" s="734" t="s">
        <v>61</v>
      </c>
      <c r="AV5" s="735"/>
      <c r="AW5" s="736"/>
      <c r="AX5" s="751" t="s">
        <v>62</v>
      </c>
      <c r="AY5" s="735"/>
      <c r="AZ5" s="735"/>
      <c r="BA5" s="735"/>
      <c r="BB5" s="735"/>
      <c r="BC5" s="735"/>
      <c r="BD5" s="752"/>
      <c r="BE5" s="669" t="s">
        <v>52</v>
      </c>
      <c r="BF5" s="734" t="s">
        <v>61</v>
      </c>
      <c r="BG5" s="735"/>
      <c r="BH5" s="736"/>
      <c r="BI5" s="751" t="s">
        <v>62</v>
      </c>
      <c r="BJ5" s="735"/>
      <c r="BK5" s="735"/>
      <c r="BL5" s="735"/>
      <c r="BM5" s="735"/>
      <c r="BN5" s="735"/>
      <c r="BO5" s="752"/>
      <c r="BP5" s="669" t="s">
        <v>52</v>
      </c>
      <c r="BQ5" s="734" t="s">
        <v>61</v>
      </c>
      <c r="BR5" s="735"/>
      <c r="BS5" s="736"/>
      <c r="BT5" s="751" t="s">
        <v>62</v>
      </c>
      <c r="BU5" s="735"/>
      <c r="BV5" s="735"/>
      <c r="BW5" s="735"/>
      <c r="BX5" s="735"/>
      <c r="BY5" s="735"/>
      <c r="BZ5" s="752"/>
      <c r="CA5" s="669" t="s">
        <v>52</v>
      </c>
      <c r="CB5" s="734" t="s">
        <v>61</v>
      </c>
      <c r="CC5" s="735"/>
      <c r="CD5" s="736"/>
      <c r="CE5" s="751" t="s">
        <v>62</v>
      </c>
      <c r="CF5" s="735"/>
      <c r="CG5" s="735"/>
      <c r="CH5" s="735"/>
      <c r="CI5" s="735"/>
      <c r="CJ5" s="735"/>
      <c r="CK5" s="752"/>
      <c r="CL5" s="669" t="s">
        <v>52</v>
      </c>
      <c r="CM5" s="734" t="s">
        <v>61</v>
      </c>
      <c r="CN5" s="735"/>
      <c r="CO5" s="736"/>
      <c r="CP5" s="751" t="s">
        <v>62</v>
      </c>
      <c r="CQ5" s="735"/>
      <c r="CR5" s="735"/>
      <c r="CS5" s="735"/>
      <c r="CT5" s="735"/>
      <c r="CU5" s="735"/>
      <c r="CV5" s="752"/>
      <c r="CW5" s="669" t="s">
        <v>52</v>
      </c>
      <c r="CX5" s="734" t="s">
        <v>61</v>
      </c>
      <c r="CY5" s="735"/>
      <c r="CZ5" s="736"/>
      <c r="DA5" s="751" t="s">
        <v>62</v>
      </c>
      <c r="DB5" s="735"/>
      <c r="DC5" s="735"/>
      <c r="DD5" s="735"/>
      <c r="DE5" s="735"/>
      <c r="DF5" s="735"/>
      <c r="DG5" s="752"/>
      <c r="DH5" s="669" t="s">
        <v>52</v>
      </c>
      <c r="DI5" s="744" t="s">
        <v>61</v>
      </c>
      <c r="DJ5" s="745"/>
      <c r="DK5" s="746"/>
      <c r="DL5" s="747" t="s">
        <v>62</v>
      </c>
      <c r="DM5" s="745"/>
      <c r="DN5" s="745"/>
      <c r="DO5" s="745"/>
      <c r="DP5" s="745"/>
      <c r="DQ5" s="745"/>
      <c r="DR5" s="748"/>
      <c r="DS5" s="756" t="s">
        <v>52</v>
      </c>
      <c r="DT5" s="734" t="s">
        <v>61</v>
      </c>
      <c r="DU5" s="735"/>
      <c r="DV5" s="736"/>
      <c r="DW5" s="751" t="s">
        <v>62</v>
      </c>
      <c r="DX5" s="735"/>
      <c r="DY5" s="735"/>
      <c r="DZ5" s="735"/>
      <c r="EA5" s="735"/>
      <c r="EB5" s="735"/>
      <c r="EC5" s="752"/>
      <c r="ED5" s="669" t="s">
        <v>52</v>
      </c>
      <c r="EE5" s="734" t="s">
        <v>61</v>
      </c>
      <c r="EF5" s="735"/>
      <c r="EG5" s="736"/>
      <c r="EH5" s="751" t="s">
        <v>62</v>
      </c>
      <c r="EI5" s="735"/>
      <c r="EJ5" s="735"/>
      <c r="EK5" s="735"/>
      <c r="EL5" s="735"/>
      <c r="EM5" s="735"/>
      <c r="EN5" s="752"/>
      <c r="EO5" s="669" t="s">
        <v>52</v>
      </c>
      <c r="EP5" s="734" t="s">
        <v>61</v>
      </c>
      <c r="EQ5" s="735"/>
      <c r="ER5" s="736"/>
      <c r="ES5" s="751" t="s">
        <v>62</v>
      </c>
      <c r="ET5" s="735"/>
      <c r="EU5" s="735"/>
      <c r="EV5" s="735"/>
      <c r="EW5" s="735"/>
      <c r="EX5" s="735"/>
      <c r="EY5" s="752"/>
      <c r="EZ5" s="669" t="s">
        <v>52</v>
      </c>
      <c r="FA5" s="734" t="s">
        <v>61</v>
      </c>
      <c r="FB5" s="735"/>
      <c r="FC5" s="736"/>
      <c r="FD5" s="751" t="s">
        <v>62</v>
      </c>
      <c r="FE5" s="735"/>
      <c r="FF5" s="735"/>
      <c r="FG5" s="735"/>
      <c r="FH5" s="735"/>
      <c r="FI5" s="735"/>
      <c r="FJ5" s="752"/>
      <c r="FK5" s="669" t="s">
        <v>52</v>
      </c>
      <c r="FL5" s="734" t="s">
        <v>61</v>
      </c>
      <c r="FM5" s="735"/>
      <c r="FN5" s="736"/>
      <c r="FO5" s="751" t="s">
        <v>62</v>
      </c>
      <c r="FP5" s="735"/>
      <c r="FQ5" s="735"/>
      <c r="FR5" s="735"/>
      <c r="FS5" s="735"/>
      <c r="FT5" s="735"/>
      <c r="FU5" s="752"/>
      <c r="FV5" s="669" t="s">
        <v>52</v>
      </c>
      <c r="FW5" s="734" t="s">
        <v>61</v>
      </c>
      <c r="FX5" s="735"/>
      <c r="FY5" s="736"/>
      <c r="FZ5" s="751" t="s">
        <v>62</v>
      </c>
      <c r="GA5" s="735"/>
      <c r="GB5" s="735"/>
      <c r="GC5" s="735"/>
      <c r="GD5" s="735"/>
      <c r="GE5" s="735"/>
      <c r="GF5" s="752"/>
      <c r="GG5" s="669" t="s">
        <v>52</v>
      </c>
      <c r="GH5" s="734" t="s">
        <v>61</v>
      </c>
      <c r="GI5" s="735"/>
      <c r="GJ5" s="736"/>
      <c r="GK5" s="751" t="s">
        <v>62</v>
      </c>
      <c r="GL5" s="735"/>
      <c r="GM5" s="735"/>
      <c r="GN5" s="735"/>
      <c r="GO5" s="735"/>
      <c r="GP5" s="735"/>
      <c r="GQ5" s="752"/>
      <c r="GR5" s="669" t="s">
        <v>52</v>
      </c>
      <c r="GS5" s="734" t="s">
        <v>61</v>
      </c>
      <c r="GT5" s="735"/>
      <c r="GU5" s="736"/>
      <c r="GV5" s="751" t="s">
        <v>62</v>
      </c>
      <c r="GW5" s="735"/>
      <c r="GX5" s="735"/>
      <c r="GY5" s="735"/>
      <c r="GZ5" s="735"/>
      <c r="HA5" s="735"/>
      <c r="HB5" s="752"/>
      <c r="HC5" s="669" t="s">
        <v>52</v>
      </c>
      <c r="HD5" s="734" t="s">
        <v>61</v>
      </c>
      <c r="HE5" s="735"/>
      <c r="HF5" s="736"/>
      <c r="HG5" s="751" t="s">
        <v>62</v>
      </c>
      <c r="HH5" s="735"/>
      <c r="HI5" s="735"/>
      <c r="HJ5" s="735"/>
      <c r="HK5" s="735"/>
      <c r="HL5" s="735"/>
      <c r="HM5" s="752"/>
      <c r="HN5" s="669" t="s">
        <v>52</v>
      </c>
      <c r="HO5" s="734" t="s">
        <v>61</v>
      </c>
      <c r="HP5" s="735"/>
      <c r="HQ5" s="736"/>
      <c r="HR5" s="751" t="s">
        <v>62</v>
      </c>
      <c r="HS5" s="735"/>
      <c r="HT5" s="735"/>
      <c r="HU5" s="735"/>
      <c r="HV5" s="735"/>
      <c r="HW5" s="735"/>
      <c r="HX5" s="752"/>
      <c r="HY5" s="669" t="s">
        <v>52</v>
      </c>
    </row>
    <row r="6" spans="2:233" ht="30" customHeight="1" thickBot="1" x14ac:dyDescent="0.25">
      <c r="B6" s="755"/>
      <c r="C6" s="371" t="s">
        <v>119</v>
      </c>
      <c r="D6" s="372" t="s">
        <v>44</v>
      </c>
      <c r="E6" s="379" t="s">
        <v>45</v>
      </c>
      <c r="F6" s="380" t="s">
        <v>83</v>
      </c>
      <c r="G6" s="372" t="s">
        <v>47</v>
      </c>
      <c r="H6" s="372" t="s">
        <v>48</v>
      </c>
      <c r="I6" s="372" t="s">
        <v>49</v>
      </c>
      <c r="J6" s="372" t="s">
        <v>50</v>
      </c>
      <c r="K6" s="372" t="s">
        <v>51</v>
      </c>
      <c r="L6" s="381" t="s">
        <v>45</v>
      </c>
      <c r="M6" s="750"/>
      <c r="N6" s="371" t="s">
        <v>119</v>
      </c>
      <c r="O6" s="372" t="s">
        <v>44</v>
      </c>
      <c r="P6" s="379" t="s">
        <v>45</v>
      </c>
      <c r="Q6" s="380" t="s">
        <v>83</v>
      </c>
      <c r="R6" s="372" t="s">
        <v>47</v>
      </c>
      <c r="S6" s="372" t="s">
        <v>48</v>
      </c>
      <c r="T6" s="372" t="s">
        <v>49</v>
      </c>
      <c r="U6" s="372" t="s">
        <v>50</v>
      </c>
      <c r="V6" s="372" t="s">
        <v>51</v>
      </c>
      <c r="W6" s="381" t="s">
        <v>45</v>
      </c>
      <c r="X6" s="750"/>
      <c r="Y6" s="371" t="s">
        <v>119</v>
      </c>
      <c r="Z6" s="372" t="s">
        <v>44</v>
      </c>
      <c r="AA6" s="379" t="s">
        <v>45</v>
      </c>
      <c r="AB6" s="380" t="s">
        <v>83</v>
      </c>
      <c r="AC6" s="372" t="s">
        <v>47</v>
      </c>
      <c r="AD6" s="372" t="s">
        <v>48</v>
      </c>
      <c r="AE6" s="372" t="s">
        <v>49</v>
      </c>
      <c r="AF6" s="372" t="s">
        <v>50</v>
      </c>
      <c r="AG6" s="372" t="s">
        <v>51</v>
      </c>
      <c r="AH6" s="381" t="s">
        <v>45</v>
      </c>
      <c r="AI6" s="750"/>
      <c r="AJ6" s="371" t="s">
        <v>119</v>
      </c>
      <c r="AK6" s="372" t="s">
        <v>44</v>
      </c>
      <c r="AL6" s="379" t="s">
        <v>45</v>
      </c>
      <c r="AM6" s="380" t="s">
        <v>83</v>
      </c>
      <c r="AN6" s="372" t="s">
        <v>47</v>
      </c>
      <c r="AO6" s="372" t="s">
        <v>48</v>
      </c>
      <c r="AP6" s="372" t="s">
        <v>49</v>
      </c>
      <c r="AQ6" s="372" t="s">
        <v>50</v>
      </c>
      <c r="AR6" s="372" t="s">
        <v>51</v>
      </c>
      <c r="AS6" s="381" t="s">
        <v>45</v>
      </c>
      <c r="AT6" s="750"/>
      <c r="AU6" s="371" t="s">
        <v>119</v>
      </c>
      <c r="AV6" s="372" t="s">
        <v>44</v>
      </c>
      <c r="AW6" s="379" t="s">
        <v>45</v>
      </c>
      <c r="AX6" s="380" t="s">
        <v>83</v>
      </c>
      <c r="AY6" s="372" t="s">
        <v>47</v>
      </c>
      <c r="AZ6" s="372" t="s">
        <v>48</v>
      </c>
      <c r="BA6" s="372" t="s">
        <v>49</v>
      </c>
      <c r="BB6" s="372" t="s">
        <v>50</v>
      </c>
      <c r="BC6" s="372" t="s">
        <v>51</v>
      </c>
      <c r="BD6" s="381" t="s">
        <v>45</v>
      </c>
      <c r="BE6" s="750"/>
      <c r="BF6" s="371" t="s">
        <v>119</v>
      </c>
      <c r="BG6" s="372" t="s">
        <v>44</v>
      </c>
      <c r="BH6" s="379" t="s">
        <v>45</v>
      </c>
      <c r="BI6" s="380" t="s">
        <v>83</v>
      </c>
      <c r="BJ6" s="372" t="s">
        <v>47</v>
      </c>
      <c r="BK6" s="372" t="s">
        <v>48</v>
      </c>
      <c r="BL6" s="372" t="s">
        <v>49</v>
      </c>
      <c r="BM6" s="372" t="s">
        <v>50</v>
      </c>
      <c r="BN6" s="372" t="s">
        <v>51</v>
      </c>
      <c r="BO6" s="381" t="s">
        <v>45</v>
      </c>
      <c r="BP6" s="750"/>
      <c r="BQ6" s="371" t="s">
        <v>119</v>
      </c>
      <c r="BR6" s="372" t="s">
        <v>44</v>
      </c>
      <c r="BS6" s="379" t="s">
        <v>45</v>
      </c>
      <c r="BT6" s="380" t="s">
        <v>83</v>
      </c>
      <c r="BU6" s="372" t="s">
        <v>47</v>
      </c>
      <c r="BV6" s="372" t="s">
        <v>48</v>
      </c>
      <c r="BW6" s="372" t="s">
        <v>49</v>
      </c>
      <c r="BX6" s="372" t="s">
        <v>50</v>
      </c>
      <c r="BY6" s="372" t="s">
        <v>51</v>
      </c>
      <c r="BZ6" s="381" t="s">
        <v>45</v>
      </c>
      <c r="CA6" s="750"/>
      <c r="CB6" s="371" t="s">
        <v>119</v>
      </c>
      <c r="CC6" s="372" t="s">
        <v>44</v>
      </c>
      <c r="CD6" s="379" t="s">
        <v>45</v>
      </c>
      <c r="CE6" s="380" t="s">
        <v>83</v>
      </c>
      <c r="CF6" s="372" t="s">
        <v>47</v>
      </c>
      <c r="CG6" s="372" t="s">
        <v>48</v>
      </c>
      <c r="CH6" s="372" t="s">
        <v>49</v>
      </c>
      <c r="CI6" s="372" t="s">
        <v>50</v>
      </c>
      <c r="CJ6" s="372" t="s">
        <v>51</v>
      </c>
      <c r="CK6" s="381" t="s">
        <v>45</v>
      </c>
      <c r="CL6" s="750"/>
      <c r="CM6" s="371" t="s">
        <v>119</v>
      </c>
      <c r="CN6" s="372" t="s">
        <v>44</v>
      </c>
      <c r="CO6" s="379" t="s">
        <v>45</v>
      </c>
      <c r="CP6" s="380" t="s">
        <v>83</v>
      </c>
      <c r="CQ6" s="372" t="s">
        <v>47</v>
      </c>
      <c r="CR6" s="372" t="s">
        <v>48</v>
      </c>
      <c r="CS6" s="372" t="s">
        <v>49</v>
      </c>
      <c r="CT6" s="372" t="s">
        <v>50</v>
      </c>
      <c r="CU6" s="372" t="s">
        <v>51</v>
      </c>
      <c r="CV6" s="381" t="s">
        <v>45</v>
      </c>
      <c r="CW6" s="750"/>
      <c r="CX6" s="371" t="s">
        <v>119</v>
      </c>
      <c r="CY6" s="372" t="s">
        <v>44</v>
      </c>
      <c r="CZ6" s="379" t="s">
        <v>45</v>
      </c>
      <c r="DA6" s="380" t="s">
        <v>83</v>
      </c>
      <c r="DB6" s="372" t="s">
        <v>47</v>
      </c>
      <c r="DC6" s="372" t="s">
        <v>48</v>
      </c>
      <c r="DD6" s="372" t="s">
        <v>49</v>
      </c>
      <c r="DE6" s="372" t="s">
        <v>50</v>
      </c>
      <c r="DF6" s="372" t="s">
        <v>51</v>
      </c>
      <c r="DG6" s="381" t="s">
        <v>45</v>
      </c>
      <c r="DH6" s="750"/>
      <c r="DI6" s="371" t="s">
        <v>119</v>
      </c>
      <c r="DJ6" s="372" t="s">
        <v>44</v>
      </c>
      <c r="DK6" s="379" t="s">
        <v>45</v>
      </c>
      <c r="DL6" s="380" t="s">
        <v>83</v>
      </c>
      <c r="DM6" s="372" t="s">
        <v>47</v>
      </c>
      <c r="DN6" s="372" t="s">
        <v>48</v>
      </c>
      <c r="DO6" s="372" t="s">
        <v>49</v>
      </c>
      <c r="DP6" s="372" t="s">
        <v>50</v>
      </c>
      <c r="DQ6" s="372" t="s">
        <v>51</v>
      </c>
      <c r="DR6" s="381" t="s">
        <v>45</v>
      </c>
      <c r="DS6" s="757"/>
      <c r="DT6" s="371" t="s">
        <v>119</v>
      </c>
      <c r="DU6" s="372" t="s">
        <v>44</v>
      </c>
      <c r="DV6" s="379" t="s">
        <v>45</v>
      </c>
      <c r="DW6" s="380" t="s">
        <v>83</v>
      </c>
      <c r="DX6" s="372" t="s">
        <v>47</v>
      </c>
      <c r="DY6" s="372" t="s">
        <v>48</v>
      </c>
      <c r="DZ6" s="372" t="s">
        <v>49</v>
      </c>
      <c r="EA6" s="372" t="s">
        <v>50</v>
      </c>
      <c r="EB6" s="372" t="s">
        <v>51</v>
      </c>
      <c r="EC6" s="381" t="s">
        <v>45</v>
      </c>
      <c r="ED6" s="750"/>
      <c r="EE6" s="371" t="s">
        <v>119</v>
      </c>
      <c r="EF6" s="372" t="s">
        <v>44</v>
      </c>
      <c r="EG6" s="379" t="s">
        <v>45</v>
      </c>
      <c r="EH6" s="380" t="s">
        <v>83</v>
      </c>
      <c r="EI6" s="372" t="s">
        <v>47</v>
      </c>
      <c r="EJ6" s="372" t="s">
        <v>48</v>
      </c>
      <c r="EK6" s="372" t="s">
        <v>49</v>
      </c>
      <c r="EL6" s="372" t="s">
        <v>50</v>
      </c>
      <c r="EM6" s="372" t="s">
        <v>51</v>
      </c>
      <c r="EN6" s="381" t="s">
        <v>45</v>
      </c>
      <c r="EO6" s="750"/>
      <c r="EP6" s="371" t="s">
        <v>119</v>
      </c>
      <c r="EQ6" s="372" t="s">
        <v>44</v>
      </c>
      <c r="ER6" s="379" t="s">
        <v>45</v>
      </c>
      <c r="ES6" s="380" t="s">
        <v>83</v>
      </c>
      <c r="ET6" s="372" t="s">
        <v>47</v>
      </c>
      <c r="EU6" s="372" t="s">
        <v>48</v>
      </c>
      <c r="EV6" s="372" t="s">
        <v>49</v>
      </c>
      <c r="EW6" s="372" t="s">
        <v>50</v>
      </c>
      <c r="EX6" s="372" t="s">
        <v>51</v>
      </c>
      <c r="EY6" s="381" t="s">
        <v>45</v>
      </c>
      <c r="EZ6" s="750"/>
      <c r="FA6" s="371" t="s">
        <v>119</v>
      </c>
      <c r="FB6" s="372" t="s">
        <v>44</v>
      </c>
      <c r="FC6" s="379" t="s">
        <v>45</v>
      </c>
      <c r="FD6" s="380" t="s">
        <v>83</v>
      </c>
      <c r="FE6" s="372" t="s">
        <v>47</v>
      </c>
      <c r="FF6" s="372" t="s">
        <v>48</v>
      </c>
      <c r="FG6" s="372" t="s">
        <v>49</v>
      </c>
      <c r="FH6" s="372" t="s">
        <v>50</v>
      </c>
      <c r="FI6" s="372" t="s">
        <v>51</v>
      </c>
      <c r="FJ6" s="381" t="s">
        <v>45</v>
      </c>
      <c r="FK6" s="750"/>
      <c r="FL6" s="371" t="s">
        <v>119</v>
      </c>
      <c r="FM6" s="372" t="s">
        <v>44</v>
      </c>
      <c r="FN6" s="379" t="s">
        <v>45</v>
      </c>
      <c r="FO6" s="380" t="s">
        <v>83</v>
      </c>
      <c r="FP6" s="372" t="s">
        <v>47</v>
      </c>
      <c r="FQ6" s="372" t="s">
        <v>48</v>
      </c>
      <c r="FR6" s="372" t="s">
        <v>49</v>
      </c>
      <c r="FS6" s="372" t="s">
        <v>50</v>
      </c>
      <c r="FT6" s="372" t="s">
        <v>51</v>
      </c>
      <c r="FU6" s="381" t="s">
        <v>45</v>
      </c>
      <c r="FV6" s="750"/>
      <c r="FW6" s="371" t="s">
        <v>119</v>
      </c>
      <c r="FX6" s="372" t="s">
        <v>44</v>
      </c>
      <c r="FY6" s="379" t="s">
        <v>45</v>
      </c>
      <c r="FZ6" s="380" t="s">
        <v>83</v>
      </c>
      <c r="GA6" s="372" t="s">
        <v>47</v>
      </c>
      <c r="GB6" s="372" t="s">
        <v>48</v>
      </c>
      <c r="GC6" s="372" t="s">
        <v>49</v>
      </c>
      <c r="GD6" s="372" t="s">
        <v>50</v>
      </c>
      <c r="GE6" s="372" t="s">
        <v>51</v>
      </c>
      <c r="GF6" s="381" t="s">
        <v>45</v>
      </c>
      <c r="GG6" s="750"/>
      <c r="GH6" s="371" t="s">
        <v>119</v>
      </c>
      <c r="GI6" s="372" t="s">
        <v>44</v>
      </c>
      <c r="GJ6" s="379" t="s">
        <v>45</v>
      </c>
      <c r="GK6" s="380" t="s">
        <v>83</v>
      </c>
      <c r="GL6" s="372" t="s">
        <v>47</v>
      </c>
      <c r="GM6" s="372" t="s">
        <v>48</v>
      </c>
      <c r="GN6" s="372" t="s">
        <v>49</v>
      </c>
      <c r="GO6" s="372" t="s">
        <v>50</v>
      </c>
      <c r="GP6" s="372" t="s">
        <v>51</v>
      </c>
      <c r="GQ6" s="381" t="s">
        <v>45</v>
      </c>
      <c r="GR6" s="750"/>
      <c r="GS6" s="371" t="s">
        <v>119</v>
      </c>
      <c r="GT6" s="372" t="s">
        <v>44</v>
      </c>
      <c r="GU6" s="379" t="s">
        <v>45</v>
      </c>
      <c r="GV6" s="380" t="s">
        <v>83</v>
      </c>
      <c r="GW6" s="372" t="s">
        <v>47</v>
      </c>
      <c r="GX6" s="372" t="s">
        <v>48</v>
      </c>
      <c r="GY6" s="372" t="s">
        <v>49</v>
      </c>
      <c r="GZ6" s="372" t="s">
        <v>50</v>
      </c>
      <c r="HA6" s="372" t="s">
        <v>51</v>
      </c>
      <c r="HB6" s="381" t="s">
        <v>45</v>
      </c>
      <c r="HC6" s="750"/>
      <c r="HD6" s="371" t="s">
        <v>119</v>
      </c>
      <c r="HE6" s="372" t="s">
        <v>44</v>
      </c>
      <c r="HF6" s="379" t="s">
        <v>45</v>
      </c>
      <c r="HG6" s="380" t="s">
        <v>83</v>
      </c>
      <c r="HH6" s="372" t="s">
        <v>47</v>
      </c>
      <c r="HI6" s="372" t="s">
        <v>48</v>
      </c>
      <c r="HJ6" s="372" t="s">
        <v>49</v>
      </c>
      <c r="HK6" s="372" t="s">
        <v>50</v>
      </c>
      <c r="HL6" s="372" t="s">
        <v>51</v>
      </c>
      <c r="HM6" s="381" t="s">
        <v>45</v>
      </c>
      <c r="HN6" s="750"/>
      <c r="HO6" s="371" t="s">
        <v>119</v>
      </c>
      <c r="HP6" s="372" t="s">
        <v>44</v>
      </c>
      <c r="HQ6" s="379" t="s">
        <v>45</v>
      </c>
      <c r="HR6" s="380" t="s">
        <v>83</v>
      </c>
      <c r="HS6" s="372" t="s">
        <v>47</v>
      </c>
      <c r="HT6" s="372" t="s">
        <v>48</v>
      </c>
      <c r="HU6" s="372" t="s">
        <v>49</v>
      </c>
      <c r="HV6" s="372" t="s">
        <v>50</v>
      </c>
      <c r="HW6" s="372" t="s">
        <v>51</v>
      </c>
      <c r="HX6" s="381" t="s">
        <v>45</v>
      </c>
      <c r="HY6" s="750"/>
    </row>
    <row r="7" spans="2:233" s="490" customFormat="1" ht="21" customHeight="1" x14ac:dyDescent="0.2">
      <c r="B7" s="481" t="s">
        <v>4</v>
      </c>
      <c r="C7" s="482">
        <v>14850</v>
      </c>
      <c r="D7" s="483">
        <v>101849</v>
      </c>
      <c r="E7" s="484">
        <v>116699</v>
      </c>
      <c r="F7" s="485">
        <v>0</v>
      </c>
      <c r="G7" s="483">
        <v>15934837</v>
      </c>
      <c r="H7" s="483">
        <v>35226518</v>
      </c>
      <c r="I7" s="483">
        <v>107714250</v>
      </c>
      <c r="J7" s="483">
        <v>143241434</v>
      </c>
      <c r="K7" s="483">
        <v>89677533</v>
      </c>
      <c r="L7" s="486">
        <v>391794572</v>
      </c>
      <c r="M7" s="487">
        <v>391911271</v>
      </c>
      <c r="N7" s="482">
        <v>0</v>
      </c>
      <c r="O7" s="483">
        <v>0</v>
      </c>
      <c r="P7" s="484">
        <v>0</v>
      </c>
      <c r="Q7" s="488"/>
      <c r="R7" s="483">
        <v>4202543</v>
      </c>
      <c r="S7" s="483">
        <v>11443433</v>
      </c>
      <c r="T7" s="483">
        <v>72952945</v>
      </c>
      <c r="U7" s="483">
        <v>103894199</v>
      </c>
      <c r="V7" s="483">
        <v>68799315</v>
      </c>
      <c r="W7" s="486">
        <v>261292435</v>
      </c>
      <c r="X7" s="487">
        <v>261292435</v>
      </c>
      <c r="Y7" s="482">
        <v>0</v>
      </c>
      <c r="Z7" s="483">
        <v>0</v>
      </c>
      <c r="AA7" s="484">
        <v>0</v>
      </c>
      <c r="AB7" s="488"/>
      <c r="AC7" s="483">
        <v>9807182</v>
      </c>
      <c r="AD7" s="483">
        <v>19500061</v>
      </c>
      <c r="AE7" s="483">
        <v>25094852</v>
      </c>
      <c r="AF7" s="483">
        <v>27915585</v>
      </c>
      <c r="AG7" s="483">
        <v>13102660</v>
      </c>
      <c r="AH7" s="486">
        <v>95420340</v>
      </c>
      <c r="AI7" s="487">
        <v>95420340</v>
      </c>
      <c r="AJ7" s="482">
        <v>0</v>
      </c>
      <c r="AK7" s="483">
        <v>0</v>
      </c>
      <c r="AL7" s="484">
        <v>0</v>
      </c>
      <c r="AM7" s="488"/>
      <c r="AN7" s="483">
        <v>0</v>
      </c>
      <c r="AO7" s="483">
        <v>0</v>
      </c>
      <c r="AP7" s="483">
        <v>34440</v>
      </c>
      <c r="AQ7" s="483">
        <v>659430</v>
      </c>
      <c r="AR7" s="483">
        <v>663200</v>
      </c>
      <c r="AS7" s="486">
        <v>1357070</v>
      </c>
      <c r="AT7" s="487">
        <v>1357070</v>
      </c>
      <c r="AU7" s="482">
        <v>0</v>
      </c>
      <c r="AV7" s="483">
        <v>0</v>
      </c>
      <c r="AW7" s="484">
        <v>0</v>
      </c>
      <c r="AX7" s="488"/>
      <c r="AY7" s="483">
        <v>169685</v>
      </c>
      <c r="AZ7" s="483">
        <v>205105</v>
      </c>
      <c r="BA7" s="483">
        <v>419945</v>
      </c>
      <c r="BB7" s="483">
        <v>1739730</v>
      </c>
      <c r="BC7" s="483">
        <v>2555075</v>
      </c>
      <c r="BD7" s="486">
        <v>5089540</v>
      </c>
      <c r="BE7" s="487">
        <v>5089540</v>
      </c>
      <c r="BF7" s="482">
        <v>0</v>
      </c>
      <c r="BG7" s="483">
        <v>0</v>
      </c>
      <c r="BH7" s="484">
        <v>0</v>
      </c>
      <c r="BI7" s="488"/>
      <c r="BJ7" s="483">
        <v>88480</v>
      </c>
      <c r="BK7" s="483">
        <v>244390</v>
      </c>
      <c r="BL7" s="483">
        <v>1490495</v>
      </c>
      <c r="BM7" s="483">
        <v>1758125</v>
      </c>
      <c r="BN7" s="483">
        <v>1151825</v>
      </c>
      <c r="BO7" s="486">
        <v>4733315</v>
      </c>
      <c r="BP7" s="487">
        <v>4733315</v>
      </c>
      <c r="BQ7" s="482">
        <v>14850</v>
      </c>
      <c r="BR7" s="483">
        <v>101364</v>
      </c>
      <c r="BS7" s="484">
        <v>116214</v>
      </c>
      <c r="BT7" s="485">
        <v>0</v>
      </c>
      <c r="BU7" s="483">
        <v>1573099</v>
      </c>
      <c r="BV7" s="483">
        <v>3657913</v>
      </c>
      <c r="BW7" s="483">
        <v>7385398</v>
      </c>
      <c r="BX7" s="483">
        <v>6946146</v>
      </c>
      <c r="BY7" s="483">
        <v>3182648</v>
      </c>
      <c r="BZ7" s="486">
        <v>22745204</v>
      </c>
      <c r="CA7" s="487">
        <v>22861418</v>
      </c>
      <c r="CB7" s="482">
        <v>0</v>
      </c>
      <c r="CC7" s="483">
        <v>485</v>
      </c>
      <c r="CD7" s="484">
        <v>485</v>
      </c>
      <c r="CE7" s="485">
        <v>0</v>
      </c>
      <c r="CF7" s="483">
        <v>93848</v>
      </c>
      <c r="CG7" s="483">
        <v>175616</v>
      </c>
      <c r="CH7" s="483">
        <v>336175</v>
      </c>
      <c r="CI7" s="483">
        <v>328219</v>
      </c>
      <c r="CJ7" s="483">
        <v>222810</v>
      </c>
      <c r="CK7" s="486">
        <v>1156668</v>
      </c>
      <c r="CL7" s="487">
        <v>1157153</v>
      </c>
      <c r="CM7" s="482">
        <v>0</v>
      </c>
      <c r="CN7" s="483">
        <v>0</v>
      </c>
      <c r="CO7" s="484">
        <v>0</v>
      </c>
      <c r="CP7" s="485">
        <v>0</v>
      </c>
      <c r="CQ7" s="483">
        <v>0</v>
      </c>
      <c r="CR7" s="483">
        <v>0</v>
      </c>
      <c r="CS7" s="483">
        <v>0</v>
      </c>
      <c r="CT7" s="483">
        <v>0</v>
      </c>
      <c r="CU7" s="483">
        <v>0</v>
      </c>
      <c r="CV7" s="486">
        <v>0</v>
      </c>
      <c r="CW7" s="487">
        <v>0</v>
      </c>
      <c r="CX7" s="482">
        <v>0</v>
      </c>
      <c r="CY7" s="483">
        <v>0</v>
      </c>
      <c r="CZ7" s="484">
        <v>0</v>
      </c>
      <c r="DA7" s="488"/>
      <c r="DB7" s="483">
        <v>0</v>
      </c>
      <c r="DC7" s="483">
        <v>0</v>
      </c>
      <c r="DD7" s="483">
        <v>0</v>
      </c>
      <c r="DE7" s="483">
        <v>0</v>
      </c>
      <c r="DF7" s="483">
        <v>0</v>
      </c>
      <c r="DG7" s="486">
        <v>0</v>
      </c>
      <c r="DH7" s="487">
        <v>0</v>
      </c>
      <c r="DI7" s="482">
        <v>24660</v>
      </c>
      <c r="DJ7" s="483">
        <v>154355</v>
      </c>
      <c r="DK7" s="484">
        <v>179015</v>
      </c>
      <c r="DL7" s="485">
        <v>0</v>
      </c>
      <c r="DM7" s="483">
        <v>10502084</v>
      </c>
      <c r="DN7" s="483">
        <v>28636808</v>
      </c>
      <c r="DO7" s="483">
        <v>115546747</v>
      </c>
      <c r="DP7" s="483">
        <v>151157656</v>
      </c>
      <c r="DQ7" s="483">
        <v>93977729</v>
      </c>
      <c r="DR7" s="486">
        <v>399821024</v>
      </c>
      <c r="DS7" s="489">
        <v>400000039</v>
      </c>
      <c r="DT7" s="482">
        <v>0</v>
      </c>
      <c r="DU7" s="483">
        <v>0</v>
      </c>
      <c r="DV7" s="484">
        <v>0</v>
      </c>
      <c r="DW7" s="488"/>
      <c r="DX7" s="483">
        <v>5333797</v>
      </c>
      <c r="DY7" s="483">
        <v>16671520</v>
      </c>
      <c r="DZ7" s="483">
        <v>95280067</v>
      </c>
      <c r="EA7" s="483">
        <v>130805932</v>
      </c>
      <c r="EB7" s="483">
        <v>82780281</v>
      </c>
      <c r="EC7" s="486">
        <v>330871597</v>
      </c>
      <c r="ED7" s="487">
        <v>330871597</v>
      </c>
      <c r="EE7" s="482">
        <v>0</v>
      </c>
      <c r="EF7" s="483">
        <v>0</v>
      </c>
      <c r="EG7" s="484">
        <v>0</v>
      </c>
      <c r="EH7" s="488"/>
      <c r="EI7" s="483">
        <v>2465428</v>
      </c>
      <c r="EJ7" s="483">
        <v>5440234</v>
      </c>
      <c r="EK7" s="483">
        <v>5841838</v>
      </c>
      <c r="EL7" s="483">
        <v>6556731</v>
      </c>
      <c r="EM7" s="483">
        <v>3756303</v>
      </c>
      <c r="EN7" s="486">
        <v>24060534</v>
      </c>
      <c r="EO7" s="487">
        <v>24060534</v>
      </c>
      <c r="EP7" s="482">
        <v>0</v>
      </c>
      <c r="EQ7" s="483">
        <v>0</v>
      </c>
      <c r="ER7" s="484">
        <v>0</v>
      </c>
      <c r="ES7" s="488"/>
      <c r="ET7" s="483">
        <v>0</v>
      </c>
      <c r="EU7" s="483">
        <v>0</v>
      </c>
      <c r="EV7" s="483">
        <v>31864</v>
      </c>
      <c r="EW7" s="483">
        <v>96707</v>
      </c>
      <c r="EX7" s="483">
        <v>93349</v>
      </c>
      <c r="EY7" s="486">
        <v>221920</v>
      </c>
      <c r="EZ7" s="487">
        <v>221920</v>
      </c>
      <c r="FA7" s="482">
        <v>0</v>
      </c>
      <c r="FB7" s="483">
        <v>0</v>
      </c>
      <c r="FC7" s="484">
        <v>0</v>
      </c>
      <c r="FD7" s="488"/>
      <c r="FE7" s="483">
        <v>22085</v>
      </c>
      <c r="FF7" s="483">
        <v>53178</v>
      </c>
      <c r="FG7" s="483">
        <v>77481</v>
      </c>
      <c r="FH7" s="483">
        <v>286942</v>
      </c>
      <c r="FI7" s="483">
        <v>375918</v>
      </c>
      <c r="FJ7" s="486">
        <v>815604</v>
      </c>
      <c r="FK7" s="487">
        <v>815604</v>
      </c>
      <c r="FL7" s="482">
        <v>0</v>
      </c>
      <c r="FM7" s="483">
        <v>0</v>
      </c>
      <c r="FN7" s="484">
        <v>0</v>
      </c>
      <c r="FO7" s="488"/>
      <c r="FP7" s="483">
        <v>144368</v>
      </c>
      <c r="FQ7" s="483">
        <v>312960</v>
      </c>
      <c r="FR7" s="483">
        <v>2391802</v>
      </c>
      <c r="FS7" s="483">
        <v>3125832</v>
      </c>
      <c r="FT7" s="483">
        <v>1862850</v>
      </c>
      <c r="FU7" s="486">
        <v>7837812</v>
      </c>
      <c r="FV7" s="487">
        <v>7837812</v>
      </c>
      <c r="FW7" s="482">
        <v>24660</v>
      </c>
      <c r="FX7" s="483">
        <v>154355</v>
      </c>
      <c r="FY7" s="484">
        <v>179015</v>
      </c>
      <c r="FZ7" s="485">
        <v>0</v>
      </c>
      <c r="GA7" s="483">
        <v>2480808</v>
      </c>
      <c r="GB7" s="483">
        <v>6011845</v>
      </c>
      <c r="GC7" s="483">
        <v>11700868</v>
      </c>
      <c r="GD7" s="483">
        <v>10046029</v>
      </c>
      <c r="GE7" s="483">
        <v>4978972</v>
      </c>
      <c r="GF7" s="486">
        <v>35218522</v>
      </c>
      <c r="GG7" s="487">
        <v>35397537</v>
      </c>
      <c r="GH7" s="482">
        <v>0</v>
      </c>
      <c r="GI7" s="483">
        <v>0</v>
      </c>
      <c r="GJ7" s="484">
        <v>0</v>
      </c>
      <c r="GK7" s="485">
        <v>0</v>
      </c>
      <c r="GL7" s="483">
        <v>55598</v>
      </c>
      <c r="GM7" s="483">
        <v>147071</v>
      </c>
      <c r="GN7" s="483">
        <v>222827</v>
      </c>
      <c r="GO7" s="483">
        <v>239483</v>
      </c>
      <c r="GP7" s="483">
        <v>130056</v>
      </c>
      <c r="GQ7" s="486">
        <v>795035</v>
      </c>
      <c r="GR7" s="487">
        <v>795035</v>
      </c>
      <c r="GS7" s="482">
        <v>0</v>
      </c>
      <c r="GT7" s="483">
        <v>0</v>
      </c>
      <c r="GU7" s="484">
        <v>0</v>
      </c>
      <c r="GV7" s="485">
        <v>0</v>
      </c>
      <c r="GW7" s="483">
        <v>0</v>
      </c>
      <c r="GX7" s="483">
        <v>0</v>
      </c>
      <c r="GY7" s="483">
        <v>0</v>
      </c>
      <c r="GZ7" s="483">
        <v>0</v>
      </c>
      <c r="HA7" s="483">
        <v>0</v>
      </c>
      <c r="HB7" s="486">
        <v>0</v>
      </c>
      <c r="HC7" s="487">
        <v>0</v>
      </c>
      <c r="HD7" s="482">
        <v>0</v>
      </c>
      <c r="HE7" s="483">
        <v>0</v>
      </c>
      <c r="HF7" s="484">
        <v>0</v>
      </c>
      <c r="HG7" s="488"/>
      <c r="HH7" s="483">
        <v>0</v>
      </c>
      <c r="HI7" s="483">
        <v>0</v>
      </c>
      <c r="HJ7" s="483">
        <v>0</v>
      </c>
      <c r="HK7" s="483">
        <v>0</v>
      </c>
      <c r="HL7" s="483">
        <v>0</v>
      </c>
      <c r="HM7" s="486">
        <v>0</v>
      </c>
      <c r="HN7" s="487">
        <v>0</v>
      </c>
      <c r="HO7" s="482">
        <v>39510</v>
      </c>
      <c r="HP7" s="483">
        <v>256204</v>
      </c>
      <c r="HQ7" s="484">
        <v>295714</v>
      </c>
      <c r="HR7" s="485">
        <v>0</v>
      </c>
      <c r="HS7" s="483">
        <v>26436921</v>
      </c>
      <c r="HT7" s="483">
        <v>63863326</v>
      </c>
      <c r="HU7" s="483">
        <v>223260997</v>
      </c>
      <c r="HV7" s="483">
        <v>294399090</v>
      </c>
      <c r="HW7" s="483">
        <v>183655262</v>
      </c>
      <c r="HX7" s="486">
        <v>791615596</v>
      </c>
      <c r="HY7" s="487">
        <v>791911310</v>
      </c>
    </row>
    <row r="8" spans="2:233" s="490" customFormat="1" ht="21" customHeight="1" x14ac:dyDescent="0.2">
      <c r="B8" s="491" t="s">
        <v>5</v>
      </c>
      <c r="C8" s="492">
        <v>4995</v>
      </c>
      <c r="D8" s="493">
        <v>29857</v>
      </c>
      <c r="E8" s="494">
        <v>34852</v>
      </c>
      <c r="F8" s="495">
        <v>0</v>
      </c>
      <c r="G8" s="493">
        <v>6539797</v>
      </c>
      <c r="H8" s="493">
        <v>17805148</v>
      </c>
      <c r="I8" s="493">
        <v>45424581</v>
      </c>
      <c r="J8" s="493">
        <v>60659819</v>
      </c>
      <c r="K8" s="493">
        <v>37609658</v>
      </c>
      <c r="L8" s="496">
        <v>168039003</v>
      </c>
      <c r="M8" s="497">
        <v>168073855</v>
      </c>
      <c r="N8" s="492">
        <v>0</v>
      </c>
      <c r="O8" s="493">
        <v>0</v>
      </c>
      <c r="P8" s="494">
        <v>0</v>
      </c>
      <c r="Q8" s="498"/>
      <c r="R8" s="493">
        <v>2378628</v>
      </c>
      <c r="S8" s="493">
        <v>7499827</v>
      </c>
      <c r="T8" s="493">
        <v>31244097</v>
      </c>
      <c r="U8" s="493">
        <v>45076024</v>
      </c>
      <c r="V8" s="493">
        <v>29079168</v>
      </c>
      <c r="W8" s="496">
        <v>115277744</v>
      </c>
      <c r="X8" s="497">
        <v>115277744</v>
      </c>
      <c r="Y8" s="492">
        <v>0</v>
      </c>
      <c r="Z8" s="493">
        <v>0</v>
      </c>
      <c r="AA8" s="494">
        <v>0</v>
      </c>
      <c r="AB8" s="498"/>
      <c r="AC8" s="493">
        <v>3641282</v>
      </c>
      <c r="AD8" s="493">
        <v>8548605</v>
      </c>
      <c r="AE8" s="493">
        <v>10450762</v>
      </c>
      <c r="AF8" s="493">
        <v>12057326</v>
      </c>
      <c r="AG8" s="493">
        <v>6118381</v>
      </c>
      <c r="AH8" s="496">
        <v>40816356</v>
      </c>
      <c r="AI8" s="497">
        <v>40816356</v>
      </c>
      <c r="AJ8" s="492">
        <v>0</v>
      </c>
      <c r="AK8" s="493">
        <v>0</v>
      </c>
      <c r="AL8" s="494">
        <v>0</v>
      </c>
      <c r="AM8" s="498"/>
      <c r="AN8" s="493">
        <v>0</v>
      </c>
      <c r="AO8" s="493">
        <v>0</v>
      </c>
      <c r="AP8" s="493">
        <v>0</v>
      </c>
      <c r="AQ8" s="493">
        <v>145355</v>
      </c>
      <c r="AR8" s="493">
        <v>227890</v>
      </c>
      <c r="AS8" s="496">
        <v>373245</v>
      </c>
      <c r="AT8" s="497">
        <v>373245</v>
      </c>
      <c r="AU8" s="492">
        <v>0</v>
      </c>
      <c r="AV8" s="493">
        <v>0</v>
      </c>
      <c r="AW8" s="494">
        <v>0</v>
      </c>
      <c r="AX8" s="498"/>
      <c r="AY8" s="493">
        <v>0</v>
      </c>
      <c r="AZ8" s="493">
        <v>86380</v>
      </c>
      <c r="BA8" s="493">
        <v>47495</v>
      </c>
      <c r="BB8" s="493">
        <v>350700</v>
      </c>
      <c r="BC8" s="493">
        <v>540365</v>
      </c>
      <c r="BD8" s="496">
        <v>1024940</v>
      </c>
      <c r="BE8" s="497">
        <v>1024940</v>
      </c>
      <c r="BF8" s="492">
        <v>0</v>
      </c>
      <c r="BG8" s="493">
        <v>0</v>
      </c>
      <c r="BH8" s="494">
        <v>0</v>
      </c>
      <c r="BI8" s="498"/>
      <c r="BJ8" s="493">
        <v>61460</v>
      </c>
      <c r="BK8" s="493">
        <v>74570</v>
      </c>
      <c r="BL8" s="493">
        <v>174475</v>
      </c>
      <c r="BM8" s="493">
        <v>180870</v>
      </c>
      <c r="BN8" s="493">
        <v>127680</v>
      </c>
      <c r="BO8" s="496">
        <v>619055</v>
      </c>
      <c r="BP8" s="497">
        <v>619055</v>
      </c>
      <c r="BQ8" s="492">
        <v>4995</v>
      </c>
      <c r="BR8" s="493">
        <v>29372</v>
      </c>
      <c r="BS8" s="494">
        <v>34367</v>
      </c>
      <c r="BT8" s="495">
        <v>0</v>
      </c>
      <c r="BU8" s="493">
        <v>415933</v>
      </c>
      <c r="BV8" s="493">
        <v>1484367</v>
      </c>
      <c r="BW8" s="493">
        <v>3272229</v>
      </c>
      <c r="BX8" s="493">
        <v>2685242</v>
      </c>
      <c r="BY8" s="493">
        <v>1381958</v>
      </c>
      <c r="BZ8" s="496">
        <v>9239729</v>
      </c>
      <c r="CA8" s="497">
        <v>9274096</v>
      </c>
      <c r="CB8" s="492">
        <v>0</v>
      </c>
      <c r="CC8" s="493">
        <v>485</v>
      </c>
      <c r="CD8" s="494">
        <v>485</v>
      </c>
      <c r="CE8" s="495">
        <v>0</v>
      </c>
      <c r="CF8" s="493">
        <v>42494</v>
      </c>
      <c r="CG8" s="493">
        <v>111399</v>
      </c>
      <c r="CH8" s="493">
        <v>235523</v>
      </c>
      <c r="CI8" s="493">
        <v>164302</v>
      </c>
      <c r="CJ8" s="493">
        <v>134216</v>
      </c>
      <c r="CK8" s="496">
        <v>687934</v>
      </c>
      <c r="CL8" s="497">
        <v>688419</v>
      </c>
      <c r="CM8" s="492">
        <v>0</v>
      </c>
      <c r="CN8" s="493">
        <v>0</v>
      </c>
      <c r="CO8" s="494">
        <v>0</v>
      </c>
      <c r="CP8" s="495">
        <v>0</v>
      </c>
      <c r="CQ8" s="493">
        <v>0</v>
      </c>
      <c r="CR8" s="493">
        <v>0</v>
      </c>
      <c r="CS8" s="493">
        <v>0</v>
      </c>
      <c r="CT8" s="493">
        <v>0</v>
      </c>
      <c r="CU8" s="493">
        <v>0</v>
      </c>
      <c r="CV8" s="496">
        <v>0</v>
      </c>
      <c r="CW8" s="497">
        <v>0</v>
      </c>
      <c r="CX8" s="492">
        <v>0</v>
      </c>
      <c r="CY8" s="493">
        <v>0</v>
      </c>
      <c r="CZ8" s="494">
        <v>0</v>
      </c>
      <c r="DA8" s="498"/>
      <c r="DB8" s="493">
        <v>0</v>
      </c>
      <c r="DC8" s="493">
        <v>0</v>
      </c>
      <c r="DD8" s="493">
        <v>0</v>
      </c>
      <c r="DE8" s="493">
        <v>0</v>
      </c>
      <c r="DF8" s="493">
        <v>0</v>
      </c>
      <c r="DG8" s="496">
        <v>0</v>
      </c>
      <c r="DH8" s="497">
        <v>0</v>
      </c>
      <c r="DI8" s="492">
        <v>8292</v>
      </c>
      <c r="DJ8" s="493">
        <v>50211</v>
      </c>
      <c r="DK8" s="494">
        <v>58503</v>
      </c>
      <c r="DL8" s="495">
        <v>0</v>
      </c>
      <c r="DM8" s="493">
        <v>5562427</v>
      </c>
      <c r="DN8" s="493">
        <v>16893130</v>
      </c>
      <c r="DO8" s="493">
        <v>50604921</v>
      </c>
      <c r="DP8" s="493">
        <v>65465950</v>
      </c>
      <c r="DQ8" s="493">
        <v>41451083</v>
      </c>
      <c r="DR8" s="496">
        <v>179977511</v>
      </c>
      <c r="DS8" s="499">
        <v>180036014</v>
      </c>
      <c r="DT8" s="492">
        <v>0</v>
      </c>
      <c r="DU8" s="493">
        <v>0</v>
      </c>
      <c r="DV8" s="494">
        <v>0</v>
      </c>
      <c r="DW8" s="498"/>
      <c r="DX8" s="493">
        <v>3278038</v>
      </c>
      <c r="DY8" s="493">
        <v>10885135</v>
      </c>
      <c r="DZ8" s="493">
        <v>41853762</v>
      </c>
      <c r="EA8" s="493">
        <v>57279421</v>
      </c>
      <c r="EB8" s="493">
        <v>36346376</v>
      </c>
      <c r="EC8" s="496">
        <v>149642732</v>
      </c>
      <c r="ED8" s="497">
        <v>149642732</v>
      </c>
      <c r="EE8" s="492">
        <v>0</v>
      </c>
      <c r="EF8" s="493">
        <v>0</v>
      </c>
      <c r="EG8" s="494">
        <v>0</v>
      </c>
      <c r="EH8" s="498"/>
      <c r="EI8" s="493">
        <v>1410822</v>
      </c>
      <c r="EJ8" s="493">
        <v>3195335</v>
      </c>
      <c r="EK8" s="493">
        <v>3326632</v>
      </c>
      <c r="EL8" s="493">
        <v>3687151</v>
      </c>
      <c r="EM8" s="493">
        <v>2434082</v>
      </c>
      <c r="EN8" s="496">
        <v>14054022</v>
      </c>
      <c r="EO8" s="497">
        <v>14054022</v>
      </c>
      <c r="EP8" s="492">
        <v>0</v>
      </c>
      <c r="EQ8" s="493">
        <v>0</v>
      </c>
      <c r="ER8" s="494">
        <v>0</v>
      </c>
      <c r="ES8" s="498"/>
      <c r="ET8" s="493">
        <v>0</v>
      </c>
      <c r="EU8" s="493">
        <v>0</v>
      </c>
      <c r="EV8" s="493">
        <v>10360</v>
      </c>
      <c r="EW8" s="493">
        <v>25515</v>
      </c>
      <c r="EX8" s="493">
        <v>24339</v>
      </c>
      <c r="EY8" s="496">
        <v>60214</v>
      </c>
      <c r="EZ8" s="497">
        <v>60214</v>
      </c>
      <c r="FA8" s="492">
        <v>0</v>
      </c>
      <c r="FB8" s="493">
        <v>0</v>
      </c>
      <c r="FC8" s="494">
        <v>0</v>
      </c>
      <c r="FD8" s="498"/>
      <c r="FE8" s="493">
        <v>0</v>
      </c>
      <c r="FF8" s="493">
        <v>21308</v>
      </c>
      <c r="FG8" s="493">
        <v>644</v>
      </c>
      <c r="FH8" s="493">
        <v>62979</v>
      </c>
      <c r="FI8" s="493">
        <v>128940</v>
      </c>
      <c r="FJ8" s="496">
        <v>213871</v>
      </c>
      <c r="FK8" s="497">
        <v>213871</v>
      </c>
      <c r="FL8" s="492">
        <v>0</v>
      </c>
      <c r="FM8" s="493">
        <v>0</v>
      </c>
      <c r="FN8" s="494">
        <v>0</v>
      </c>
      <c r="FO8" s="498"/>
      <c r="FP8" s="493">
        <v>85904</v>
      </c>
      <c r="FQ8" s="493">
        <v>76360</v>
      </c>
      <c r="FR8" s="493">
        <v>281782</v>
      </c>
      <c r="FS8" s="493">
        <v>324928</v>
      </c>
      <c r="FT8" s="493">
        <v>236040</v>
      </c>
      <c r="FU8" s="496">
        <v>1005014</v>
      </c>
      <c r="FV8" s="497">
        <v>1005014</v>
      </c>
      <c r="FW8" s="492">
        <v>8292</v>
      </c>
      <c r="FX8" s="493">
        <v>50211</v>
      </c>
      <c r="FY8" s="494">
        <v>58503</v>
      </c>
      <c r="FZ8" s="495">
        <v>0</v>
      </c>
      <c r="GA8" s="493">
        <v>751709</v>
      </c>
      <c r="GB8" s="493">
        <v>2610412</v>
      </c>
      <c r="GC8" s="493">
        <v>5011967</v>
      </c>
      <c r="GD8" s="493">
        <v>3969621</v>
      </c>
      <c r="GE8" s="493">
        <v>2189309</v>
      </c>
      <c r="GF8" s="496">
        <v>14533018</v>
      </c>
      <c r="GG8" s="497">
        <v>14591521</v>
      </c>
      <c r="GH8" s="492">
        <v>0</v>
      </c>
      <c r="GI8" s="493">
        <v>0</v>
      </c>
      <c r="GJ8" s="494">
        <v>0</v>
      </c>
      <c r="GK8" s="495">
        <v>0</v>
      </c>
      <c r="GL8" s="493">
        <v>35954</v>
      </c>
      <c r="GM8" s="493">
        <v>104580</v>
      </c>
      <c r="GN8" s="493">
        <v>119774</v>
      </c>
      <c r="GO8" s="493">
        <v>116335</v>
      </c>
      <c r="GP8" s="493">
        <v>91997</v>
      </c>
      <c r="GQ8" s="496">
        <v>468640</v>
      </c>
      <c r="GR8" s="497">
        <v>468640</v>
      </c>
      <c r="GS8" s="492">
        <v>0</v>
      </c>
      <c r="GT8" s="493">
        <v>0</v>
      </c>
      <c r="GU8" s="494">
        <v>0</v>
      </c>
      <c r="GV8" s="495">
        <v>0</v>
      </c>
      <c r="GW8" s="493">
        <v>0</v>
      </c>
      <c r="GX8" s="493">
        <v>0</v>
      </c>
      <c r="GY8" s="493">
        <v>0</v>
      </c>
      <c r="GZ8" s="493">
        <v>0</v>
      </c>
      <c r="HA8" s="493">
        <v>0</v>
      </c>
      <c r="HB8" s="496">
        <v>0</v>
      </c>
      <c r="HC8" s="497">
        <v>0</v>
      </c>
      <c r="HD8" s="492">
        <v>0</v>
      </c>
      <c r="HE8" s="493">
        <v>0</v>
      </c>
      <c r="HF8" s="494">
        <v>0</v>
      </c>
      <c r="HG8" s="498"/>
      <c r="HH8" s="493">
        <v>0</v>
      </c>
      <c r="HI8" s="493">
        <v>0</v>
      </c>
      <c r="HJ8" s="493">
        <v>0</v>
      </c>
      <c r="HK8" s="493">
        <v>0</v>
      </c>
      <c r="HL8" s="493">
        <v>0</v>
      </c>
      <c r="HM8" s="496">
        <v>0</v>
      </c>
      <c r="HN8" s="497">
        <v>0</v>
      </c>
      <c r="HO8" s="492">
        <v>13287</v>
      </c>
      <c r="HP8" s="493">
        <v>80068</v>
      </c>
      <c r="HQ8" s="494">
        <v>93355</v>
      </c>
      <c r="HR8" s="495">
        <v>0</v>
      </c>
      <c r="HS8" s="493">
        <v>12102224</v>
      </c>
      <c r="HT8" s="493">
        <v>34698278</v>
      </c>
      <c r="HU8" s="493">
        <v>96029502</v>
      </c>
      <c r="HV8" s="493">
        <v>126125769</v>
      </c>
      <c r="HW8" s="493">
        <v>79060741</v>
      </c>
      <c r="HX8" s="496">
        <v>348016514</v>
      </c>
      <c r="HY8" s="497">
        <v>348109869</v>
      </c>
    </row>
    <row r="9" spans="2:233" ht="21" customHeight="1" x14ac:dyDescent="0.2">
      <c r="B9" s="292" t="s">
        <v>6</v>
      </c>
      <c r="C9" s="294">
        <v>1145</v>
      </c>
      <c r="D9" s="295">
        <v>16460</v>
      </c>
      <c r="E9" s="296">
        <v>17605</v>
      </c>
      <c r="F9" s="297">
        <v>0</v>
      </c>
      <c r="G9" s="295">
        <v>2250852</v>
      </c>
      <c r="H9" s="295">
        <v>3889303</v>
      </c>
      <c r="I9" s="295">
        <v>14230201</v>
      </c>
      <c r="J9" s="295">
        <v>20150420</v>
      </c>
      <c r="K9" s="295">
        <v>12951048</v>
      </c>
      <c r="L9" s="298">
        <v>53471824</v>
      </c>
      <c r="M9" s="299">
        <v>53489429</v>
      </c>
      <c r="N9" s="294">
        <v>0</v>
      </c>
      <c r="O9" s="295">
        <v>0</v>
      </c>
      <c r="P9" s="296">
        <v>0</v>
      </c>
      <c r="Q9" s="300"/>
      <c r="R9" s="295">
        <v>889675</v>
      </c>
      <c r="S9" s="295">
        <v>1167680</v>
      </c>
      <c r="T9" s="295">
        <v>10032052</v>
      </c>
      <c r="U9" s="295">
        <v>14024575</v>
      </c>
      <c r="V9" s="295">
        <v>9512025</v>
      </c>
      <c r="W9" s="298">
        <v>35626007</v>
      </c>
      <c r="X9" s="299">
        <v>35626007</v>
      </c>
      <c r="Y9" s="294">
        <v>0</v>
      </c>
      <c r="Z9" s="295">
        <v>0</v>
      </c>
      <c r="AA9" s="296">
        <v>0</v>
      </c>
      <c r="AB9" s="300"/>
      <c r="AC9" s="295">
        <v>1078820</v>
      </c>
      <c r="AD9" s="295">
        <v>2186650</v>
      </c>
      <c r="AE9" s="295">
        <v>2857607</v>
      </c>
      <c r="AF9" s="295">
        <v>4140605</v>
      </c>
      <c r="AG9" s="295">
        <v>2164685</v>
      </c>
      <c r="AH9" s="298">
        <v>12428367</v>
      </c>
      <c r="AI9" s="299">
        <v>12428367</v>
      </c>
      <c r="AJ9" s="294">
        <v>0</v>
      </c>
      <c r="AK9" s="295">
        <v>0</v>
      </c>
      <c r="AL9" s="296">
        <v>0</v>
      </c>
      <c r="AM9" s="300"/>
      <c r="AN9" s="295">
        <v>0</v>
      </c>
      <c r="AO9" s="295">
        <v>0</v>
      </c>
      <c r="AP9" s="295">
        <v>32060</v>
      </c>
      <c r="AQ9" s="295">
        <v>276735</v>
      </c>
      <c r="AR9" s="295">
        <v>214925</v>
      </c>
      <c r="AS9" s="298">
        <v>523720</v>
      </c>
      <c r="AT9" s="299">
        <v>523720</v>
      </c>
      <c r="AU9" s="294">
        <v>0</v>
      </c>
      <c r="AV9" s="295">
        <v>0</v>
      </c>
      <c r="AW9" s="296">
        <v>0</v>
      </c>
      <c r="AX9" s="300"/>
      <c r="AY9" s="295">
        <v>1785</v>
      </c>
      <c r="AZ9" s="295">
        <v>0</v>
      </c>
      <c r="BA9" s="295">
        <v>7140</v>
      </c>
      <c r="BB9" s="295">
        <v>258095</v>
      </c>
      <c r="BC9" s="295">
        <v>290110</v>
      </c>
      <c r="BD9" s="298">
        <v>557130</v>
      </c>
      <c r="BE9" s="299">
        <v>557130</v>
      </c>
      <c r="BF9" s="294">
        <v>0</v>
      </c>
      <c r="BG9" s="295">
        <v>0</v>
      </c>
      <c r="BH9" s="296">
        <v>0</v>
      </c>
      <c r="BI9" s="300"/>
      <c r="BJ9" s="295">
        <v>27020</v>
      </c>
      <c r="BK9" s="295">
        <v>91140</v>
      </c>
      <c r="BL9" s="295">
        <v>411700</v>
      </c>
      <c r="BM9" s="295">
        <v>463245</v>
      </c>
      <c r="BN9" s="295">
        <v>214235</v>
      </c>
      <c r="BO9" s="298">
        <v>1207340</v>
      </c>
      <c r="BP9" s="299">
        <v>1207340</v>
      </c>
      <c r="BQ9" s="294">
        <v>1145</v>
      </c>
      <c r="BR9" s="295">
        <v>16460</v>
      </c>
      <c r="BS9" s="296">
        <v>17605</v>
      </c>
      <c r="BT9" s="297">
        <v>0</v>
      </c>
      <c r="BU9" s="295">
        <v>242812</v>
      </c>
      <c r="BV9" s="295">
        <v>424003</v>
      </c>
      <c r="BW9" s="295">
        <v>842697</v>
      </c>
      <c r="BX9" s="295">
        <v>924595</v>
      </c>
      <c r="BY9" s="295">
        <v>529498</v>
      </c>
      <c r="BZ9" s="298">
        <v>2963605</v>
      </c>
      <c r="CA9" s="299">
        <v>2981210</v>
      </c>
      <c r="CB9" s="294">
        <v>0</v>
      </c>
      <c r="CC9" s="295">
        <v>0</v>
      </c>
      <c r="CD9" s="296">
        <v>0</v>
      </c>
      <c r="CE9" s="297">
        <v>0</v>
      </c>
      <c r="CF9" s="295">
        <v>10740</v>
      </c>
      <c r="CG9" s="295">
        <v>19830</v>
      </c>
      <c r="CH9" s="295">
        <v>46945</v>
      </c>
      <c r="CI9" s="295">
        <v>62570</v>
      </c>
      <c r="CJ9" s="295">
        <v>25570</v>
      </c>
      <c r="CK9" s="298">
        <v>165655</v>
      </c>
      <c r="CL9" s="299">
        <v>165655</v>
      </c>
      <c r="CM9" s="294">
        <v>0</v>
      </c>
      <c r="CN9" s="295">
        <v>0</v>
      </c>
      <c r="CO9" s="296">
        <v>0</v>
      </c>
      <c r="CP9" s="297">
        <v>0</v>
      </c>
      <c r="CQ9" s="295">
        <v>0</v>
      </c>
      <c r="CR9" s="295">
        <v>0</v>
      </c>
      <c r="CS9" s="295">
        <v>0</v>
      </c>
      <c r="CT9" s="295">
        <v>0</v>
      </c>
      <c r="CU9" s="295">
        <v>0</v>
      </c>
      <c r="CV9" s="298">
        <v>0</v>
      </c>
      <c r="CW9" s="299">
        <v>0</v>
      </c>
      <c r="CX9" s="294">
        <v>0</v>
      </c>
      <c r="CY9" s="295">
        <v>0</v>
      </c>
      <c r="CZ9" s="296">
        <v>0</v>
      </c>
      <c r="DA9" s="300"/>
      <c r="DB9" s="295">
        <v>0</v>
      </c>
      <c r="DC9" s="295">
        <v>0</v>
      </c>
      <c r="DD9" s="295">
        <v>0</v>
      </c>
      <c r="DE9" s="295">
        <v>0</v>
      </c>
      <c r="DF9" s="295">
        <v>0</v>
      </c>
      <c r="DG9" s="298">
        <v>0</v>
      </c>
      <c r="DH9" s="299">
        <v>0</v>
      </c>
      <c r="DI9" s="294">
        <v>1186</v>
      </c>
      <c r="DJ9" s="295">
        <v>27375</v>
      </c>
      <c r="DK9" s="296">
        <v>28561</v>
      </c>
      <c r="DL9" s="297">
        <v>0</v>
      </c>
      <c r="DM9" s="295">
        <v>1417738</v>
      </c>
      <c r="DN9" s="295">
        <v>2880828</v>
      </c>
      <c r="DO9" s="295">
        <v>13493224</v>
      </c>
      <c r="DP9" s="295">
        <v>18248889</v>
      </c>
      <c r="DQ9" s="295">
        <v>11476826</v>
      </c>
      <c r="DR9" s="298">
        <v>47517505</v>
      </c>
      <c r="DS9" s="301">
        <v>47546066</v>
      </c>
      <c r="DT9" s="294">
        <v>0</v>
      </c>
      <c r="DU9" s="295">
        <v>0</v>
      </c>
      <c r="DV9" s="296">
        <v>0</v>
      </c>
      <c r="DW9" s="300"/>
      <c r="DX9" s="295">
        <v>782519</v>
      </c>
      <c r="DY9" s="295">
        <v>1530501</v>
      </c>
      <c r="DZ9" s="295">
        <v>10958493</v>
      </c>
      <c r="EA9" s="295">
        <v>15083539</v>
      </c>
      <c r="EB9" s="295">
        <v>9738994</v>
      </c>
      <c r="EC9" s="298">
        <v>38094046</v>
      </c>
      <c r="ED9" s="299">
        <v>38094046</v>
      </c>
      <c r="EE9" s="294">
        <v>0</v>
      </c>
      <c r="EF9" s="295">
        <v>0</v>
      </c>
      <c r="EG9" s="296">
        <v>0</v>
      </c>
      <c r="EH9" s="300"/>
      <c r="EI9" s="295">
        <v>230876</v>
      </c>
      <c r="EJ9" s="295">
        <v>645948</v>
      </c>
      <c r="EK9" s="295">
        <v>663409</v>
      </c>
      <c r="EL9" s="295">
        <v>978227</v>
      </c>
      <c r="EM9" s="295">
        <v>527994</v>
      </c>
      <c r="EN9" s="298">
        <v>3046454</v>
      </c>
      <c r="EO9" s="299">
        <v>3046454</v>
      </c>
      <c r="EP9" s="294">
        <v>0</v>
      </c>
      <c r="EQ9" s="295">
        <v>0</v>
      </c>
      <c r="ER9" s="296">
        <v>0</v>
      </c>
      <c r="ES9" s="300"/>
      <c r="ET9" s="295">
        <v>0</v>
      </c>
      <c r="EU9" s="295">
        <v>0</v>
      </c>
      <c r="EV9" s="295">
        <v>21308</v>
      </c>
      <c r="EW9" s="295">
        <v>39132</v>
      </c>
      <c r="EX9" s="295">
        <v>35272</v>
      </c>
      <c r="EY9" s="298">
        <v>95712</v>
      </c>
      <c r="EZ9" s="299">
        <v>95712</v>
      </c>
      <c r="FA9" s="294">
        <v>0</v>
      </c>
      <c r="FB9" s="295">
        <v>0</v>
      </c>
      <c r="FC9" s="296">
        <v>0</v>
      </c>
      <c r="FD9" s="300"/>
      <c r="FE9" s="295">
        <v>0</v>
      </c>
      <c r="FF9" s="295">
        <v>0</v>
      </c>
      <c r="FG9" s="295">
        <v>392</v>
      </c>
      <c r="FH9" s="295">
        <v>54831</v>
      </c>
      <c r="FI9" s="295">
        <v>34657</v>
      </c>
      <c r="FJ9" s="298">
        <v>89880</v>
      </c>
      <c r="FK9" s="299">
        <v>89880</v>
      </c>
      <c r="FL9" s="294">
        <v>0</v>
      </c>
      <c r="FM9" s="295">
        <v>0</v>
      </c>
      <c r="FN9" s="296">
        <v>0</v>
      </c>
      <c r="FO9" s="300"/>
      <c r="FP9" s="295">
        <v>58464</v>
      </c>
      <c r="FQ9" s="295">
        <v>90356</v>
      </c>
      <c r="FR9" s="295">
        <v>594569</v>
      </c>
      <c r="FS9" s="295">
        <v>852650</v>
      </c>
      <c r="FT9" s="295">
        <v>385280</v>
      </c>
      <c r="FU9" s="298">
        <v>1981319</v>
      </c>
      <c r="FV9" s="299">
        <v>1981319</v>
      </c>
      <c r="FW9" s="294">
        <v>1186</v>
      </c>
      <c r="FX9" s="295">
        <v>27375</v>
      </c>
      <c r="FY9" s="296">
        <v>28561</v>
      </c>
      <c r="FZ9" s="297">
        <v>0</v>
      </c>
      <c r="GA9" s="295">
        <v>334461</v>
      </c>
      <c r="GB9" s="295">
        <v>599885</v>
      </c>
      <c r="GC9" s="295">
        <v>1183114</v>
      </c>
      <c r="GD9" s="295">
        <v>1170954</v>
      </c>
      <c r="GE9" s="295">
        <v>737898</v>
      </c>
      <c r="GF9" s="298">
        <v>4026312</v>
      </c>
      <c r="GG9" s="299">
        <v>4054873</v>
      </c>
      <c r="GH9" s="294">
        <v>0</v>
      </c>
      <c r="GI9" s="295">
        <v>0</v>
      </c>
      <c r="GJ9" s="296">
        <v>0</v>
      </c>
      <c r="GK9" s="297">
        <v>0</v>
      </c>
      <c r="GL9" s="295">
        <v>11418</v>
      </c>
      <c r="GM9" s="295">
        <v>14138</v>
      </c>
      <c r="GN9" s="295">
        <v>71939</v>
      </c>
      <c r="GO9" s="295">
        <v>69556</v>
      </c>
      <c r="GP9" s="295">
        <v>16731</v>
      </c>
      <c r="GQ9" s="298">
        <v>183782</v>
      </c>
      <c r="GR9" s="299">
        <v>183782</v>
      </c>
      <c r="GS9" s="294">
        <v>0</v>
      </c>
      <c r="GT9" s="295">
        <v>0</v>
      </c>
      <c r="GU9" s="296">
        <v>0</v>
      </c>
      <c r="GV9" s="297">
        <v>0</v>
      </c>
      <c r="GW9" s="295">
        <v>0</v>
      </c>
      <c r="GX9" s="295">
        <v>0</v>
      </c>
      <c r="GY9" s="295">
        <v>0</v>
      </c>
      <c r="GZ9" s="295">
        <v>0</v>
      </c>
      <c r="HA9" s="295">
        <v>0</v>
      </c>
      <c r="HB9" s="298">
        <v>0</v>
      </c>
      <c r="HC9" s="299">
        <v>0</v>
      </c>
      <c r="HD9" s="294">
        <v>0</v>
      </c>
      <c r="HE9" s="295">
        <v>0</v>
      </c>
      <c r="HF9" s="296">
        <v>0</v>
      </c>
      <c r="HG9" s="300"/>
      <c r="HH9" s="295">
        <v>0</v>
      </c>
      <c r="HI9" s="295">
        <v>0</v>
      </c>
      <c r="HJ9" s="295">
        <v>0</v>
      </c>
      <c r="HK9" s="295">
        <v>0</v>
      </c>
      <c r="HL9" s="295">
        <v>0</v>
      </c>
      <c r="HM9" s="298">
        <v>0</v>
      </c>
      <c r="HN9" s="299">
        <v>0</v>
      </c>
      <c r="HO9" s="294">
        <v>2331</v>
      </c>
      <c r="HP9" s="295">
        <v>43835</v>
      </c>
      <c r="HQ9" s="296">
        <v>46166</v>
      </c>
      <c r="HR9" s="297">
        <v>0</v>
      </c>
      <c r="HS9" s="295">
        <v>3668590</v>
      </c>
      <c r="HT9" s="295">
        <v>6770131</v>
      </c>
      <c r="HU9" s="295">
        <v>27723425</v>
      </c>
      <c r="HV9" s="295">
        <v>38399309</v>
      </c>
      <c r="HW9" s="295">
        <v>24427874</v>
      </c>
      <c r="HX9" s="298">
        <v>100989329</v>
      </c>
      <c r="HY9" s="299">
        <v>101035495</v>
      </c>
    </row>
    <row r="10" spans="2:233" ht="21" customHeight="1" x14ac:dyDescent="0.2">
      <c r="B10" s="292" t="s">
        <v>14</v>
      </c>
      <c r="C10" s="294">
        <v>0</v>
      </c>
      <c r="D10" s="295">
        <v>12355</v>
      </c>
      <c r="E10" s="296">
        <v>12355</v>
      </c>
      <c r="F10" s="297">
        <v>0</v>
      </c>
      <c r="G10" s="295">
        <v>773016</v>
      </c>
      <c r="H10" s="295">
        <v>1935811</v>
      </c>
      <c r="I10" s="295">
        <v>7429141</v>
      </c>
      <c r="J10" s="295">
        <v>12132211</v>
      </c>
      <c r="K10" s="295">
        <v>7368001</v>
      </c>
      <c r="L10" s="298">
        <v>29638180</v>
      </c>
      <c r="M10" s="299">
        <v>29650535</v>
      </c>
      <c r="N10" s="294">
        <v>0</v>
      </c>
      <c r="O10" s="295">
        <v>0</v>
      </c>
      <c r="P10" s="296">
        <v>0</v>
      </c>
      <c r="Q10" s="300"/>
      <c r="R10" s="295">
        <v>101645</v>
      </c>
      <c r="S10" s="295">
        <v>366501</v>
      </c>
      <c r="T10" s="295">
        <v>5384930</v>
      </c>
      <c r="U10" s="295">
        <v>8493731</v>
      </c>
      <c r="V10" s="295">
        <v>5488005</v>
      </c>
      <c r="W10" s="298">
        <v>19834812</v>
      </c>
      <c r="X10" s="299">
        <v>19834812</v>
      </c>
      <c r="Y10" s="294">
        <v>0</v>
      </c>
      <c r="Z10" s="295">
        <v>0</v>
      </c>
      <c r="AA10" s="296">
        <v>0</v>
      </c>
      <c r="AB10" s="300"/>
      <c r="AC10" s="295">
        <v>596749</v>
      </c>
      <c r="AD10" s="295">
        <v>1359407</v>
      </c>
      <c r="AE10" s="295">
        <v>1494380</v>
      </c>
      <c r="AF10" s="295">
        <v>2028598</v>
      </c>
      <c r="AG10" s="295">
        <v>821240</v>
      </c>
      <c r="AH10" s="298">
        <v>6300374</v>
      </c>
      <c r="AI10" s="299">
        <v>6300374</v>
      </c>
      <c r="AJ10" s="294">
        <v>0</v>
      </c>
      <c r="AK10" s="295">
        <v>0</v>
      </c>
      <c r="AL10" s="296">
        <v>0</v>
      </c>
      <c r="AM10" s="300"/>
      <c r="AN10" s="295">
        <v>0</v>
      </c>
      <c r="AO10" s="295">
        <v>0</v>
      </c>
      <c r="AP10" s="295">
        <v>0</v>
      </c>
      <c r="AQ10" s="295">
        <v>173330</v>
      </c>
      <c r="AR10" s="295">
        <v>125440</v>
      </c>
      <c r="AS10" s="298">
        <v>298770</v>
      </c>
      <c r="AT10" s="299">
        <v>298770</v>
      </c>
      <c r="AU10" s="294">
        <v>0</v>
      </c>
      <c r="AV10" s="295">
        <v>0</v>
      </c>
      <c r="AW10" s="296">
        <v>0</v>
      </c>
      <c r="AX10" s="300"/>
      <c r="AY10" s="295">
        <v>0</v>
      </c>
      <c r="AZ10" s="295">
        <v>0</v>
      </c>
      <c r="BA10" s="295">
        <v>43255</v>
      </c>
      <c r="BB10" s="295">
        <v>469465</v>
      </c>
      <c r="BC10" s="295">
        <v>456340</v>
      </c>
      <c r="BD10" s="298">
        <v>969060</v>
      </c>
      <c r="BE10" s="299">
        <v>969060</v>
      </c>
      <c r="BF10" s="294">
        <v>0</v>
      </c>
      <c r="BG10" s="295">
        <v>0</v>
      </c>
      <c r="BH10" s="296">
        <v>0</v>
      </c>
      <c r="BI10" s="300"/>
      <c r="BJ10" s="295">
        <v>0</v>
      </c>
      <c r="BK10" s="295">
        <v>22260</v>
      </c>
      <c r="BL10" s="295">
        <v>12155</v>
      </c>
      <c r="BM10" s="295">
        <v>142520</v>
      </c>
      <c r="BN10" s="295">
        <v>86100</v>
      </c>
      <c r="BO10" s="298">
        <v>263035</v>
      </c>
      <c r="BP10" s="299">
        <v>263035</v>
      </c>
      <c r="BQ10" s="294">
        <v>0</v>
      </c>
      <c r="BR10" s="295">
        <v>12355</v>
      </c>
      <c r="BS10" s="296">
        <v>12355</v>
      </c>
      <c r="BT10" s="297">
        <v>0</v>
      </c>
      <c r="BU10" s="295">
        <v>74622</v>
      </c>
      <c r="BV10" s="295">
        <v>187643</v>
      </c>
      <c r="BW10" s="295">
        <v>486761</v>
      </c>
      <c r="BX10" s="295">
        <v>823987</v>
      </c>
      <c r="BY10" s="295">
        <v>386651</v>
      </c>
      <c r="BZ10" s="298">
        <v>1959664</v>
      </c>
      <c r="CA10" s="299">
        <v>1972019</v>
      </c>
      <c r="CB10" s="294">
        <v>0</v>
      </c>
      <c r="CC10" s="295">
        <v>0</v>
      </c>
      <c r="CD10" s="296">
        <v>0</v>
      </c>
      <c r="CE10" s="297">
        <v>0</v>
      </c>
      <c r="CF10" s="295">
        <v>0</v>
      </c>
      <c r="CG10" s="295">
        <v>0</v>
      </c>
      <c r="CH10" s="295">
        <v>7660</v>
      </c>
      <c r="CI10" s="295">
        <v>580</v>
      </c>
      <c r="CJ10" s="295">
        <v>4225</v>
      </c>
      <c r="CK10" s="298">
        <v>12465</v>
      </c>
      <c r="CL10" s="299">
        <v>12465</v>
      </c>
      <c r="CM10" s="294">
        <v>0</v>
      </c>
      <c r="CN10" s="295">
        <v>0</v>
      </c>
      <c r="CO10" s="296">
        <v>0</v>
      </c>
      <c r="CP10" s="297">
        <v>0</v>
      </c>
      <c r="CQ10" s="295">
        <v>0</v>
      </c>
      <c r="CR10" s="295">
        <v>0</v>
      </c>
      <c r="CS10" s="295">
        <v>0</v>
      </c>
      <c r="CT10" s="295">
        <v>0</v>
      </c>
      <c r="CU10" s="295">
        <v>0</v>
      </c>
      <c r="CV10" s="298">
        <v>0</v>
      </c>
      <c r="CW10" s="299">
        <v>0</v>
      </c>
      <c r="CX10" s="294">
        <v>0</v>
      </c>
      <c r="CY10" s="295">
        <v>0</v>
      </c>
      <c r="CZ10" s="296">
        <v>0</v>
      </c>
      <c r="DA10" s="300"/>
      <c r="DB10" s="295">
        <v>0</v>
      </c>
      <c r="DC10" s="295">
        <v>0</v>
      </c>
      <c r="DD10" s="295">
        <v>0</v>
      </c>
      <c r="DE10" s="295">
        <v>0</v>
      </c>
      <c r="DF10" s="295">
        <v>0</v>
      </c>
      <c r="DG10" s="298">
        <v>0</v>
      </c>
      <c r="DH10" s="299">
        <v>0</v>
      </c>
      <c r="DI10" s="294">
        <v>0</v>
      </c>
      <c r="DJ10" s="295">
        <v>14464</v>
      </c>
      <c r="DK10" s="296">
        <v>14464</v>
      </c>
      <c r="DL10" s="297">
        <v>0</v>
      </c>
      <c r="DM10" s="295">
        <v>295064</v>
      </c>
      <c r="DN10" s="295">
        <v>1240581</v>
      </c>
      <c r="DO10" s="295">
        <v>8761512</v>
      </c>
      <c r="DP10" s="295">
        <v>13074236</v>
      </c>
      <c r="DQ10" s="295">
        <v>7411795</v>
      </c>
      <c r="DR10" s="298">
        <v>30783188</v>
      </c>
      <c r="DS10" s="301">
        <v>30797652</v>
      </c>
      <c r="DT10" s="294">
        <v>0</v>
      </c>
      <c r="DU10" s="295">
        <v>0</v>
      </c>
      <c r="DV10" s="296">
        <v>0</v>
      </c>
      <c r="DW10" s="300"/>
      <c r="DX10" s="295">
        <v>134355</v>
      </c>
      <c r="DY10" s="295">
        <v>581472</v>
      </c>
      <c r="DZ10" s="295">
        <v>7567766</v>
      </c>
      <c r="EA10" s="295">
        <v>11378970</v>
      </c>
      <c r="EB10" s="295">
        <v>6496365</v>
      </c>
      <c r="EC10" s="298">
        <v>26158928</v>
      </c>
      <c r="ED10" s="299">
        <v>26158928</v>
      </c>
      <c r="EE10" s="294">
        <v>0</v>
      </c>
      <c r="EF10" s="295">
        <v>0</v>
      </c>
      <c r="EG10" s="296">
        <v>0</v>
      </c>
      <c r="EH10" s="300"/>
      <c r="EI10" s="295">
        <v>28850</v>
      </c>
      <c r="EJ10" s="295">
        <v>270947</v>
      </c>
      <c r="EK10" s="295">
        <v>220068</v>
      </c>
      <c r="EL10" s="295">
        <v>288465</v>
      </c>
      <c r="EM10" s="295">
        <v>110978</v>
      </c>
      <c r="EN10" s="298">
        <v>919308</v>
      </c>
      <c r="EO10" s="299">
        <v>919308</v>
      </c>
      <c r="EP10" s="294">
        <v>0</v>
      </c>
      <c r="EQ10" s="295">
        <v>0</v>
      </c>
      <c r="ER10" s="296">
        <v>0</v>
      </c>
      <c r="ES10" s="300"/>
      <c r="ET10" s="295">
        <v>0</v>
      </c>
      <c r="EU10" s="295">
        <v>0</v>
      </c>
      <c r="EV10" s="295">
        <v>0</v>
      </c>
      <c r="EW10" s="295">
        <v>31472</v>
      </c>
      <c r="EX10" s="295">
        <v>20916</v>
      </c>
      <c r="EY10" s="298">
        <v>52388</v>
      </c>
      <c r="EZ10" s="299">
        <v>52388</v>
      </c>
      <c r="FA10" s="294">
        <v>0</v>
      </c>
      <c r="FB10" s="295">
        <v>0</v>
      </c>
      <c r="FC10" s="296">
        <v>0</v>
      </c>
      <c r="FD10" s="300"/>
      <c r="FE10" s="295">
        <v>0</v>
      </c>
      <c r="FF10" s="295">
        <v>0</v>
      </c>
      <c r="FG10" s="295">
        <v>483</v>
      </c>
      <c r="FH10" s="295">
        <v>68327</v>
      </c>
      <c r="FI10" s="295">
        <v>83549</v>
      </c>
      <c r="FJ10" s="298">
        <v>152359</v>
      </c>
      <c r="FK10" s="299">
        <v>152359</v>
      </c>
      <c r="FL10" s="294">
        <v>0</v>
      </c>
      <c r="FM10" s="295">
        <v>0</v>
      </c>
      <c r="FN10" s="296">
        <v>0</v>
      </c>
      <c r="FO10" s="300"/>
      <c r="FP10" s="295">
        <v>0</v>
      </c>
      <c r="FQ10" s="295">
        <v>19488</v>
      </c>
      <c r="FR10" s="295">
        <v>94316</v>
      </c>
      <c r="FS10" s="295">
        <v>235760</v>
      </c>
      <c r="FT10" s="295">
        <v>124880</v>
      </c>
      <c r="FU10" s="298">
        <v>474444</v>
      </c>
      <c r="FV10" s="299">
        <v>474444</v>
      </c>
      <c r="FW10" s="294">
        <v>0</v>
      </c>
      <c r="FX10" s="295">
        <v>14464</v>
      </c>
      <c r="FY10" s="296">
        <v>14464</v>
      </c>
      <c r="FZ10" s="297">
        <v>0</v>
      </c>
      <c r="GA10" s="295">
        <v>131859</v>
      </c>
      <c r="GB10" s="295">
        <v>368674</v>
      </c>
      <c r="GC10" s="295">
        <v>869571</v>
      </c>
      <c r="GD10" s="295">
        <v>1071200</v>
      </c>
      <c r="GE10" s="295">
        <v>575072</v>
      </c>
      <c r="GF10" s="298">
        <v>3016376</v>
      </c>
      <c r="GG10" s="299">
        <v>3030840</v>
      </c>
      <c r="GH10" s="294">
        <v>0</v>
      </c>
      <c r="GI10" s="295">
        <v>0</v>
      </c>
      <c r="GJ10" s="296">
        <v>0</v>
      </c>
      <c r="GK10" s="297">
        <v>0</v>
      </c>
      <c r="GL10" s="295">
        <v>0</v>
      </c>
      <c r="GM10" s="295">
        <v>0</v>
      </c>
      <c r="GN10" s="295">
        <v>9308</v>
      </c>
      <c r="GO10" s="295">
        <v>42</v>
      </c>
      <c r="GP10" s="295">
        <v>35</v>
      </c>
      <c r="GQ10" s="298">
        <v>9385</v>
      </c>
      <c r="GR10" s="299">
        <v>9385</v>
      </c>
      <c r="GS10" s="294">
        <v>0</v>
      </c>
      <c r="GT10" s="295">
        <v>0</v>
      </c>
      <c r="GU10" s="296">
        <v>0</v>
      </c>
      <c r="GV10" s="297">
        <v>0</v>
      </c>
      <c r="GW10" s="295">
        <v>0</v>
      </c>
      <c r="GX10" s="295">
        <v>0</v>
      </c>
      <c r="GY10" s="295">
        <v>0</v>
      </c>
      <c r="GZ10" s="295">
        <v>0</v>
      </c>
      <c r="HA10" s="295">
        <v>0</v>
      </c>
      <c r="HB10" s="298">
        <v>0</v>
      </c>
      <c r="HC10" s="299">
        <v>0</v>
      </c>
      <c r="HD10" s="294">
        <v>0</v>
      </c>
      <c r="HE10" s="295">
        <v>0</v>
      </c>
      <c r="HF10" s="296">
        <v>0</v>
      </c>
      <c r="HG10" s="300"/>
      <c r="HH10" s="295">
        <v>0</v>
      </c>
      <c r="HI10" s="295">
        <v>0</v>
      </c>
      <c r="HJ10" s="295">
        <v>0</v>
      </c>
      <c r="HK10" s="295">
        <v>0</v>
      </c>
      <c r="HL10" s="295">
        <v>0</v>
      </c>
      <c r="HM10" s="298">
        <v>0</v>
      </c>
      <c r="HN10" s="299">
        <v>0</v>
      </c>
      <c r="HO10" s="294">
        <v>0</v>
      </c>
      <c r="HP10" s="295">
        <v>26819</v>
      </c>
      <c r="HQ10" s="296">
        <v>26819</v>
      </c>
      <c r="HR10" s="297">
        <v>0</v>
      </c>
      <c r="HS10" s="295">
        <v>1068080</v>
      </c>
      <c r="HT10" s="295">
        <v>3176392</v>
      </c>
      <c r="HU10" s="295">
        <v>16190653</v>
      </c>
      <c r="HV10" s="295">
        <v>25206447</v>
      </c>
      <c r="HW10" s="295">
        <v>14779796</v>
      </c>
      <c r="HX10" s="298">
        <v>60421368</v>
      </c>
      <c r="HY10" s="299">
        <v>60448187</v>
      </c>
    </row>
    <row r="11" spans="2:233" ht="21" customHeight="1" x14ac:dyDescent="0.2">
      <c r="B11" s="292" t="s">
        <v>7</v>
      </c>
      <c r="C11" s="294">
        <v>435</v>
      </c>
      <c r="D11" s="295">
        <v>980</v>
      </c>
      <c r="E11" s="296">
        <v>1415</v>
      </c>
      <c r="F11" s="297">
        <v>0</v>
      </c>
      <c r="G11" s="295">
        <v>1493669</v>
      </c>
      <c r="H11" s="295">
        <v>1848026</v>
      </c>
      <c r="I11" s="295">
        <v>6228358</v>
      </c>
      <c r="J11" s="295">
        <v>8640111</v>
      </c>
      <c r="K11" s="295">
        <v>4120496</v>
      </c>
      <c r="L11" s="298">
        <v>22330660</v>
      </c>
      <c r="M11" s="299">
        <v>22332075</v>
      </c>
      <c r="N11" s="294">
        <v>0</v>
      </c>
      <c r="O11" s="295">
        <v>0</v>
      </c>
      <c r="P11" s="296">
        <v>0</v>
      </c>
      <c r="Q11" s="300"/>
      <c r="R11" s="295">
        <v>160160</v>
      </c>
      <c r="S11" s="295">
        <v>401955</v>
      </c>
      <c r="T11" s="295">
        <v>4301425</v>
      </c>
      <c r="U11" s="295">
        <v>6527621</v>
      </c>
      <c r="V11" s="295">
        <v>3565914</v>
      </c>
      <c r="W11" s="298">
        <v>14957075</v>
      </c>
      <c r="X11" s="299">
        <v>14957075</v>
      </c>
      <c r="Y11" s="294">
        <v>0</v>
      </c>
      <c r="Z11" s="295">
        <v>0</v>
      </c>
      <c r="AA11" s="296">
        <v>0</v>
      </c>
      <c r="AB11" s="300"/>
      <c r="AC11" s="295">
        <v>1084366</v>
      </c>
      <c r="AD11" s="295">
        <v>1140386</v>
      </c>
      <c r="AE11" s="295">
        <v>1603696</v>
      </c>
      <c r="AF11" s="295">
        <v>1626592</v>
      </c>
      <c r="AG11" s="295">
        <v>416611</v>
      </c>
      <c r="AH11" s="298">
        <v>5871651</v>
      </c>
      <c r="AI11" s="299">
        <v>5871651</v>
      </c>
      <c r="AJ11" s="294">
        <v>0</v>
      </c>
      <c r="AK11" s="295">
        <v>0</v>
      </c>
      <c r="AL11" s="296">
        <v>0</v>
      </c>
      <c r="AM11" s="300"/>
      <c r="AN11" s="295">
        <v>0</v>
      </c>
      <c r="AO11" s="295">
        <v>0</v>
      </c>
      <c r="AP11" s="295">
        <v>0</v>
      </c>
      <c r="AQ11" s="295">
        <v>29540</v>
      </c>
      <c r="AR11" s="295">
        <v>4760</v>
      </c>
      <c r="AS11" s="298">
        <v>34300</v>
      </c>
      <c r="AT11" s="299">
        <v>34300</v>
      </c>
      <c r="AU11" s="294">
        <v>0</v>
      </c>
      <c r="AV11" s="295">
        <v>0</v>
      </c>
      <c r="AW11" s="296">
        <v>0</v>
      </c>
      <c r="AX11" s="300"/>
      <c r="AY11" s="295">
        <v>0</v>
      </c>
      <c r="AZ11" s="295">
        <v>0</v>
      </c>
      <c r="BA11" s="295">
        <v>0</v>
      </c>
      <c r="BB11" s="295">
        <v>31920</v>
      </c>
      <c r="BC11" s="295">
        <v>0</v>
      </c>
      <c r="BD11" s="298">
        <v>31920</v>
      </c>
      <c r="BE11" s="299">
        <v>31920</v>
      </c>
      <c r="BF11" s="294">
        <v>0</v>
      </c>
      <c r="BG11" s="295">
        <v>0</v>
      </c>
      <c r="BH11" s="296">
        <v>0</v>
      </c>
      <c r="BI11" s="300"/>
      <c r="BJ11" s="295">
        <v>0</v>
      </c>
      <c r="BK11" s="295">
        <v>0</v>
      </c>
      <c r="BL11" s="295">
        <v>0</v>
      </c>
      <c r="BM11" s="295">
        <v>0</v>
      </c>
      <c r="BN11" s="295">
        <v>0</v>
      </c>
      <c r="BO11" s="298">
        <v>0</v>
      </c>
      <c r="BP11" s="299">
        <v>0</v>
      </c>
      <c r="BQ11" s="294">
        <v>435</v>
      </c>
      <c r="BR11" s="295">
        <v>980</v>
      </c>
      <c r="BS11" s="296">
        <v>1415</v>
      </c>
      <c r="BT11" s="297">
        <v>0</v>
      </c>
      <c r="BU11" s="295">
        <v>244170</v>
      </c>
      <c r="BV11" s="295">
        <v>302230</v>
      </c>
      <c r="BW11" s="295">
        <v>298567</v>
      </c>
      <c r="BX11" s="295">
        <v>411503</v>
      </c>
      <c r="BY11" s="295">
        <v>133211</v>
      </c>
      <c r="BZ11" s="298">
        <v>1389681</v>
      </c>
      <c r="CA11" s="299">
        <v>1391096</v>
      </c>
      <c r="CB11" s="294">
        <v>0</v>
      </c>
      <c r="CC11" s="295">
        <v>0</v>
      </c>
      <c r="CD11" s="296">
        <v>0</v>
      </c>
      <c r="CE11" s="297">
        <v>0</v>
      </c>
      <c r="CF11" s="295">
        <v>4973</v>
      </c>
      <c r="CG11" s="295">
        <v>3455</v>
      </c>
      <c r="CH11" s="295">
        <v>24670</v>
      </c>
      <c r="CI11" s="295">
        <v>12935</v>
      </c>
      <c r="CJ11" s="295">
        <v>0</v>
      </c>
      <c r="CK11" s="298">
        <v>46033</v>
      </c>
      <c r="CL11" s="299">
        <v>46033</v>
      </c>
      <c r="CM11" s="294">
        <v>0</v>
      </c>
      <c r="CN11" s="295">
        <v>0</v>
      </c>
      <c r="CO11" s="296">
        <v>0</v>
      </c>
      <c r="CP11" s="297">
        <v>0</v>
      </c>
      <c r="CQ11" s="295">
        <v>0</v>
      </c>
      <c r="CR11" s="295">
        <v>0</v>
      </c>
      <c r="CS11" s="295">
        <v>0</v>
      </c>
      <c r="CT11" s="295">
        <v>0</v>
      </c>
      <c r="CU11" s="295">
        <v>0</v>
      </c>
      <c r="CV11" s="298">
        <v>0</v>
      </c>
      <c r="CW11" s="299">
        <v>0</v>
      </c>
      <c r="CX11" s="294">
        <v>0</v>
      </c>
      <c r="CY11" s="295">
        <v>0</v>
      </c>
      <c r="CZ11" s="296">
        <v>0</v>
      </c>
      <c r="DA11" s="300"/>
      <c r="DB11" s="295">
        <v>0</v>
      </c>
      <c r="DC11" s="295">
        <v>0</v>
      </c>
      <c r="DD11" s="295">
        <v>0</v>
      </c>
      <c r="DE11" s="295">
        <v>0</v>
      </c>
      <c r="DF11" s="295">
        <v>0</v>
      </c>
      <c r="DG11" s="298">
        <v>0</v>
      </c>
      <c r="DH11" s="299">
        <v>0</v>
      </c>
      <c r="DI11" s="294">
        <v>3480</v>
      </c>
      <c r="DJ11" s="295">
        <v>4212</v>
      </c>
      <c r="DK11" s="296">
        <v>7692</v>
      </c>
      <c r="DL11" s="297">
        <v>0</v>
      </c>
      <c r="DM11" s="295">
        <v>611262</v>
      </c>
      <c r="DN11" s="295">
        <v>1169988</v>
      </c>
      <c r="DO11" s="295">
        <v>6108045</v>
      </c>
      <c r="DP11" s="295">
        <v>8575101</v>
      </c>
      <c r="DQ11" s="295">
        <v>4472507</v>
      </c>
      <c r="DR11" s="298">
        <v>20936903</v>
      </c>
      <c r="DS11" s="301">
        <v>20944595</v>
      </c>
      <c r="DT11" s="294">
        <v>0</v>
      </c>
      <c r="DU11" s="295">
        <v>0</v>
      </c>
      <c r="DV11" s="296">
        <v>0</v>
      </c>
      <c r="DW11" s="300"/>
      <c r="DX11" s="295">
        <v>191576</v>
      </c>
      <c r="DY11" s="295">
        <v>550844</v>
      </c>
      <c r="DZ11" s="295">
        <v>5322380</v>
      </c>
      <c r="EA11" s="295">
        <v>7713730</v>
      </c>
      <c r="EB11" s="295">
        <v>4235698</v>
      </c>
      <c r="EC11" s="298">
        <v>18014228</v>
      </c>
      <c r="ED11" s="299">
        <v>18014228</v>
      </c>
      <c r="EE11" s="294">
        <v>0</v>
      </c>
      <c r="EF11" s="295">
        <v>0</v>
      </c>
      <c r="EG11" s="296">
        <v>0</v>
      </c>
      <c r="EH11" s="300"/>
      <c r="EI11" s="295">
        <v>121522</v>
      </c>
      <c r="EJ11" s="295">
        <v>141296</v>
      </c>
      <c r="EK11" s="295">
        <v>290789</v>
      </c>
      <c r="EL11" s="295">
        <v>340163</v>
      </c>
      <c r="EM11" s="295">
        <v>54681</v>
      </c>
      <c r="EN11" s="298">
        <v>948451</v>
      </c>
      <c r="EO11" s="299">
        <v>948451</v>
      </c>
      <c r="EP11" s="294">
        <v>0</v>
      </c>
      <c r="EQ11" s="295">
        <v>0</v>
      </c>
      <c r="ER11" s="296">
        <v>0</v>
      </c>
      <c r="ES11" s="300"/>
      <c r="ET11" s="295">
        <v>0</v>
      </c>
      <c r="EU11" s="295">
        <v>0</v>
      </c>
      <c r="EV11" s="295">
        <v>0</v>
      </c>
      <c r="EW11" s="295">
        <v>196</v>
      </c>
      <c r="EX11" s="295">
        <v>392</v>
      </c>
      <c r="EY11" s="298">
        <v>588</v>
      </c>
      <c r="EZ11" s="299">
        <v>588</v>
      </c>
      <c r="FA11" s="294">
        <v>0</v>
      </c>
      <c r="FB11" s="295">
        <v>0</v>
      </c>
      <c r="FC11" s="296">
        <v>0</v>
      </c>
      <c r="FD11" s="300"/>
      <c r="FE11" s="295">
        <v>0</v>
      </c>
      <c r="FF11" s="295">
        <v>0</v>
      </c>
      <c r="FG11" s="295">
        <v>0</v>
      </c>
      <c r="FH11" s="295">
        <v>392</v>
      </c>
      <c r="FI11" s="295">
        <v>0</v>
      </c>
      <c r="FJ11" s="298">
        <v>392</v>
      </c>
      <c r="FK11" s="299">
        <v>392</v>
      </c>
      <c r="FL11" s="294">
        <v>0</v>
      </c>
      <c r="FM11" s="295">
        <v>0</v>
      </c>
      <c r="FN11" s="296">
        <v>0</v>
      </c>
      <c r="FO11" s="300"/>
      <c r="FP11" s="295">
        <v>0</v>
      </c>
      <c r="FQ11" s="295">
        <v>0</v>
      </c>
      <c r="FR11" s="295">
        <v>0</v>
      </c>
      <c r="FS11" s="295">
        <v>0</v>
      </c>
      <c r="FT11" s="295">
        <v>0</v>
      </c>
      <c r="FU11" s="298">
        <v>0</v>
      </c>
      <c r="FV11" s="299">
        <v>0</v>
      </c>
      <c r="FW11" s="294">
        <v>3480</v>
      </c>
      <c r="FX11" s="295">
        <v>4212</v>
      </c>
      <c r="FY11" s="296">
        <v>7692</v>
      </c>
      <c r="FZ11" s="297">
        <v>0</v>
      </c>
      <c r="GA11" s="295">
        <v>296943</v>
      </c>
      <c r="GB11" s="295">
        <v>477708</v>
      </c>
      <c r="GC11" s="295">
        <v>490988</v>
      </c>
      <c r="GD11" s="295">
        <v>518183</v>
      </c>
      <c r="GE11" s="295">
        <v>181736</v>
      </c>
      <c r="GF11" s="298">
        <v>1965558</v>
      </c>
      <c r="GG11" s="299">
        <v>1973250</v>
      </c>
      <c r="GH11" s="294">
        <v>0</v>
      </c>
      <c r="GI11" s="295">
        <v>0</v>
      </c>
      <c r="GJ11" s="296">
        <v>0</v>
      </c>
      <c r="GK11" s="297">
        <v>0</v>
      </c>
      <c r="GL11" s="295">
        <v>1221</v>
      </c>
      <c r="GM11" s="295">
        <v>140</v>
      </c>
      <c r="GN11" s="295">
        <v>3888</v>
      </c>
      <c r="GO11" s="295">
        <v>2437</v>
      </c>
      <c r="GP11" s="295">
        <v>0</v>
      </c>
      <c r="GQ11" s="298">
        <v>7686</v>
      </c>
      <c r="GR11" s="299">
        <v>7686</v>
      </c>
      <c r="GS11" s="294">
        <v>0</v>
      </c>
      <c r="GT11" s="295">
        <v>0</v>
      </c>
      <c r="GU11" s="296">
        <v>0</v>
      </c>
      <c r="GV11" s="297">
        <v>0</v>
      </c>
      <c r="GW11" s="295">
        <v>0</v>
      </c>
      <c r="GX11" s="295">
        <v>0</v>
      </c>
      <c r="GY11" s="295">
        <v>0</v>
      </c>
      <c r="GZ11" s="295">
        <v>0</v>
      </c>
      <c r="HA11" s="295">
        <v>0</v>
      </c>
      <c r="HB11" s="298">
        <v>0</v>
      </c>
      <c r="HC11" s="299">
        <v>0</v>
      </c>
      <c r="HD11" s="294">
        <v>0</v>
      </c>
      <c r="HE11" s="295">
        <v>0</v>
      </c>
      <c r="HF11" s="296">
        <v>0</v>
      </c>
      <c r="HG11" s="300"/>
      <c r="HH11" s="295">
        <v>0</v>
      </c>
      <c r="HI11" s="295">
        <v>0</v>
      </c>
      <c r="HJ11" s="295">
        <v>0</v>
      </c>
      <c r="HK11" s="295">
        <v>0</v>
      </c>
      <c r="HL11" s="295">
        <v>0</v>
      </c>
      <c r="HM11" s="298">
        <v>0</v>
      </c>
      <c r="HN11" s="299">
        <v>0</v>
      </c>
      <c r="HO11" s="294">
        <v>3915</v>
      </c>
      <c r="HP11" s="295">
        <v>5192</v>
      </c>
      <c r="HQ11" s="296">
        <v>9107</v>
      </c>
      <c r="HR11" s="297">
        <v>0</v>
      </c>
      <c r="HS11" s="295">
        <v>2104931</v>
      </c>
      <c r="HT11" s="295">
        <v>3018014</v>
      </c>
      <c r="HU11" s="295">
        <v>12336403</v>
      </c>
      <c r="HV11" s="295">
        <v>17215212</v>
      </c>
      <c r="HW11" s="295">
        <v>8593003</v>
      </c>
      <c r="HX11" s="298">
        <v>43267563</v>
      </c>
      <c r="HY11" s="299">
        <v>43276670</v>
      </c>
    </row>
    <row r="12" spans="2:233" ht="21" customHeight="1" x14ac:dyDescent="0.2">
      <c r="B12" s="292" t="s">
        <v>8</v>
      </c>
      <c r="C12" s="294">
        <v>0</v>
      </c>
      <c r="D12" s="295">
        <v>7117</v>
      </c>
      <c r="E12" s="296">
        <v>7117</v>
      </c>
      <c r="F12" s="297">
        <v>0</v>
      </c>
      <c r="G12" s="295">
        <v>522049</v>
      </c>
      <c r="H12" s="295">
        <v>1164853</v>
      </c>
      <c r="I12" s="295">
        <v>4173251</v>
      </c>
      <c r="J12" s="295">
        <v>4000155</v>
      </c>
      <c r="K12" s="295">
        <v>2460985</v>
      </c>
      <c r="L12" s="298">
        <v>12321293</v>
      </c>
      <c r="M12" s="299">
        <v>12328410</v>
      </c>
      <c r="N12" s="294">
        <v>0</v>
      </c>
      <c r="O12" s="295">
        <v>0</v>
      </c>
      <c r="P12" s="296">
        <v>0</v>
      </c>
      <c r="Q12" s="300"/>
      <c r="R12" s="295">
        <v>208740</v>
      </c>
      <c r="S12" s="295">
        <v>266155</v>
      </c>
      <c r="T12" s="295">
        <v>3102152</v>
      </c>
      <c r="U12" s="295">
        <v>3115297</v>
      </c>
      <c r="V12" s="295">
        <v>1918195</v>
      </c>
      <c r="W12" s="298">
        <v>8610539</v>
      </c>
      <c r="X12" s="299">
        <v>8610539</v>
      </c>
      <c r="Y12" s="294">
        <v>0</v>
      </c>
      <c r="Z12" s="295">
        <v>0</v>
      </c>
      <c r="AA12" s="296">
        <v>0</v>
      </c>
      <c r="AB12" s="300"/>
      <c r="AC12" s="295">
        <v>196280</v>
      </c>
      <c r="AD12" s="295">
        <v>729621</v>
      </c>
      <c r="AE12" s="295">
        <v>754120</v>
      </c>
      <c r="AF12" s="295">
        <v>540220</v>
      </c>
      <c r="AG12" s="295">
        <v>293083</v>
      </c>
      <c r="AH12" s="298">
        <v>2513324</v>
      </c>
      <c r="AI12" s="299">
        <v>2513324</v>
      </c>
      <c r="AJ12" s="294">
        <v>0</v>
      </c>
      <c r="AK12" s="295">
        <v>0</v>
      </c>
      <c r="AL12" s="296">
        <v>0</v>
      </c>
      <c r="AM12" s="300"/>
      <c r="AN12" s="295">
        <v>0</v>
      </c>
      <c r="AO12" s="295">
        <v>0</v>
      </c>
      <c r="AP12" s="295">
        <v>0</v>
      </c>
      <c r="AQ12" s="295">
        <v>0</v>
      </c>
      <c r="AR12" s="295">
        <v>0</v>
      </c>
      <c r="AS12" s="298">
        <v>0</v>
      </c>
      <c r="AT12" s="299">
        <v>0</v>
      </c>
      <c r="AU12" s="294">
        <v>0</v>
      </c>
      <c r="AV12" s="295">
        <v>0</v>
      </c>
      <c r="AW12" s="296">
        <v>0</v>
      </c>
      <c r="AX12" s="300"/>
      <c r="AY12" s="295">
        <v>32060</v>
      </c>
      <c r="AZ12" s="295">
        <v>0</v>
      </c>
      <c r="BA12" s="295">
        <v>29540</v>
      </c>
      <c r="BB12" s="295">
        <v>31920</v>
      </c>
      <c r="BC12" s="295">
        <v>110090</v>
      </c>
      <c r="BD12" s="298">
        <v>203610</v>
      </c>
      <c r="BE12" s="299">
        <v>203610</v>
      </c>
      <c r="BF12" s="294">
        <v>0</v>
      </c>
      <c r="BG12" s="295">
        <v>0</v>
      </c>
      <c r="BH12" s="296">
        <v>0</v>
      </c>
      <c r="BI12" s="300"/>
      <c r="BJ12" s="295">
        <v>0</v>
      </c>
      <c r="BK12" s="295">
        <v>2380</v>
      </c>
      <c r="BL12" s="295">
        <v>14280</v>
      </c>
      <c r="BM12" s="295">
        <v>172200</v>
      </c>
      <c r="BN12" s="295">
        <v>72575</v>
      </c>
      <c r="BO12" s="298">
        <v>261435</v>
      </c>
      <c r="BP12" s="299">
        <v>261435</v>
      </c>
      <c r="BQ12" s="294">
        <v>0</v>
      </c>
      <c r="BR12" s="295">
        <v>7117</v>
      </c>
      <c r="BS12" s="296">
        <v>7117</v>
      </c>
      <c r="BT12" s="297">
        <v>0</v>
      </c>
      <c r="BU12" s="295">
        <v>84869</v>
      </c>
      <c r="BV12" s="295">
        <v>166697</v>
      </c>
      <c r="BW12" s="295">
        <v>272769</v>
      </c>
      <c r="BX12" s="295">
        <v>140518</v>
      </c>
      <c r="BY12" s="295">
        <v>67042</v>
      </c>
      <c r="BZ12" s="298">
        <v>731895</v>
      </c>
      <c r="CA12" s="299">
        <v>739012</v>
      </c>
      <c r="CB12" s="294">
        <v>0</v>
      </c>
      <c r="CC12" s="295">
        <v>0</v>
      </c>
      <c r="CD12" s="296">
        <v>0</v>
      </c>
      <c r="CE12" s="297">
        <v>0</v>
      </c>
      <c r="CF12" s="295">
        <v>100</v>
      </c>
      <c r="CG12" s="295">
        <v>0</v>
      </c>
      <c r="CH12" s="295">
        <v>390</v>
      </c>
      <c r="CI12" s="295">
        <v>0</v>
      </c>
      <c r="CJ12" s="295">
        <v>0</v>
      </c>
      <c r="CK12" s="298">
        <v>490</v>
      </c>
      <c r="CL12" s="299">
        <v>490</v>
      </c>
      <c r="CM12" s="294">
        <v>0</v>
      </c>
      <c r="CN12" s="295">
        <v>0</v>
      </c>
      <c r="CO12" s="296">
        <v>0</v>
      </c>
      <c r="CP12" s="297">
        <v>0</v>
      </c>
      <c r="CQ12" s="295">
        <v>0</v>
      </c>
      <c r="CR12" s="295">
        <v>0</v>
      </c>
      <c r="CS12" s="295">
        <v>0</v>
      </c>
      <c r="CT12" s="295">
        <v>0</v>
      </c>
      <c r="CU12" s="295">
        <v>0</v>
      </c>
      <c r="CV12" s="298">
        <v>0</v>
      </c>
      <c r="CW12" s="299">
        <v>0</v>
      </c>
      <c r="CX12" s="294">
        <v>0</v>
      </c>
      <c r="CY12" s="295">
        <v>0</v>
      </c>
      <c r="CZ12" s="296">
        <v>0</v>
      </c>
      <c r="DA12" s="300"/>
      <c r="DB12" s="295">
        <v>0</v>
      </c>
      <c r="DC12" s="295">
        <v>0</v>
      </c>
      <c r="DD12" s="295">
        <v>0</v>
      </c>
      <c r="DE12" s="295">
        <v>0</v>
      </c>
      <c r="DF12" s="295">
        <v>0</v>
      </c>
      <c r="DG12" s="298">
        <v>0</v>
      </c>
      <c r="DH12" s="299">
        <v>0</v>
      </c>
      <c r="DI12" s="294">
        <v>351</v>
      </c>
      <c r="DJ12" s="295">
        <v>9874</v>
      </c>
      <c r="DK12" s="296">
        <v>10225</v>
      </c>
      <c r="DL12" s="297">
        <v>0</v>
      </c>
      <c r="DM12" s="295">
        <v>453911</v>
      </c>
      <c r="DN12" s="295">
        <v>999380</v>
      </c>
      <c r="DO12" s="295">
        <v>4803905</v>
      </c>
      <c r="DP12" s="295">
        <v>5106438</v>
      </c>
      <c r="DQ12" s="295">
        <v>2819053</v>
      </c>
      <c r="DR12" s="298">
        <v>14182687</v>
      </c>
      <c r="DS12" s="301">
        <v>14192912</v>
      </c>
      <c r="DT12" s="294">
        <v>0</v>
      </c>
      <c r="DU12" s="295">
        <v>0</v>
      </c>
      <c r="DV12" s="296">
        <v>0</v>
      </c>
      <c r="DW12" s="300"/>
      <c r="DX12" s="295">
        <v>305060</v>
      </c>
      <c r="DY12" s="295">
        <v>620678</v>
      </c>
      <c r="DZ12" s="295">
        <v>4066520</v>
      </c>
      <c r="EA12" s="295">
        <v>4436052</v>
      </c>
      <c r="EB12" s="295">
        <v>2531178</v>
      </c>
      <c r="EC12" s="298">
        <v>11959488</v>
      </c>
      <c r="ED12" s="299">
        <v>11959488</v>
      </c>
      <c r="EE12" s="294">
        <v>0</v>
      </c>
      <c r="EF12" s="295">
        <v>0</v>
      </c>
      <c r="EG12" s="296">
        <v>0</v>
      </c>
      <c r="EH12" s="300"/>
      <c r="EI12" s="295">
        <v>47926</v>
      </c>
      <c r="EJ12" s="295">
        <v>90923</v>
      </c>
      <c r="EK12" s="295">
        <v>49875</v>
      </c>
      <c r="EL12" s="295">
        <v>65950</v>
      </c>
      <c r="EM12" s="295">
        <v>15288</v>
      </c>
      <c r="EN12" s="298">
        <v>269962</v>
      </c>
      <c r="EO12" s="299">
        <v>269962</v>
      </c>
      <c r="EP12" s="294">
        <v>0</v>
      </c>
      <c r="EQ12" s="295">
        <v>0</v>
      </c>
      <c r="ER12" s="296">
        <v>0</v>
      </c>
      <c r="ES12" s="300"/>
      <c r="ET12" s="295">
        <v>0</v>
      </c>
      <c r="EU12" s="295">
        <v>0</v>
      </c>
      <c r="EV12" s="295">
        <v>0</v>
      </c>
      <c r="EW12" s="295">
        <v>0</v>
      </c>
      <c r="EX12" s="295">
        <v>0</v>
      </c>
      <c r="EY12" s="298">
        <v>0</v>
      </c>
      <c r="EZ12" s="299">
        <v>0</v>
      </c>
      <c r="FA12" s="294">
        <v>0</v>
      </c>
      <c r="FB12" s="295">
        <v>0</v>
      </c>
      <c r="FC12" s="296">
        <v>0</v>
      </c>
      <c r="FD12" s="300"/>
      <c r="FE12" s="295">
        <v>10556</v>
      </c>
      <c r="FF12" s="295">
        <v>0</v>
      </c>
      <c r="FG12" s="295">
        <v>196</v>
      </c>
      <c r="FH12" s="295">
        <v>392</v>
      </c>
      <c r="FI12" s="295">
        <v>11354</v>
      </c>
      <c r="FJ12" s="298">
        <v>22498</v>
      </c>
      <c r="FK12" s="299">
        <v>22498</v>
      </c>
      <c r="FL12" s="294">
        <v>0</v>
      </c>
      <c r="FM12" s="295">
        <v>0</v>
      </c>
      <c r="FN12" s="296">
        <v>0</v>
      </c>
      <c r="FO12" s="300"/>
      <c r="FP12" s="295">
        <v>0</v>
      </c>
      <c r="FQ12" s="295">
        <v>19488</v>
      </c>
      <c r="FR12" s="295">
        <v>116928</v>
      </c>
      <c r="FS12" s="295">
        <v>249760</v>
      </c>
      <c r="FT12" s="295">
        <v>147848</v>
      </c>
      <c r="FU12" s="298">
        <v>534024</v>
      </c>
      <c r="FV12" s="299">
        <v>534024</v>
      </c>
      <c r="FW12" s="294">
        <v>351</v>
      </c>
      <c r="FX12" s="295">
        <v>9874</v>
      </c>
      <c r="FY12" s="296">
        <v>10225</v>
      </c>
      <c r="FZ12" s="297">
        <v>0</v>
      </c>
      <c r="GA12" s="295">
        <v>90355</v>
      </c>
      <c r="GB12" s="295">
        <v>268291</v>
      </c>
      <c r="GC12" s="295">
        <v>568954</v>
      </c>
      <c r="GD12" s="295">
        <v>354242</v>
      </c>
      <c r="GE12" s="295">
        <v>113385</v>
      </c>
      <c r="GF12" s="298">
        <v>1395227</v>
      </c>
      <c r="GG12" s="299">
        <v>1405452</v>
      </c>
      <c r="GH12" s="294">
        <v>0</v>
      </c>
      <c r="GI12" s="295">
        <v>0</v>
      </c>
      <c r="GJ12" s="296">
        <v>0</v>
      </c>
      <c r="GK12" s="297">
        <v>0</v>
      </c>
      <c r="GL12" s="295">
        <v>14</v>
      </c>
      <c r="GM12" s="295">
        <v>0</v>
      </c>
      <c r="GN12" s="295">
        <v>1432</v>
      </c>
      <c r="GO12" s="295">
        <v>42</v>
      </c>
      <c r="GP12" s="295">
        <v>0</v>
      </c>
      <c r="GQ12" s="298">
        <v>1488</v>
      </c>
      <c r="GR12" s="299">
        <v>1488</v>
      </c>
      <c r="GS12" s="294">
        <v>0</v>
      </c>
      <c r="GT12" s="295">
        <v>0</v>
      </c>
      <c r="GU12" s="296">
        <v>0</v>
      </c>
      <c r="GV12" s="297">
        <v>0</v>
      </c>
      <c r="GW12" s="295">
        <v>0</v>
      </c>
      <c r="GX12" s="295">
        <v>0</v>
      </c>
      <c r="GY12" s="295">
        <v>0</v>
      </c>
      <c r="GZ12" s="295">
        <v>0</v>
      </c>
      <c r="HA12" s="295">
        <v>0</v>
      </c>
      <c r="HB12" s="298">
        <v>0</v>
      </c>
      <c r="HC12" s="299">
        <v>0</v>
      </c>
      <c r="HD12" s="294">
        <v>0</v>
      </c>
      <c r="HE12" s="295">
        <v>0</v>
      </c>
      <c r="HF12" s="296">
        <v>0</v>
      </c>
      <c r="HG12" s="300"/>
      <c r="HH12" s="295">
        <v>0</v>
      </c>
      <c r="HI12" s="295">
        <v>0</v>
      </c>
      <c r="HJ12" s="295">
        <v>0</v>
      </c>
      <c r="HK12" s="295">
        <v>0</v>
      </c>
      <c r="HL12" s="295">
        <v>0</v>
      </c>
      <c r="HM12" s="298">
        <v>0</v>
      </c>
      <c r="HN12" s="299">
        <v>0</v>
      </c>
      <c r="HO12" s="294">
        <v>351</v>
      </c>
      <c r="HP12" s="295">
        <v>16991</v>
      </c>
      <c r="HQ12" s="296">
        <v>17342</v>
      </c>
      <c r="HR12" s="297">
        <v>0</v>
      </c>
      <c r="HS12" s="295">
        <v>975960</v>
      </c>
      <c r="HT12" s="295">
        <v>2164233</v>
      </c>
      <c r="HU12" s="295">
        <v>8977156</v>
      </c>
      <c r="HV12" s="295">
        <v>9106593</v>
      </c>
      <c r="HW12" s="295">
        <v>5280038</v>
      </c>
      <c r="HX12" s="298">
        <v>26503980</v>
      </c>
      <c r="HY12" s="299">
        <v>26521322</v>
      </c>
    </row>
    <row r="13" spans="2:233" ht="21" customHeight="1" x14ac:dyDescent="0.2">
      <c r="B13" s="292" t="s">
        <v>9</v>
      </c>
      <c r="C13" s="294">
        <v>0</v>
      </c>
      <c r="D13" s="295">
        <v>30</v>
      </c>
      <c r="E13" s="296">
        <v>30</v>
      </c>
      <c r="F13" s="297">
        <v>0</v>
      </c>
      <c r="G13" s="295">
        <v>216409</v>
      </c>
      <c r="H13" s="295">
        <v>301871</v>
      </c>
      <c r="I13" s="295">
        <v>2065472</v>
      </c>
      <c r="J13" s="295">
        <v>2132096</v>
      </c>
      <c r="K13" s="295">
        <v>1192250</v>
      </c>
      <c r="L13" s="298">
        <v>5908098</v>
      </c>
      <c r="M13" s="299">
        <v>5908128</v>
      </c>
      <c r="N13" s="294">
        <v>0</v>
      </c>
      <c r="O13" s="295">
        <v>0</v>
      </c>
      <c r="P13" s="296">
        <v>0</v>
      </c>
      <c r="Q13" s="300"/>
      <c r="R13" s="295">
        <v>63840</v>
      </c>
      <c r="S13" s="295">
        <v>2380</v>
      </c>
      <c r="T13" s="295">
        <v>1189977</v>
      </c>
      <c r="U13" s="295">
        <v>1572253</v>
      </c>
      <c r="V13" s="295">
        <v>980556</v>
      </c>
      <c r="W13" s="298">
        <v>3809006</v>
      </c>
      <c r="X13" s="299">
        <v>3809006</v>
      </c>
      <c r="Y13" s="294">
        <v>0</v>
      </c>
      <c r="Z13" s="295">
        <v>0</v>
      </c>
      <c r="AA13" s="296">
        <v>0</v>
      </c>
      <c r="AB13" s="300"/>
      <c r="AC13" s="295">
        <v>122332</v>
      </c>
      <c r="AD13" s="295">
        <v>166770</v>
      </c>
      <c r="AE13" s="295">
        <v>708812</v>
      </c>
      <c r="AF13" s="295">
        <v>455945</v>
      </c>
      <c r="AG13" s="295">
        <v>165035</v>
      </c>
      <c r="AH13" s="298">
        <v>1618894</v>
      </c>
      <c r="AI13" s="299">
        <v>1618894</v>
      </c>
      <c r="AJ13" s="294">
        <v>0</v>
      </c>
      <c r="AK13" s="295">
        <v>0</v>
      </c>
      <c r="AL13" s="296">
        <v>0</v>
      </c>
      <c r="AM13" s="300"/>
      <c r="AN13" s="295">
        <v>0</v>
      </c>
      <c r="AO13" s="295">
        <v>0</v>
      </c>
      <c r="AP13" s="295">
        <v>0</v>
      </c>
      <c r="AQ13" s="295">
        <v>2380</v>
      </c>
      <c r="AR13" s="295">
        <v>0</v>
      </c>
      <c r="AS13" s="298">
        <v>2380</v>
      </c>
      <c r="AT13" s="299">
        <v>2380</v>
      </c>
      <c r="AU13" s="294">
        <v>0</v>
      </c>
      <c r="AV13" s="295">
        <v>0</v>
      </c>
      <c r="AW13" s="296">
        <v>0</v>
      </c>
      <c r="AX13" s="300"/>
      <c r="AY13" s="295">
        <v>0</v>
      </c>
      <c r="AZ13" s="295">
        <v>0</v>
      </c>
      <c r="BA13" s="295">
        <v>0</v>
      </c>
      <c r="BB13" s="295">
        <v>0</v>
      </c>
      <c r="BC13" s="295">
        <v>7140</v>
      </c>
      <c r="BD13" s="298">
        <v>7140</v>
      </c>
      <c r="BE13" s="299">
        <v>7140</v>
      </c>
      <c r="BF13" s="294">
        <v>0</v>
      </c>
      <c r="BG13" s="295">
        <v>0</v>
      </c>
      <c r="BH13" s="296">
        <v>0</v>
      </c>
      <c r="BI13" s="300"/>
      <c r="BJ13" s="295">
        <v>0</v>
      </c>
      <c r="BK13" s="295">
        <v>0</v>
      </c>
      <c r="BL13" s="295">
        <v>0</v>
      </c>
      <c r="BM13" s="295">
        <v>22260</v>
      </c>
      <c r="BN13" s="295">
        <v>0</v>
      </c>
      <c r="BO13" s="298">
        <v>22260</v>
      </c>
      <c r="BP13" s="299">
        <v>22260</v>
      </c>
      <c r="BQ13" s="294">
        <v>0</v>
      </c>
      <c r="BR13" s="295">
        <v>30</v>
      </c>
      <c r="BS13" s="296">
        <v>30</v>
      </c>
      <c r="BT13" s="297">
        <v>0</v>
      </c>
      <c r="BU13" s="295">
        <v>26107</v>
      </c>
      <c r="BV13" s="295">
        <v>132381</v>
      </c>
      <c r="BW13" s="295">
        <v>162990</v>
      </c>
      <c r="BX13" s="295">
        <v>76880</v>
      </c>
      <c r="BY13" s="295">
        <v>37434</v>
      </c>
      <c r="BZ13" s="298">
        <v>435792</v>
      </c>
      <c r="CA13" s="299">
        <v>435822</v>
      </c>
      <c r="CB13" s="294">
        <v>0</v>
      </c>
      <c r="CC13" s="295">
        <v>0</v>
      </c>
      <c r="CD13" s="296">
        <v>0</v>
      </c>
      <c r="CE13" s="297">
        <v>0</v>
      </c>
      <c r="CF13" s="295">
        <v>4130</v>
      </c>
      <c r="CG13" s="295">
        <v>340</v>
      </c>
      <c r="CH13" s="295">
        <v>3693</v>
      </c>
      <c r="CI13" s="295">
        <v>2378</v>
      </c>
      <c r="CJ13" s="295">
        <v>2085</v>
      </c>
      <c r="CK13" s="298">
        <v>12626</v>
      </c>
      <c r="CL13" s="299">
        <v>12626</v>
      </c>
      <c r="CM13" s="294">
        <v>0</v>
      </c>
      <c r="CN13" s="295">
        <v>0</v>
      </c>
      <c r="CO13" s="296">
        <v>0</v>
      </c>
      <c r="CP13" s="297">
        <v>0</v>
      </c>
      <c r="CQ13" s="295">
        <v>0</v>
      </c>
      <c r="CR13" s="295">
        <v>0</v>
      </c>
      <c r="CS13" s="295">
        <v>0</v>
      </c>
      <c r="CT13" s="295">
        <v>0</v>
      </c>
      <c r="CU13" s="295">
        <v>0</v>
      </c>
      <c r="CV13" s="298">
        <v>0</v>
      </c>
      <c r="CW13" s="299">
        <v>0</v>
      </c>
      <c r="CX13" s="294">
        <v>0</v>
      </c>
      <c r="CY13" s="295">
        <v>0</v>
      </c>
      <c r="CZ13" s="296">
        <v>0</v>
      </c>
      <c r="DA13" s="300"/>
      <c r="DB13" s="295">
        <v>0</v>
      </c>
      <c r="DC13" s="295">
        <v>0</v>
      </c>
      <c r="DD13" s="295">
        <v>0</v>
      </c>
      <c r="DE13" s="295">
        <v>0</v>
      </c>
      <c r="DF13" s="295">
        <v>0</v>
      </c>
      <c r="DG13" s="298">
        <v>0</v>
      </c>
      <c r="DH13" s="299">
        <v>0</v>
      </c>
      <c r="DI13" s="294">
        <v>0</v>
      </c>
      <c r="DJ13" s="295">
        <v>1392</v>
      </c>
      <c r="DK13" s="296">
        <v>1392</v>
      </c>
      <c r="DL13" s="297">
        <v>0</v>
      </c>
      <c r="DM13" s="295">
        <v>169896</v>
      </c>
      <c r="DN13" s="295">
        <v>209494</v>
      </c>
      <c r="DO13" s="295">
        <v>1932381</v>
      </c>
      <c r="DP13" s="295">
        <v>2616527</v>
      </c>
      <c r="DQ13" s="295">
        <v>1665531</v>
      </c>
      <c r="DR13" s="298">
        <v>6593829</v>
      </c>
      <c r="DS13" s="301">
        <v>6595221</v>
      </c>
      <c r="DT13" s="294">
        <v>0</v>
      </c>
      <c r="DU13" s="295">
        <v>0</v>
      </c>
      <c r="DV13" s="296">
        <v>0</v>
      </c>
      <c r="DW13" s="300"/>
      <c r="DX13" s="295">
        <v>85344</v>
      </c>
      <c r="DY13" s="295">
        <v>19488</v>
      </c>
      <c r="DZ13" s="295">
        <v>1620651</v>
      </c>
      <c r="EA13" s="295">
        <v>2394611</v>
      </c>
      <c r="EB13" s="295">
        <v>1555546</v>
      </c>
      <c r="EC13" s="298">
        <v>5675640</v>
      </c>
      <c r="ED13" s="299">
        <v>5675640</v>
      </c>
      <c r="EE13" s="294">
        <v>0</v>
      </c>
      <c r="EF13" s="295">
        <v>0</v>
      </c>
      <c r="EG13" s="296">
        <v>0</v>
      </c>
      <c r="EH13" s="300"/>
      <c r="EI13" s="295">
        <v>31416</v>
      </c>
      <c r="EJ13" s="295">
        <v>23730</v>
      </c>
      <c r="EK13" s="295">
        <v>47397</v>
      </c>
      <c r="EL13" s="295">
        <v>72201</v>
      </c>
      <c r="EM13" s="295">
        <v>22914</v>
      </c>
      <c r="EN13" s="298">
        <v>197658</v>
      </c>
      <c r="EO13" s="299">
        <v>197658</v>
      </c>
      <c r="EP13" s="294">
        <v>0</v>
      </c>
      <c r="EQ13" s="295">
        <v>0</v>
      </c>
      <c r="ER13" s="296">
        <v>0</v>
      </c>
      <c r="ES13" s="300"/>
      <c r="ET13" s="295">
        <v>0</v>
      </c>
      <c r="EU13" s="295">
        <v>0</v>
      </c>
      <c r="EV13" s="295">
        <v>0</v>
      </c>
      <c r="EW13" s="295">
        <v>196</v>
      </c>
      <c r="EX13" s="295">
        <v>0</v>
      </c>
      <c r="EY13" s="298">
        <v>196</v>
      </c>
      <c r="EZ13" s="299">
        <v>196</v>
      </c>
      <c r="FA13" s="294">
        <v>0</v>
      </c>
      <c r="FB13" s="295">
        <v>0</v>
      </c>
      <c r="FC13" s="296">
        <v>0</v>
      </c>
      <c r="FD13" s="300"/>
      <c r="FE13" s="295">
        <v>0</v>
      </c>
      <c r="FF13" s="295">
        <v>0</v>
      </c>
      <c r="FG13" s="295">
        <v>0</v>
      </c>
      <c r="FH13" s="295">
        <v>0</v>
      </c>
      <c r="FI13" s="295">
        <v>588</v>
      </c>
      <c r="FJ13" s="298">
        <v>588</v>
      </c>
      <c r="FK13" s="299">
        <v>588</v>
      </c>
      <c r="FL13" s="294">
        <v>0</v>
      </c>
      <c r="FM13" s="295">
        <v>0</v>
      </c>
      <c r="FN13" s="296">
        <v>0</v>
      </c>
      <c r="FO13" s="300"/>
      <c r="FP13" s="295">
        <v>0</v>
      </c>
      <c r="FQ13" s="295">
        <v>0</v>
      </c>
      <c r="FR13" s="295">
        <v>0</v>
      </c>
      <c r="FS13" s="295">
        <v>19488</v>
      </c>
      <c r="FT13" s="295">
        <v>0</v>
      </c>
      <c r="FU13" s="298">
        <v>19488</v>
      </c>
      <c r="FV13" s="299">
        <v>19488</v>
      </c>
      <c r="FW13" s="294">
        <v>0</v>
      </c>
      <c r="FX13" s="295">
        <v>1392</v>
      </c>
      <c r="FY13" s="296">
        <v>1392</v>
      </c>
      <c r="FZ13" s="297">
        <v>0</v>
      </c>
      <c r="GA13" s="295">
        <v>53087</v>
      </c>
      <c r="GB13" s="295">
        <v>166059</v>
      </c>
      <c r="GC13" s="295">
        <v>259911</v>
      </c>
      <c r="GD13" s="295">
        <v>129528</v>
      </c>
      <c r="GE13" s="295">
        <v>86462</v>
      </c>
      <c r="GF13" s="298">
        <v>695047</v>
      </c>
      <c r="GG13" s="299">
        <v>696439</v>
      </c>
      <c r="GH13" s="294">
        <v>0</v>
      </c>
      <c r="GI13" s="295">
        <v>0</v>
      </c>
      <c r="GJ13" s="296">
        <v>0</v>
      </c>
      <c r="GK13" s="297">
        <v>0</v>
      </c>
      <c r="GL13" s="295">
        <v>49</v>
      </c>
      <c r="GM13" s="295">
        <v>217</v>
      </c>
      <c r="GN13" s="295">
        <v>4422</v>
      </c>
      <c r="GO13" s="295">
        <v>503</v>
      </c>
      <c r="GP13" s="295">
        <v>21</v>
      </c>
      <c r="GQ13" s="298">
        <v>5212</v>
      </c>
      <c r="GR13" s="299">
        <v>5212</v>
      </c>
      <c r="GS13" s="294">
        <v>0</v>
      </c>
      <c r="GT13" s="295">
        <v>0</v>
      </c>
      <c r="GU13" s="296">
        <v>0</v>
      </c>
      <c r="GV13" s="297">
        <v>0</v>
      </c>
      <c r="GW13" s="295">
        <v>0</v>
      </c>
      <c r="GX13" s="295">
        <v>0</v>
      </c>
      <c r="GY13" s="295">
        <v>0</v>
      </c>
      <c r="GZ13" s="295">
        <v>0</v>
      </c>
      <c r="HA13" s="295">
        <v>0</v>
      </c>
      <c r="HB13" s="298">
        <v>0</v>
      </c>
      <c r="HC13" s="299">
        <v>0</v>
      </c>
      <c r="HD13" s="294">
        <v>0</v>
      </c>
      <c r="HE13" s="295">
        <v>0</v>
      </c>
      <c r="HF13" s="296">
        <v>0</v>
      </c>
      <c r="HG13" s="300"/>
      <c r="HH13" s="295">
        <v>0</v>
      </c>
      <c r="HI13" s="295">
        <v>0</v>
      </c>
      <c r="HJ13" s="295">
        <v>0</v>
      </c>
      <c r="HK13" s="295">
        <v>0</v>
      </c>
      <c r="HL13" s="295">
        <v>0</v>
      </c>
      <c r="HM13" s="298">
        <v>0</v>
      </c>
      <c r="HN13" s="299">
        <v>0</v>
      </c>
      <c r="HO13" s="294">
        <v>0</v>
      </c>
      <c r="HP13" s="295">
        <v>1422</v>
      </c>
      <c r="HQ13" s="296">
        <v>1422</v>
      </c>
      <c r="HR13" s="297">
        <v>0</v>
      </c>
      <c r="HS13" s="295">
        <v>386305</v>
      </c>
      <c r="HT13" s="295">
        <v>511365</v>
      </c>
      <c r="HU13" s="295">
        <v>3997853</v>
      </c>
      <c r="HV13" s="295">
        <v>4748623</v>
      </c>
      <c r="HW13" s="295">
        <v>2857781</v>
      </c>
      <c r="HX13" s="298">
        <v>12501927</v>
      </c>
      <c r="HY13" s="299">
        <v>12503349</v>
      </c>
    </row>
    <row r="14" spans="2:233" ht="21" customHeight="1" x14ac:dyDescent="0.2">
      <c r="B14" s="292" t="s">
        <v>10</v>
      </c>
      <c r="C14" s="294">
        <v>675</v>
      </c>
      <c r="D14" s="295">
        <v>11560</v>
      </c>
      <c r="E14" s="296">
        <v>12235</v>
      </c>
      <c r="F14" s="297">
        <v>0</v>
      </c>
      <c r="G14" s="295">
        <v>715775</v>
      </c>
      <c r="H14" s="295">
        <v>1035708</v>
      </c>
      <c r="I14" s="295">
        <v>2899479</v>
      </c>
      <c r="J14" s="295">
        <v>4119945</v>
      </c>
      <c r="K14" s="295">
        <v>3746106</v>
      </c>
      <c r="L14" s="298">
        <v>12517013</v>
      </c>
      <c r="M14" s="299">
        <v>12529248</v>
      </c>
      <c r="N14" s="294">
        <v>0</v>
      </c>
      <c r="O14" s="295">
        <v>0</v>
      </c>
      <c r="P14" s="296">
        <v>0</v>
      </c>
      <c r="Q14" s="300"/>
      <c r="R14" s="295">
        <v>68175</v>
      </c>
      <c r="S14" s="295">
        <v>267960</v>
      </c>
      <c r="T14" s="295">
        <v>1828382</v>
      </c>
      <c r="U14" s="295">
        <v>2789804</v>
      </c>
      <c r="V14" s="295">
        <v>3134235</v>
      </c>
      <c r="W14" s="298">
        <v>8088556</v>
      </c>
      <c r="X14" s="299">
        <v>8088556</v>
      </c>
      <c r="Y14" s="294">
        <v>0</v>
      </c>
      <c r="Z14" s="295">
        <v>0</v>
      </c>
      <c r="AA14" s="296">
        <v>0</v>
      </c>
      <c r="AB14" s="300"/>
      <c r="AC14" s="295">
        <v>521900</v>
      </c>
      <c r="AD14" s="295">
        <v>563931</v>
      </c>
      <c r="AE14" s="295">
        <v>834355</v>
      </c>
      <c r="AF14" s="295">
        <v>897891</v>
      </c>
      <c r="AG14" s="295">
        <v>370512</v>
      </c>
      <c r="AH14" s="298">
        <v>3188589</v>
      </c>
      <c r="AI14" s="299">
        <v>3188589</v>
      </c>
      <c r="AJ14" s="294">
        <v>0</v>
      </c>
      <c r="AK14" s="295">
        <v>0</v>
      </c>
      <c r="AL14" s="296">
        <v>0</v>
      </c>
      <c r="AM14" s="300"/>
      <c r="AN14" s="295">
        <v>0</v>
      </c>
      <c r="AO14" s="295">
        <v>0</v>
      </c>
      <c r="AP14" s="295">
        <v>0</v>
      </c>
      <c r="AQ14" s="295">
        <v>0</v>
      </c>
      <c r="AR14" s="295">
        <v>85</v>
      </c>
      <c r="AS14" s="298">
        <v>85</v>
      </c>
      <c r="AT14" s="299">
        <v>85</v>
      </c>
      <c r="AU14" s="294">
        <v>0</v>
      </c>
      <c r="AV14" s="295">
        <v>0</v>
      </c>
      <c r="AW14" s="296">
        <v>0</v>
      </c>
      <c r="AX14" s="300"/>
      <c r="AY14" s="295">
        <v>0</v>
      </c>
      <c r="AZ14" s="295">
        <v>0</v>
      </c>
      <c r="BA14" s="295">
        <v>0</v>
      </c>
      <c r="BB14" s="295">
        <v>59080</v>
      </c>
      <c r="BC14" s="295">
        <v>143680</v>
      </c>
      <c r="BD14" s="298">
        <v>202760</v>
      </c>
      <c r="BE14" s="299">
        <v>202760</v>
      </c>
      <c r="BF14" s="294">
        <v>0</v>
      </c>
      <c r="BG14" s="295">
        <v>0</v>
      </c>
      <c r="BH14" s="296">
        <v>0</v>
      </c>
      <c r="BI14" s="300"/>
      <c r="BJ14" s="295">
        <v>0</v>
      </c>
      <c r="BK14" s="295">
        <v>0</v>
      </c>
      <c r="BL14" s="295">
        <v>0</v>
      </c>
      <c r="BM14" s="295">
        <v>88620</v>
      </c>
      <c r="BN14" s="295">
        <v>34300</v>
      </c>
      <c r="BO14" s="298">
        <v>122920</v>
      </c>
      <c r="BP14" s="299">
        <v>122920</v>
      </c>
      <c r="BQ14" s="294">
        <v>675</v>
      </c>
      <c r="BR14" s="295">
        <v>11560</v>
      </c>
      <c r="BS14" s="296">
        <v>12235</v>
      </c>
      <c r="BT14" s="297">
        <v>0</v>
      </c>
      <c r="BU14" s="295">
        <v>125700</v>
      </c>
      <c r="BV14" s="295">
        <v>197685</v>
      </c>
      <c r="BW14" s="295">
        <v>233503</v>
      </c>
      <c r="BX14" s="295">
        <v>245372</v>
      </c>
      <c r="BY14" s="295">
        <v>57180</v>
      </c>
      <c r="BZ14" s="298">
        <v>859440</v>
      </c>
      <c r="CA14" s="299">
        <v>871675</v>
      </c>
      <c r="CB14" s="294">
        <v>0</v>
      </c>
      <c r="CC14" s="295">
        <v>0</v>
      </c>
      <c r="CD14" s="296">
        <v>0</v>
      </c>
      <c r="CE14" s="297">
        <v>0</v>
      </c>
      <c r="CF14" s="295">
        <v>0</v>
      </c>
      <c r="CG14" s="295">
        <v>6132</v>
      </c>
      <c r="CH14" s="295">
        <v>3239</v>
      </c>
      <c r="CI14" s="295">
        <v>39178</v>
      </c>
      <c r="CJ14" s="295">
        <v>6114</v>
      </c>
      <c r="CK14" s="298">
        <v>54663</v>
      </c>
      <c r="CL14" s="299">
        <v>54663</v>
      </c>
      <c r="CM14" s="294">
        <v>0</v>
      </c>
      <c r="CN14" s="295">
        <v>0</v>
      </c>
      <c r="CO14" s="296">
        <v>0</v>
      </c>
      <c r="CP14" s="297">
        <v>0</v>
      </c>
      <c r="CQ14" s="295">
        <v>0</v>
      </c>
      <c r="CR14" s="295">
        <v>0</v>
      </c>
      <c r="CS14" s="295">
        <v>0</v>
      </c>
      <c r="CT14" s="295">
        <v>0</v>
      </c>
      <c r="CU14" s="295">
        <v>0</v>
      </c>
      <c r="CV14" s="298">
        <v>0</v>
      </c>
      <c r="CW14" s="299">
        <v>0</v>
      </c>
      <c r="CX14" s="294">
        <v>0</v>
      </c>
      <c r="CY14" s="295">
        <v>0</v>
      </c>
      <c r="CZ14" s="296">
        <v>0</v>
      </c>
      <c r="DA14" s="300"/>
      <c r="DB14" s="295">
        <v>0</v>
      </c>
      <c r="DC14" s="295">
        <v>0</v>
      </c>
      <c r="DD14" s="295">
        <v>0</v>
      </c>
      <c r="DE14" s="295">
        <v>0</v>
      </c>
      <c r="DF14" s="295">
        <v>0</v>
      </c>
      <c r="DG14" s="298">
        <v>0</v>
      </c>
      <c r="DH14" s="299">
        <v>0</v>
      </c>
      <c r="DI14" s="294">
        <v>2088</v>
      </c>
      <c r="DJ14" s="295">
        <v>11584</v>
      </c>
      <c r="DK14" s="296">
        <v>13672</v>
      </c>
      <c r="DL14" s="297">
        <v>0</v>
      </c>
      <c r="DM14" s="295">
        <v>459737</v>
      </c>
      <c r="DN14" s="295">
        <v>822947</v>
      </c>
      <c r="DO14" s="295">
        <v>3503874</v>
      </c>
      <c r="DP14" s="295">
        <v>4747311</v>
      </c>
      <c r="DQ14" s="295">
        <v>3912453</v>
      </c>
      <c r="DR14" s="298">
        <v>13446322</v>
      </c>
      <c r="DS14" s="301">
        <v>13459994</v>
      </c>
      <c r="DT14" s="294">
        <v>0</v>
      </c>
      <c r="DU14" s="295">
        <v>0</v>
      </c>
      <c r="DV14" s="296">
        <v>0</v>
      </c>
      <c r="DW14" s="300"/>
      <c r="DX14" s="295">
        <v>162288</v>
      </c>
      <c r="DY14" s="295">
        <v>395752</v>
      </c>
      <c r="DZ14" s="295">
        <v>2921545</v>
      </c>
      <c r="EA14" s="295">
        <v>3889314</v>
      </c>
      <c r="EB14" s="295">
        <v>3647734</v>
      </c>
      <c r="EC14" s="298">
        <v>11016633</v>
      </c>
      <c r="ED14" s="299">
        <v>11016633</v>
      </c>
      <c r="EE14" s="294">
        <v>0</v>
      </c>
      <c r="EF14" s="295">
        <v>0</v>
      </c>
      <c r="EG14" s="296">
        <v>0</v>
      </c>
      <c r="EH14" s="300"/>
      <c r="EI14" s="295">
        <v>101312</v>
      </c>
      <c r="EJ14" s="295">
        <v>130725</v>
      </c>
      <c r="EK14" s="295">
        <v>154540</v>
      </c>
      <c r="EL14" s="295">
        <v>266147</v>
      </c>
      <c r="EM14" s="295">
        <v>62880</v>
      </c>
      <c r="EN14" s="298">
        <v>715604</v>
      </c>
      <c r="EO14" s="299">
        <v>715604</v>
      </c>
      <c r="EP14" s="294">
        <v>0</v>
      </c>
      <c r="EQ14" s="295">
        <v>0</v>
      </c>
      <c r="ER14" s="296">
        <v>0</v>
      </c>
      <c r="ES14" s="300"/>
      <c r="ET14" s="295">
        <v>0</v>
      </c>
      <c r="EU14" s="295">
        <v>0</v>
      </c>
      <c r="EV14" s="295">
        <v>0</v>
      </c>
      <c r="EW14" s="295">
        <v>0</v>
      </c>
      <c r="EX14" s="295">
        <v>0</v>
      </c>
      <c r="EY14" s="298">
        <v>0</v>
      </c>
      <c r="EZ14" s="299">
        <v>0</v>
      </c>
      <c r="FA14" s="294">
        <v>0</v>
      </c>
      <c r="FB14" s="295">
        <v>0</v>
      </c>
      <c r="FC14" s="296">
        <v>0</v>
      </c>
      <c r="FD14" s="300"/>
      <c r="FE14" s="295">
        <v>0</v>
      </c>
      <c r="FF14" s="295">
        <v>0</v>
      </c>
      <c r="FG14" s="295">
        <v>0</v>
      </c>
      <c r="FH14" s="295">
        <v>392</v>
      </c>
      <c r="FI14" s="295">
        <v>2506</v>
      </c>
      <c r="FJ14" s="298">
        <v>2898</v>
      </c>
      <c r="FK14" s="299">
        <v>2898</v>
      </c>
      <c r="FL14" s="294">
        <v>0</v>
      </c>
      <c r="FM14" s="295">
        <v>0</v>
      </c>
      <c r="FN14" s="296">
        <v>0</v>
      </c>
      <c r="FO14" s="300"/>
      <c r="FP14" s="295">
        <v>0</v>
      </c>
      <c r="FQ14" s="295">
        <v>0</v>
      </c>
      <c r="FR14" s="295">
        <v>0</v>
      </c>
      <c r="FS14" s="295">
        <v>87444</v>
      </c>
      <c r="FT14" s="295">
        <v>62524</v>
      </c>
      <c r="FU14" s="298">
        <v>149968</v>
      </c>
      <c r="FV14" s="299">
        <v>149968</v>
      </c>
      <c r="FW14" s="294">
        <v>2088</v>
      </c>
      <c r="FX14" s="295">
        <v>11584</v>
      </c>
      <c r="FY14" s="296">
        <v>13672</v>
      </c>
      <c r="FZ14" s="297">
        <v>0</v>
      </c>
      <c r="GA14" s="295">
        <v>196137</v>
      </c>
      <c r="GB14" s="295">
        <v>293206</v>
      </c>
      <c r="GC14" s="295">
        <v>426623</v>
      </c>
      <c r="GD14" s="295">
        <v>491133</v>
      </c>
      <c r="GE14" s="295">
        <v>134219</v>
      </c>
      <c r="GF14" s="298">
        <v>1541318</v>
      </c>
      <c r="GG14" s="299">
        <v>1554990</v>
      </c>
      <c r="GH14" s="294">
        <v>0</v>
      </c>
      <c r="GI14" s="295">
        <v>0</v>
      </c>
      <c r="GJ14" s="296">
        <v>0</v>
      </c>
      <c r="GK14" s="297">
        <v>0</v>
      </c>
      <c r="GL14" s="295">
        <v>0</v>
      </c>
      <c r="GM14" s="295">
        <v>3264</v>
      </c>
      <c r="GN14" s="295">
        <v>1166</v>
      </c>
      <c r="GO14" s="295">
        <v>12881</v>
      </c>
      <c r="GP14" s="295">
        <v>2590</v>
      </c>
      <c r="GQ14" s="298">
        <v>19901</v>
      </c>
      <c r="GR14" s="299">
        <v>19901</v>
      </c>
      <c r="GS14" s="294">
        <v>0</v>
      </c>
      <c r="GT14" s="295">
        <v>0</v>
      </c>
      <c r="GU14" s="296">
        <v>0</v>
      </c>
      <c r="GV14" s="297">
        <v>0</v>
      </c>
      <c r="GW14" s="295">
        <v>0</v>
      </c>
      <c r="GX14" s="295">
        <v>0</v>
      </c>
      <c r="GY14" s="295">
        <v>0</v>
      </c>
      <c r="GZ14" s="295">
        <v>0</v>
      </c>
      <c r="HA14" s="295">
        <v>0</v>
      </c>
      <c r="HB14" s="298">
        <v>0</v>
      </c>
      <c r="HC14" s="299">
        <v>0</v>
      </c>
      <c r="HD14" s="294">
        <v>0</v>
      </c>
      <c r="HE14" s="295">
        <v>0</v>
      </c>
      <c r="HF14" s="296">
        <v>0</v>
      </c>
      <c r="HG14" s="300"/>
      <c r="HH14" s="295">
        <v>0</v>
      </c>
      <c r="HI14" s="295">
        <v>0</v>
      </c>
      <c r="HJ14" s="295">
        <v>0</v>
      </c>
      <c r="HK14" s="295">
        <v>0</v>
      </c>
      <c r="HL14" s="295">
        <v>0</v>
      </c>
      <c r="HM14" s="298">
        <v>0</v>
      </c>
      <c r="HN14" s="299">
        <v>0</v>
      </c>
      <c r="HO14" s="294">
        <v>2763</v>
      </c>
      <c r="HP14" s="295">
        <v>23144</v>
      </c>
      <c r="HQ14" s="296">
        <v>25907</v>
      </c>
      <c r="HR14" s="297">
        <v>0</v>
      </c>
      <c r="HS14" s="295">
        <v>1175512</v>
      </c>
      <c r="HT14" s="295">
        <v>1858655</v>
      </c>
      <c r="HU14" s="295">
        <v>6403353</v>
      </c>
      <c r="HV14" s="295">
        <v>8867256</v>
      </c>
      <c r="HW14" s="295">
        <v>7658559</v>
      </c>
      <c r="HX14" s="298">
        <v>25963335</v>
      </c>
      <c r="HY14" s="299">
        <v>25989242</v>
      </c>
    </row>
    <row r="15" spans="2:233" ht="21" customHeight="1" x14ac:dyDescent="0.2">
      <c r="B15" s="292" t="s">
        <v>11</v>
      </c>
      <c r="C15" s="294">
        <v>3920</v>
      </c>
      <c r="D15" s="295">
        <v>3760</v>
      </c>
      <c r="E15" s="296">
        <v>7680</v>
      </c>
      <c r="F15" s="297">
        <v>0</v>
      </c>
      <c r="G15" s="295">
        <v>718303</v>
      </c>
      <c r="H15" s="295">
        <v>924832</v>
      </c>
      <c r="I15" s="295">
        <v>2404540</v>
      </c>
      <c r="J15" s="295">
        <v>3781929</v>
      </c>
      <c r="K15" s="295">
        <v>1911651</v>
      </c>
      <c r="L15" s="298">
        <v>9741255</v>
      </c>
      <c r="M15" s="299">
        <v>9748935</v>
      </c>
      <c r="N15" s="294">
        <v>0</v>
      </c>
      <c r="O15" s="295">
        <v>0</v>
      </c>
      <c r="P15" s="296">
        <v>0</v>
      </c>
      <c r="Q15" s="300"/>
      <c r="R15" s="295">
        <v>2380</v>
      </c>
      <c r="S15" s="295">
        <v>93800</v>
      </c>
      <c r="T15" s="295">
        <v>1588590</v>
      </c>
      <c r="U15" s="295">
        <v>2530285</v>
      </c>
      <c r="V15" s="295">
        <v>1161130</v>
      </c>
      <c r="W15" s="298">
        <v>5376185</v>
      </c>
      <c r="X15" s="299">
        <v>5376185</v>
      </c>
      <c r="Y15" s="294">
        <v>0</v>
      </c>
      <c r="Z15" s="295">
        <v>0</v>
      </c>
      <c r="AA15" s="296">
        <v>0</v>
      </c>
      <c r="AB15" s="300"/>
      <c r="AC15" s="295">
        <v>622763</v>
      </c>
      <c r="AD15" s="295">
        <v>636260</v>
      </c>
      <c r="AE15" s="295">
        <v>615180</v>
      </c>
      <c r="AF15" s="295">
        <v>886795</v>
      </c>
      <c r="AG15" s="295">
        <v>408515</v>
      </c>
      <c r="AH15" s="298">
        <v>3169513</v>
      </c>
      <c r="AI15" s="299">
        <v>3169513</v>
      </c>
      <c r="AJ15" s="294">
        <v>0</v>
      </c>
      <c r="AK15" s="295">
        <v>0</v>
      </c>
      <c r="AL15" s="296">
        <v>0</v>
      </c>
      <c r="AM15" s="300"/>
      <c r="AN15" s="295">
        <v>0</v>
      </c>
      <c r="AO15" s="295">
        <v>0</v>
      </c>
      <c r="AP15" s="295">
        <v>0</v>
      </c>
      <c r="AQ15" s="295">
        <v>0</v>
      </c>
      <c r="AR15" s="295">
        <v>0</v>
      </c>
      <c r="AS15" s="298">
        <v>0</v>
      </c>
      <c r="AT15" s="299">
        <v>0</v>
      </c>
      <c r="AU15" s="294">
        <v>0</v>
      </c>
      <c r="AV15" s="295">
        <v>0</v>
      </c>
      <c r="AW15" s="296">
        <v>0</v>
      </c>
      <c r="AX15" s="300"/>
      <c r="AY15" s="295">
        <v>22260</v>
      </c>
      <c r="AZ15" s="295">
        <v>26140</v>
      </c>
      <c r="BA15" s="295">
        <v>85540</v>
      </c>
      <c r="BB15" s="295">
        <v>111810</v>
      </c>
      <c r="BC15" s="295">
        <v>226310</v>
      </c>
      <c r="BD15" s="298">
        <v>472060</v>
      </c>
      <c r="BE15" s="299">
        <v>472060</v>
      </c>
      <c r="BF15" s="294">
        <v>0</v>
      </c>
      <c r="BG15" s="295">
        <v>0</v>
      </c>
      <c r="BH15" s="296">
        <v>0</v>
      </c>
      <c r="BI15" s="300"/>
      <c r="BJ15" s="295">
        <v>0</v>
      </c>
      <c r="BK15" s="295">
        <v>22260</v>
      </c>
      <c r="BL15" s="295">
        <v>0</v>
      </c>
      <c r="BM15" s="295">
        <v>0</v>
      </c>
      <c r="BN15" s="295">
        <v>0</v>
      </c>
      <c r="BO15" s="298">
        <v>22260</v>
      </c>
      <c r="BP15" s="299">
        <v>22260</v>
      </c>
      <c r="BQ15" s="294">
        <v>3920</v>
      </c>
      <c r="BR15" s="295">
        <v>3760</v>
      </c>
      <c r="BS15" s="296">
        <v>7680</v>
      </c>
      <c r="BT15" s="297">
        <v>0</v>
      </c>
      <c r="BU15" s="295">
        <v>64985</v>
      </c>
      <c r="BV15" s="295">
        <v>140767</v>
      </c>
      <c r="BW15" s="295">
        <v>115085</v>
      </c>
      <c r="BX15" s="295">
        <v>250111</v>
      </c>
      <c r="BY15" s="295">
        <v>111251</v>
      </c>
      <c r="BZ15" s="298">
        <v>682199</v>
      </c>
      <c r="CA15" s="299">
        <v>689879</v>
      </c>
      <c r="CB15" s="294">
        <v>0</v>
      </c>
      <c r="CC15" s="295">
        <v>0</v>
      </c>
      <c r="CD15" s="296">
        <v>0</v>
      </c>
      <c r="CE15" s="297">
        <v>0</v>
      </c>
      <c r="CF15" s="295">
        <v>5915</v>
      </c>
      <c r="CG15" s="295">
        <v>5605</v>
      </c>
      <c r="CH15" s="295">
        <v>145</v>
      </c>
      <c r="CI15" s="295">
        <v>2928</v>
      </c>
      <c r="CJ15" s="295">
        <v>4445</v>
      </c>
      <c r="CK15" s="298">
        <v>19038</v>
      </c>
      <c r="CL15" s="299">
        <v>19038</v>
      </c>
      <c r="CM15" s="294">
        <v>0</v>
      </c>
      <c r="CN15" s="295">
        <v>0</v>
      </c>
      <c r="CO15" s="296">
        <v>0</v>
      </c>
      <c r="CP15" s="297">
        <v>0</v>
      </c>
      <c r="CQ15" s="295">
        <v>0</v>
      </c>
      <c r="CR15" s="295">
        <v>0</v>
      </c>
      <c r="CS15" s="295">
        <v>0</v>
      </c>
      <c r="CT15" s="295">
        <v>0</v>
      </c>
      <c r="CU15" s="295">
        <v>0</v>
      </c>
      <c r="CV15" s="298">
        <v>0</v>
      </c>
      <c r="CW15" s="299">
        <v>0</v>
      </c>
      <c r="CX15" s="294">
        <v>0</v>
      </c>
      <c r="CY15" s="295">
        <v>0</v>
      </c>
      <c r="CZ15" s="296">
        <v>0</v>
      </c>
      <c r="DA15" s="300"/>
      <c r="DB15" s="295">
        <v>0</v>
      </c>
      <c r="DC15" s="295">
        <v>0</v>
      </c>
      <c r="DD15" s="295">
        <v>0</v>
      </c>
      <c r="DE15" s="295">
        <v>0</v>
      </c>
      <c r="DF15" s="295">
        <v>0</v>
      </c>
      <c r="DG15" s="298">
        <v>0</v>
      </c>
      <c r="DH15" s="299">
        <v>0</v>
      </c>
      <c r="DI15" s="294">
        <v>6008</v>
      </c>
      <c r="DJ15" s="295">
        <v>3510</v>
      </c>
      <c r="DK15" s="296">
        <v>9518</v>
      </c>
      <c r="DL15" s="297">
        <v>0</v>
      </c>
      <c r="DM15" s="295">
        <v>232179</v>
      </c>
      <c r="DN15" s="295">
        <v>394604</v>
      </c>
      <c r="DO15" s="295">
        <v>2309930</v>
      </c>
      <c r="DP15" s="295">
        <v>3406190</v>
      </c>
      <c r="DQ15" s="295">
        <v>1599816</v>
      </c>
      <c r="DR15" s="298">
        <v>7942719</v>
      </c>
      <c r="DS15" s="301">
        <v>7952237</v>
      </c>
      <c r="DT15" s="294">
        <v>0</v>
      </c>
      <c r="DU15" s="295">
        <v>0</v>
      </c>
      <c r="DV15" s="296">
        <v>0</v>
      </c>
      <c r="DW15" s="300"/>
      <c r="DX15" s="295">
        <v>19488</v>
      </c>
      <c r="DY15" s="295">
        <v>87388</v>
      </c>
      <c r="DZ15" s="295">
        <v>1968991</v>
      </c>
      <c r="EA15" s="295">
        <v>3014539</v>
      </c>
      <c r="EB15" s="295">
        <v>1409004</v>
      </c>
      <c r="EC15" s="298">
        <v>6499410</v>
      </c>
      <c r="ED15" s="299">
        <v>6499410</v>
      </c>
      <c r="EE15" s="294">
        <v>0</v>
      </c>
      <c r="EF15" s="295">
        <v>0</v>
      </c>
      <c r="EG15" s="296">
        <v>0</v>
      </c>
      <c r="EH15" s="300"/>
      <c r="EI15" s="295">
        <v>118965</v>
      </c>
      <c r="EJ15" s="295">
        <v>129955</v>
      </c>
      <c r="EK15" s="295">
        <v>112840</v>
      </c>
      <c r="EL15" s="295">
        <v>136152</v>
      </c>
      <c r="EM15" s="295">
        <v>52155</v>
      </c>
      <c r="EN15" s="298">
        <v>550067</v>
      </c>
      <c r="EO15" s="299">
        <v>550067</v>
      </c>
      <c r="EP15" s="294">
        <v>0</v>
      </c>
      <c r="EQ15" s="295">
        <v>0</v>
      </c>
      <c r="ER15" s="296">
        <v>0</v>
      </c>
      <c r="ES15" s="300"/>
      <c r="ET15" s="295">
        <v>0</v>
      </c>
      <c r="EU15" s="295">
        <v>0</v>
      </c>
      <c r="EV15" s="295">
        <v>0</v>
      </c>
      <c r="EW15" s="295">
        <v>0</v>
      </c>
      <c r="EX15" s="295">
        <v>0</v>
      </c>
      <c r="EY15" s="298">
        <v>0</v>
      </c>
      <c r="EZ15" s="299">
        <v>0</v>
      </c>
      <c r="FA15" s="294">
        <v>0</v>
      </c>
      <c r="FB15" s="295">
        <v>0</v>
      </c>
      <c r="FC15" s="296">
        <v>0</v>
      </c>
      <c r="FD15" s="300"/>
      <c r="FE15" s="295">
        <v>196</v>
      </c>
      <c r="FF15" s="295">
        <v>10051</v>
      </c>
      <c r="FG15" s="295">
        <v>32569</v>
      </c>
      <c r="FH15" s="295">
        <v>21882</v>
      </c>
      <c r="FI15" s="295">
        <v>23044</v>
      </c>
      <c r="FJ15" s="298">
        <v>87742</v>
      </c>
      <c r="FK15" s="299">
        <v>87742</v>
      </c>
      <c r="FL15" s="294">
        <v>0</v>
      </c>
      <c r="FM15" s="295">
        <v>0</v>
      </c>
      <c r="FN15" s="296">
        <v>0</v>
      </c>
      <c r="FO15" s="300"/>
      <c r="FP15" s="295">
        <v>0</v>
      </c>
      <c r="FQ15" s="295">
        <v>19488</v>
      </c>
      <c r="FR15" s="295">
        <v>0</v>
      </c>
      <c r="FS15" s="295">
        <v>0</v>
      </c>
      <c r="FT15" s="295">
        <v>0</v>
      </c>
      <c r="FU15" s="298">
        <v>19488</v>
      </c>
      <c r="FV15" s="299">
        <v>19488</v>
      </c>
      <c r="FW15" s="294">
        <v>6008</v>
      </c>
      <c r="FX15" s="295">
        <v>3510</v>
      </c>
      <c r="FY15" s="296">
        <v>9518</v>
      </c>
      <c r="FZ15" s="297">
        <v>0</v>
      </c>
      <c r="GA15" s="295">
        <v>93481</v>
      </c>
      <c r="GB15" s="295">
        <v>146585</v>
      </c>
      <c r="GC15" s="295">
        <v>194456</v>
      </c>
      <c r="GD15" s="295">
        <v>231111</v>
      </c>
      <c r="GE15" s="295">
        <v>113690</v>
      </c>
      <c r="GF15" s="298">
        <v>779323</v>
      </c>
      <c r="GG15" s="299">
        <v>788841</v>
      </c>
      <c r="GH15" s="294">
        <v>0</v>
      </c>
      <c r="GI15" s="295">
        <v>0</v>
      </c>
      <c r="GJ15" s="296">
        <v>0</v>
      </c>
      <c r="GK15" s="297">
        <v>0</v>
      </c>
      <c r="GL15" s="295">
        <v>49</v>
      </c>
      <c r="GM15" s="295">
        <v>1137</v>
      </c>
      <c r="GN15" s="295">
        <v>1074</v>
      </c>
      <c r="GO15" s="295">
        <v>2506</v>
      </c>
      <c r="GP15" s="295">
        <v>1923</v>
      </c>
      <c r="GQ15" s="298">
        <v>6689</v>
      </c>
      <c r="GR15" s="299">
        <v>6689</v>
      </c>
      <c r="GS15" s="294">
        <v>0</v>
      </c>
      <c r="GT15" s="295">
        <v>0</v>
      </c>
      <c r="GU15" s="296">
        <v>0</v>
      </c>
      <c r="GV15" s="297">
        <v>0</v>
      </c>
      <c r="GW15" s="295">
        <v>0</v>
      </c>
      <c r="GX15" s="295">
        <v>0</v>
      </c>
      <c r="GY15" s="295">
        <v>0</v>
      </c>
      <c r="GZ15" s="295">
        <v>0</v>
      </c>
      <c r="HA15" s="295">
        <v>0</v>
      </c>
      <c r="HB15" s="298">
        <v>0</v>
      </c>
      <c r="HC15" s="299">
        <v>0</v>
      </c>
      <c r="HD15" s="294">
        <v>0</v>
      </c>
      <c r="HE15" s="295">
        <v>0</v>
      </c>
      <c r="HF15" s="296">
        <v>0</v>
      </c>
      <c r="HG15" s="300"/>
      <c r="HH15" s="295">
        <v>0</v>
      </c>
      <c r="HI15" s="295">
        <v>0</v>
      </c>
      <c r="HJ15" s="295">
        <v>0</v>
      </c>
      <c r="HK15" s="295">
        <v>0</v>
      </c>
      <c r="HL15" s="295">
        <v>0</v>
      </c>
      <c r="HM15" s="298">
        <v>0</v>
      </c>
      <c r="HN15" s="299">
        <v>0</v>
      </c>
      <c r="HO15" s="294">
        <v>9928</v>
      </c>
      <c r="HP15" s="295">
        <v>7270</v>
      </c>
      <c r="HQ15" s="296">
        <v>17198</v>
      </c>
      <c r="HR15" s="297">
        <v>0</v>
      </c>
      <c r="HS15" s="295">
        <v>950482</v>
      </c>
      <c r="HT15" s="295">
        <v>1319436</v>
      </c>
      <c r="HU15" s="295">
        <v>4714470</v>
      </c>
      <c r="HV15" s="295">
        <v>7188119</v>
      </c>
      <c r="HW15" s="295">
        <v>3511467</v>
      </c>
      <c r="HX15" s="298">
        <v>17683974</v>
      </c>
      <c r="HY15" s="299">
        <v>17701172</v>
      </c>
    </row>
    <row r="16" spans="2:233" ht="21" customHeight="1" x14ac:dyDescent="0.2">
      <c r="B16" s="292" t="s">
        <v>12</v>
      </c>
      <c r="C16" s="294">
        <v>3435</v>
      </c>
      <c r="D16" s="295">
        <v>5895</v>
      </c>
      <c r="E16" s="296">
        <v>9330</v>
      </c>
      <c r="F16" s="297">
        <v>0</v>
      </c>
      <c r="G16" s="295">
        <v>329650</v>
      </c>
      <c r="H16" s="295">
        <v>487988</v>
      </c>
      <c r="I16" s="295">
        <v>2345687</v>
      </c>
      <c r="J16" s="295">
        <v>3215823</v>
      </c>
      <c r="K16" s="295">
        <v>1892400</v>
      </c>
      <c r="L16" s="298">
        <v>8271548</v>
      </c>
      <c r="M16" s="299">
        <v>8280878</v>
      </c>
      <c r="N16" s="294">
        <v>0</v>
      </c>
      <c r="O16" s="295">
        <v>0</v>
      </c>
      <c r="P16" s="296">
        <v>0</v>
      </c>
      <c r="Q16" s="300"/>
      <c r="R16" s="295">
        <v>0</v>
      </c>
      <c r="S16" s="295">
        <v>81765</v>
      </c>
      <c r="T16" s="295">
        <v>1216680</v>
      </c>
      <c r="U16" s="295">
        <v>2328516</v>
      </c>
      <c r="V16" s="295">
        <v>1416270</v>
      </c>
      <c r="W16" s="298">
        <v>5043231</v>
      </c>
      <c r="X16" s="299">
        <v>5043231</v>
      </c>
      <c r="Y16" s="294">
        <v>0</v>
      </c>
      <c r="Z16" s="295">
        <v>0</v>
      </c>
      <c r="AA16" s="296">
        <v>0</v>
      </c>
      <c r="AB16" s="300"/>
      <c r="AC16" s="295">
        <v>265235</v>
      </c>
      <c r="AD16" s="295">
        <v>351760</v>
      </c>
      <c r="AE16" s="295">
        <v>804702</v>
      </c>
      <c r="AF16" s="295">
        <v>582000</v>
      </c>
      <c r="AG16" s="295">
        <v>254443</v>
      </c>
      <c r="AH16" s="298">
        <v>2258140</v>
      </c>
      <c r="AI16" s="299">
        <v>2258140</v>
      </c>
      <c r="AJ16" s="294">
        <v>0</v>
      </c>
      <c r="AK16" s="295">
        <v>0</v>
      </c>
      <c r="AL16" s="296">
        <v>0</v>
      </c>
      <c r="AM16" s="300"/>
      <c r="AN16" s="295">
        <v>0</v>
      </c>
      <c r="AO16" s="295">
        <v>0</v>
      </c>
      <c r="AP16" s="295">
        <v>0</v>
      </c>
      <c r="AQ16" s="295">
        <v>0</v>
      </c>
      <c r="AR16" s="295">
        <v>0</v>
      </c>
      <c r="AS16" s="298">
        <v>0</v>
      </c>
      <c r="AT16" s="299">
        <v>0</v>
      </c>
      <c r="AU16" s="294">
        <v>0</v>
      </c>
      <c r="AV16" s="295">
        <v>0</v>
      </c>
      <c r="AW16" s="296">
        <v>0</v>
      </c>
      <c r="AX16" s="300"/>
      <c r="AY16" s="295">
        <v>0</v>
      </c>
      <c r="AZ16" s="295">
        <v>0</v>
      </c>
      <c r="BA16" s="295">
        <v>0</v>
      </c>
      <c r="BB16" s="295">
        <v>2380</v>
      </c>
      <c r="BC16" s="295">
        <v>38750</v>
      </c>
      <c r="BD16" s="298">
        <v>41130</v>
      </c>
      <c r="BE16" s="299">
        <v>41130</v>
      </c>
      <c r="BF16" s="294">
        <v>0</v>
      </c>
      <c r="BG16" s="295">
        <v>0</v>
      </c>
      <c r="BH16" s="296">
        <v>0</v>
      </c>
      <c r="BI16" s="300"/>
      <c r="BJ16" s="295">
        <v>0</v>
      </c>
      <c r="BK16" s="295">
        <v>0</v>
      </c>
      <c r="BL16" s="295">
        <v>131525</v>
      </c>
      <c r="BM16" s="295">
        <v>88480</v>
      </c>
      <c r="BN16" s="295">
        <v>34300</v>
      </c>
      <c r="BO16" s="298">
        <v>254305</v>
      </c>
      <c r="BP16" s="299">
        <v>254305</v>
      </c>
      <c r="BQ16" s="294">
        <v>3435</v>
      </c>
      <c r="BR16" s="295">
        <v>5895</v>
      </c>
      <c r="BS16" s="296">
        <v>9330</v>
      </c>
      <c r="BT16" s="297">
        <v>0</v>
      </c>
      <c r="BU16" s="295">
        <v>64415</v>
      </c>
      <c r="BV16" s="295">
        <v>51348</v>
      </c>
      <c r="BW16" s="295">
        <v>192780</v>
      </c>
      <c r="BX16" s="295">
        <v>214302</v>
      </c>
      <c r="BY16" s="295">
        <v>148637</v>
      </c>
      <c r="BZ16" s="298">
        <v>671482</v>
      </c>
      <c r="CA16" s="299">
        <v>680812</v>
      </c>
      <c r="CB16" s="294">
        <v>0</v>
      </c>
      <c r="CC16" s="295">
        <v>0</v>
      </c>
      <c r="CD16" s="296">
        <v>0</v>
      </c>
      <c r="CE16" s="297">
        <v>0</v>
      </c>
      <c r="CF16" s="295">
        <v>0</v>
      </c>
      <c r="CG16" s="295">
        <v>3115</v>
      </c>
      <c r="CH16" s="295">
        <v>0</v>
      </c>
      <c r="CI16" s="295">
        <v>145</v>
      </c>
      <c r="CJ16" s="295">
        <v>0</v>
      </c>
      <c r="CK16" s="298">
        <v>3260</v>
      </c>
      <c r="CL16" s="299">
        <v>3260</v>
      </c>
      <c r="CM16" s="294">
        <v>0</v>
      </c>
      <c r="CN16" s="295">
        <v>0</v>
      </c>
      <c r="CO16" s="296">
        <v>0</v>
      </c>
      <c r="CP16" s="297">
        <v>0</v>
      </c>
      <c r="CQ16" s="295">
        <v>0</v>
      </c>
      <c r="CR16" s="295">
        <v>0</v>
      </c>
      <c r="CS16" s="295">
        <v>0</v>
      </c>
      <c r="CT16" s="295">
        <v>0</v>
      </c>
      <c r="CU16" s="295">
        <v>0</v>
      </c>
      <c r="CV16" s="298">
        <v>0</v>
      </c>
      <c r="CW16" s="299">
        <v>0</v>
      </c>
      <c r="CX16" s="294">
        <v>0</v>
      </c>
      <c r="CY16" s="295">
        <v>0</v>
      </c>
      <c r="CZ16" s="296">
        <v>0</v>
      </c>
      <c r="DA16" s="300"/>
      <c r="DB16" s="295">
        <v>0</v>
      </c>
      <c r="DC16" s="295">
        <v>0</v>
      </c>
      <c r="DD16" s="295">
        <v>0</v>
      </c>
      <c r="DE16" s="295">
        <v>0</v>
      </c>
      <c r="DF16" s="295">
        <v>0</v>
      </c>
      <c r="DG16" s="298">
        <v>0</v>
      </c>
      <c r="DH16" s="299">
        <v>0</v>
      </c>
      <c r="DI16" s="294">
        <v>2553</v>
      </c>
      <c r="DJ16" s="295">
        <v>9355</v>
      </c>
      <c r="DK16" s="296">
        <v>11908</v>
      </c>
      <c r="DL16" s="297">
        <v>0</v>
      </c>
      <c r="DM16" s="295">
        <v>125064</v>
      </c>
      <c r="DN16" s="295">
        <v>390426</v>
      </c>
      <c r="DO16" s="295">
        <v>2517130</v>
      </c>
      <c r="DP16" s="295">
        <v>3482079</v>
      </c>
      <c r="DQ16" s="295">
        <v>2213420</v>
      </c>
      <c r="DR16" s="298">
        <v>8728119</v>
      </c>
      <c r="DS16" s="301">
        <v>8740027</v>
      </c>
      <c r="DT16" s="294">
        <v>0</v>
      </c>
      <c r="DU16" s="295">
        <v>0</v>
      </c>
      <c r="DV16" s="296">
        <v>0</v>
      </c>
      <c r="DW16" s="300"/>
      <c r="DX16" s="295">
        <v>0</v>
      </c>
      <c r="DY16" s="295">
        <v>227458</v>
      </c>
      <c r="DZ16" s="295">
        <v>1853105</v>
      </c>
      <c r="EA16" s="295">
        <v>2924440</v>
      </c>
      <c r="EB16" s="295">
        <v>1909196</v>
      </c>
      <c r="EC16" s="298">
        <v>6914199</v>
      </c>
      <c r="ED16" s="299">
        <v>6914199</v>
      </c>
      <c r="EE16" s="294">
        <v>0</v>
      </c>
      <c r="EF16" s="295">
        <v>0</v>
      </c>
      <c r="EG16" s="296">
        <v>0</v>
      </c>
      <c r="EH16" s="300"/>
      <c r="EI16" s="295">
        <v>22491</v>
      </c>
      <c r="EJ16" s="295">
        <v>56442</v>
      </c>
      <c r="EK16" s="295">
        <v>128167</v>
      </c>
      <c r="EL16" s="295">
        <v>78623</v>
      </c>
      <c r="EM16" s="295">
        <v>44163</v>
      </c>
      <c r="EN16" s="298">
        <v>329886</v>
      </c>
      <c r="EO16" s="299">
        <v>329886</v>
      </c>
      <c r="EP16" s="294">
        <v>0</v>
      </c>
      <c r="EQ16" s="295">
        <v>0</v>
      </c>
      <c r="ER16" s="296">
        <v>0</v>
      </c>
      <c r="ES16" s="300"/>
      <c r="ET16" s="295">
        <v>0</v>
      </c>
      <c r="EU16" s="295">
        <v>0</v>
      </c>
      <c r="EV16" s="295">
        <v>0</v>
      </c>
      <c r="EW16" s="295">
        <v>0</v>
      </c>
      <c r="EX16" s="295">
        <v>0</v>
      </c>
      <c r="EY16" s="298">
        <v>0</v>
      </c>
      <c r="EZ16" s="299">
        <v>0</v>
      </c>
      <c r="FA16" s="294">
        <v>0</v>
      </c>
      <c r="FB16" s="295">
        <v>0</v>
      </c>
      <c r="FC16" s="296">
        <v>0</v>
      </c>
      <c r="FD16" s="300"/>
      <c r="FE16" s="295">
        <v>0</v>
      </c>
      <c r="FF16" s="295">
        <v>0</v>
      </c>
      <c r="FG16" s="295">
        <v>0</v>
      </c>
      <c r="FH16" s="295">
        <v>210</v>
      </c>
      <c r="FI16" s="295">
        <v>1568</v>
      </c>
      <c r="FJ16" s="298">
        <v>1778</v>
      </c>
      <c r="FK16" s="299">
        <v>1778</v>
      </c>
      <c r="FL16" s="294">
        <v>0</v>
      </c>
      <c r="FM16" s="295">
        <v>0</v>
      </c>
      <c r="FN16" s="296">
        <v>0</v>
      </c>
      <c r="FO16" s="300"/>
      <c r="FP16" s="295">
        <v>0</v>
      </c>
      <c r="FQ16" s="295">
        <v>0</v>
      </c>
      <c r="FR16" s="295">
        <v>228384</v>
      </c>
      <c r="FS16" s="295">
        <v>144368</v>
      </c>
      <c r="FT16" s="295">
        <v>72184</v>
      </c>
      <c r="FU16" s="298">
        <v>444936</v>
      </c>
      <c r="FV16" s="299">
        <v>444936</v>
      </c>
      <c r="FW16" s="294">
        <v>2553</v>
      </c>
      <c r="FX16" s="295">
        <v>9355</v>
      </c>
      <c r="FY16" s="296">
        <v>11908</v>
      </c>
      <c r="FZ16" s="297">
        <v>0</v>
      </c>
      <c r="GA16" s="295">
        <v>102573</v>
      </c>
      <c r="GB16" s="295">
        <v>106526</v>
      </c>
      <c r="GC16" s="295">
        <v>307474</v>
      </c>
      <c r="GD16" s="295">
        <v>334417</v>
      </c>
      <c r="GE16" s="295">
        <v>186309</v>
      </c>
      <c r="GF16" s="298">
        <v>1037299</v>
      </c>
      <c r="GG16" s="299">
        <v>1049207</v>
      </c>
      <c r="GH16" s="294">
        <v>0</v>
      </c>
      <c r="GI16" s="295">
        <v>0</v>
      </c>
      <c r="GJ16" s="296">
        <v>0</v>
      </c>
      <c r="GK16" s="297">
        <v>0</v>
      </c>
      <c r="GL16" s="295">
        <v>0</v>
      </c>
      <c r="GM16" s="295">
        <v>0</v>
      </c>
      <c r="GN16" s="295">
        <v>0</v>
      </c>
      <c r="GO16" s="295">
        <v>21</v>
      </c>
      <c r="GP16" s="295">
        <v>0</v>
      </c>
      <c r="GQ16" s="298">
        <v>21</v>
      </c>
      <c r="GR16" s="299">
        <v>21</v>
      </c>
      <c r="GS16" s="294">
        <v>0</v>
      </c>
      <c r="GT16" s="295">
        <v>0</v>
      </c>
      <c r="GU16" s="296">
        <v>0</v>
      </c>
      <c r="GV16" s="297">
        <v>0</v>
      </c>
      <c r="GW16" s="295">
        <v>0</v>
      </c>
      <c r="GX16" s="295">
        <v>0</v>
      </c>
      <c r="GY16" s="295">
        <v>0</v>
      </c>
      <c r="GZ16" s="295">
        <v>0</v>
      </c>
      <c r="HA16" s="295">
        <v>0</v>
      </c>
      <c r="HB16" s="298">
        <v>0</v>
      </c>
      <c r="HC16" s="299">
        <v>0</v>
      </c>
      <c r="HD16" s="294">
        <v>0</v>
      </c>
      <c r="HE16" s="295">
        <v>0</v>
      </c>
      <c r="HF16" s="296">
        <v>0</v>
      </c>
      <c r="HG16" s="300"/>
      <c r="HH16" s="295">
        <v>0</v>
      </c>
      <c r="HI16" s="295">
        <v>0</v>
      </c>
      <c r="HJ16" s="295">
        <v>0</v>
      </c>
      <c r="HK16" s="295">
        <v>0</v>
      </c>
      <c r="HL16" s="295">
        <v>0</v>
      </c>
      <c r="HM16" s="298">
        <v>0</v>
      </c>
      <c r="HN16" s="299">
        <v>0</v>
      </c>
      <c r="HO16" s="294">
        <v>5988</v>
      </c>
      <c r="HP16" s="295">
        <v>15250</v>
      </c>
      <c r="HQ16" s="296">
        <v>21238</v>
      </c>
      <c r="HR16" s="297">
        <v>0</v>
      </c>
      <c r="HS16" s="295">
        <v>454714</v>
      </c>
      <c r="HT16" s="295">
        <v>878414</v>
      </c>
      <c r="HU16" s="295">
        <v>4862817</v>
      </c>
      <c r="HV16" s="295">
        <v>6697902</v>
      </c>
      <c r="HW16" s="295">
        <v>4105820</v>
      </c>
      <c r="HX16" s="298">
        <v>16999667</v>
      </c>
      <c r="HY16" s="299">
        <v>17020905</v>
      </c>
    </row>
    <row r="17" spans="2:233" ht="21" customHeight="1" x14ac:dyDescent="0.2">
      <c r="B17" s="292" t="s">
        <v>13</v>
      </c>
      <c r="C17" s="294">
        <v>0</v>
      </c>
      <c r="D17" s="295">
        <v>6870</v>
      </c>
      <c r="E17" s="296">
        <v>6870</v>
      </c>
      <c r="F17" s="297">
        <v>0</v>
      </c>
      <c r="G17" s="295">
        <v>33160</v>
      </c>
      <c r="H17" s="295">
        <v>92020</v>
      </c>
      <c r="I17" s="295">
        <v>710051</v>
      </c>
      <c r="J17" s="295">
        <v>853815</v>
      </c>
      <c r="K17" s="295">
        <v>572786</v>
      </c>
      <c r="L17" s="298">
        <v>2261832</v>
      </c>
      <c r="M17" s="299">
        <v>2268702</v>
      </c>
      <c r="N17" s="294">
        <v>0</v>
      </c>
      <c r="O17" s="295">
        <v>0</v>
      </c>
      <c r="P17" s="296">
        <v>0</v>
      </c>
      <c r="Q17" s="300"/>
      <c r="R17" s="295">
        <v>2380</v>
      </c>
      <c r="S17" s="295">
        <v>31920</v>
      </c>
      <c r="T17" s="295">
        <v>389840</v>
      </c>
      <c r="U17" s="295">
        <v>791185</v>
      </c>
      <c r="V17" s="295">
        <v>553276</v>
      </c>
      <c r="W17" s="298">
        <v>1768601</v>
      </c>
      <c r="X17" s="299">
        <v>1768601</v>
      </c>
      <c r="Y17" s="294">
        <v>0</v>
      </c>
      <c r="Z17" s="295">
        <v>0</v>
      </c>
      <c r="AA17" s="296">
        <v>0</v>
      </c>
      <c r="AB17" s="300"/>
      <c r="AC17" s="295">
        <v>27020</v>
      </c>
      <c r="AD17" s="295">
        <v>52510</v>
      </c>
      <c r="AE17" s="295">
        <v>214676</v>
      </c>
      <c r="AF17" s="295">
        <v>33965</v>
      </c>
      <c r="AG17" s="295">
        <v>9350</v>
      </c>
      <c r="AH17" s="298">
        <v>337521</v>
      </c>
      <c r="AI17" s="299">
        <v>337521</v>
      </c>
      <c r="AJ17" s="294">
        <v>0</v>
      </c>
      <c r="AK17" s="295">
        <v>0</v>
      </c>
      <c r="AL17" s="296">
        <v>0</v>
      </c>
      <c r="AM17" s="300"/>
      <c r="AN17" s="295">
        <v>0</v>
      </c>
      <c r="AO17" s="295">
        <v>0</v>
      </c>
      <c r="AP17" s="295">
        <v>0</v>
      </c>
      <c r="AQ17" s="295">
        <v>0</v>
      </c>
      <c r="AR17" s="295">
        <v>0</v>
      </c>
      <c r="AS17" s="298">
        <v>0</v>
      </c>
      <c r="AT17" s="299">
        <v>0</v>
      </c>
      <c r="AU17" s="294">
        <v>0</v>
      </c>
      <c r="AV17" s="295">
        <v>0</v>
      </c>
      <c r="AW17" s="296">
        <v>0</v>
      </c>
      <c r="AX17" s="300"/>
      <c r="AY17" s="295">
        <v>0</v>
      </c>
      <c r="AZ17" s="295">
        <v>0</v>
      </c>
      <c r="BA17" s="295">
        <v>0</v>
      </c>
      <c r="BB17" s="295">
        <v>0</v>
      </c>
      <c r="BC17" s="295">
        <v>0</v>
      </c>
      <c r="BD17" s="298">
        <v>0</v>
      </c>
      <c r="BE17" s="299">
        <v>0</v>
      </c>
      <c r="BF17" s="294">
        <v>0</v>
      </c>
      <c r="BG17" s="295">
        <v>0</v>
      </c>
      <c r="BH17" s="296">
        <v>0</v>
      </c>
      <c r="BI17" s="300"/>
      <c r="BJ17" s="295">
        <v>0</v>
      </c>
      <c r="BK17" s="295">
        <v>0</v>
      </c>
      <c r="BL17" s="295">
        <v>0</v>
      </c>
      <c r="BM17" s="295">
        <v>0</v>
      </c>
      <c r="BN17" s="295">
        <v>0</v>
      </c>
      <c r="BO17" s="298">
        <v>0</v>
      </c>
      <c r="BP17" s="299">
        <v>0</v>
      </c>
      <c r="BQ17" s="294">
        <v>0</v>
      </c>
      <c r="BR17" s="295">
        <v>6870</v>
      </c>
      <c r="BS17" s="296">
        <v>6870</v>
      </c>
      <c r="BT17" s="297">
        <v>0</v>
      </c>
      <c r="BU17" s="295">
        <v>3760</v>
      </c>
      <c r="BV17" s="295">
        <v>4980</v>
      </c>
      <c r="BW17" s="295">
        <v>103965</v>
      </c>
      <c r="BX17" s="295">
        <v>18065</v>
      </c>
      <c r="BY17" s="295">
        <v>3915</v>
      </c>
      <c r="BZ17" s="298">
        <v>134685</v>
      </c>
      <c r="CA17" s="299">
        <v>141555</v>
      </c>
      <c r="CB17" s="294">
        <v>0</v>
      </c>
      <c r="CC17" s="295">
        <v>0</v>
      </c>
      <c r="CD17" s="296">
        <v>0</v>
      </c>
      <c r="CE17" s="297">
        <v>0</v>
      </c>
      <c r="CF17" s="295">
        <v>0</v>
      </c>
      <c r="CG17" s="295">
        <v>2610</v>
      </c>
      <c r="CH17" s="295">
        <v>1570</v>
      </c>
      <c r="CI17" s="295">
        <v>10600</v>
      </c>
      <c r="CJ17" s="295">
        <v>6245</v>
      </c>
      <c r="CK17" s="298">
        <v>21025</v>
      </c>
      <c r="CL17" s="299">
        <v>21025</v>
      </c>
      <c r="CM17" s="294">
        <v>0</v>
      </c>
      <c r="CN17" s="295">
        <v>0</v>
      </c>
      <c r="CO17" s="296">
        <v>0</v>
      </c>
      <c r="CP17" s="297">
        <v>0</v>
      </c>
      <c r="CQ17" s="295">
        <v>0</v>
      </c>
      <c r="CR17" s="295">
        <v>0</v>
      </c>
      <c r="CS17" s="295">
        <v>0</v>
      </c>
      <c r="CT17" s="295">
        <v>0</v>
      </c>
      <c r="CU17" s="295">
        <v>0</v>
      </c>
      <c r="CV17" s="298">
        <v>0</v>
      </c>
      <c r="CW17" s="299">
        <v>0</v>
      </c>
      <c r="CX17" s="294">
        <v>0</v>
      </c>
      <c r="CY17" s="295">
        <v>0</v>
      </c>
      <c r="CZ17" s="296">
        <v>0</v>
      </c>
      <c r="DA17" s="300"/>
      <c r="DB17" s="295">
        <v>0</v>
      </c>
      <c r="DC17" s="295">
        <v>0</v>
      </c>
      <c r="DD17" s="295">
        <v>0</v>
      </c>
      <c r="DE17" s="295">
        <v>0</v>
      </c>
      <c r="DF17" s="295">
        <v>0</v>
      </c>
      <c r="DG17" s="298">
        <v>0</v>
      </c>
      <c r="DH17" s="299">
        <v>0</v>
      </c>
      <c r="DI17" s="294">
        <v>0</v>
      </c>
      <c r="DJ17" s="295">
        <v>5106</v>
      </c>
      <c r="DK17" s="296">
        <v>5106</v>
      </c>
      <c r="DL17" s="297">
        <v>0</v>
      </c>
      <c r="DM17" s="295">
        <v>43289</v>
      </c>
      <c r="DN17" s="295">
        <v>74108</v>
      </c>
      <c r="DO17" s="295">
        <v>735389</v>
      </c>
      <c r="DP17" s="295">
        <v>943698</v>
      </c>
      <c r="DQ17" s="295">
        <v>707457</v>
      </c>
      <c r="DR17" s="298">
        <v>2503941</v>
      </c>
      <c r="DS17" s="301">
        <v>2509047</v>
      </c>
      <c r="DT17" s="294">
        <v>0</v>
      </c>
      <c r="DU17" s="295">
        <v>0</v>
      </c>
      <c r="DV17" s="296">
        <v>0</v>
      </c>
      <c r="DW17" s="300"/>
      <c r="DX17" s="295">
        <v>19488</v>
      </c>
      <c r="DY17" s="295">
        <v>52696</v>
      </c>
      <c r="DZ17" s="295">
        <v>494175</v>
      </c>
      <c r="EA17" s="295">
        <v>887274</v>
      </c>
      <c r="EB17" s="295">
        <v>664364</v>
      </c>
      <c r="EC17" s="298">
        <v>2117997</v>
      </c>
      <c r="ED17" s="299">
        <v>2117997</v>
      </c>
      <c r="EE17" s="294">
        <v>0</v>
      </c>
      <c r="EF17" s="295">
        <v>0</v>
      </c>
      <c r="EG17" s="296">
        <v>0</v>
      </c>
      <c r="EH17" s="300"/>
      <c r="EI17" s="295">
        <v>10220</v>
      </c>
      <c r="EJ17" s="295">
        <v>1064</v>
      </c>
      <c r="EK17" s="295">
        <v>68348</v>
      </c>
      <c r="EL17" s="295">
        <v>1288</v>
      </c>
      <c r="EM17" s="295">
        <v>20062</v>
      </c>
      <c r="EN17" s="298">
        <v>100982</v>
      </c>
      <c r="EO17" s="299">
        <v>100982</v>
      </c>
      <c r="EP17" s="294">
        <v>0</v>
      </c>
      <c r="EQ17" s="295">
        <v>0</v>
      </c>
      <c r="ER17" s="296">
        <v>0</v>
      </c>
      <c r="ES17" s="300"/>
      <c r="ET17" s="295">
        <v>0</v>
      </c>
      <c r="EU17" s="295">
        <v>0</v>
      </c>
      <c r="EV17" s="295">
        <v>0</v>
      </c>
      <c r="EW17" s="295">
        <v>0</v>
      </c>
      <c r="EX17" s="295">
        <v>0</v>
      </c>
      <c r="EY17" s="298">
        <v>0</v>
      </c>
      <c r="EZ17" s="299">
        <v>0</v>
      </c>
      <c r="FA17" s="294">
        <v>0</v>
      </c>
      <c r="FB17" s="295">
        <v>0</v>
      </c>
      <c r="FC17" s="296">
        <v>0</v>
      </c>
      <c r="FD17" s="300"/>
      <c r="FE17" s="295">
        <v>0</v>
      </c>
      <c r="FF17" s="295">
        <v>0</v>
      </c>
      <c r="FG17" s="295">
        <v>0</v>
      </c>
      <c r="FH17" s="295">
        <v>0</v>
      </c>
      <c r="FI17" s="295">
        <v>0</v>
      </c>
      <c r="FJ17" s="298">
        <v>0</v>
      </c>
      <c r="FK17" s="299">
        <v>0</v>
      </c>
      <c r="FL17" s="294">
        <v>0</v>
      </c>
      <c r="FM17" s="295">
        <v>0</v>
      </c>
      <c r="FN17" s="296">
        <v>0</v>
      </c>
      <c r="FO17" s="300"/>
      <c r="FP17" s="295">
        <v>0</v>
      </c>
      <c r="FQ17" s="295">
        <v>0</v>
      </c>
      <c r="FR17" s="295">
        <v>0</v>
      </c>
      <c r="FS17" s="295">
        <v>0</v>
      </c>
      <c r="FT17" s="295">
        <v>0</v>
      </c>
      <c r="FU17" s="298">
        <v>0</v>
      </c>
      <c r="FV17" s="299">
        <v>0</v>
      </c>
      <c r="FW17" s="294">
        <v>0</v>
      </c>
      <c r="FX17" s="295">
        <v>5106</v>
      </c>
      <c r="FY17" s="296">
        <v>5106</v>
      </c>
      <c r="FZ17" s="297">
        <v>0</v>
      </c>
      <c r="GA17" s="295">
        <v>12865</v>
      </c>
      <c r="GB17" s="295">
        <v>15385</v>
      </c>
      <c r="GC17" s="295">
        <v>172789</v>
      </c>
      <c r="GD17" s="295">
        <v>55059</v>
      </c>
      <c r="GE17" s="295">
        <v>22968</v>
      </c>
      <c r="GF17" s="298">
        <v>279066</v>
      </c>
      <c r="GG17" s="299">
        <v>284172</v>
      </c>
      <c r="GH17" s="294">
        <v>0</v>
      </c>
      <c r="GI17" s="295">
        <v>0</v>
      </c>
      <c r="GJ17" s="296">
        <v>0</v>
      </c>
      <c r="GK17" s="297">
        <v>0</v>
      </c>
      <c r="GL17" s="295">
        <v>716</v>
      </c>
      <c r="GM17" s="295">
        <v>4963</v>
      </c>
      <c r="GN17" s="295">
        <v>77</v>
      </c>
      <c r="GO17" s="295">
        <v>77</v>
      </c>
      <c r="GP17" s="295">
        <v>63</v>
      </c>
      <c r="GQ17" s="298">
        <v>5896</v>
      </c>
      <c r="GR17" s="299">
        <v>5896</v>
      </c>
      <c r="GS17" s="294">
        <v>0</v>
      </c>
      <c r="GT17" s="295">
        <v>0</v>
      </c>
      <c r="GU17" s="296">
        <v>0</v>
      </c>
      <c r="GV17" s="297">
        <v>0</v>
      </c>
      <c r="GW17" s="295">
        <v>0</v>
      </c>
      <c r="GX17" s="295">
        <v>0</v>
      </c>
      <c r="GY17" s="295">
        <v>0</v>
      </c>
      <c r="GZ17" s="295">
        <v>0</v>
      </c>
      <c r="HA17" s="295">
        <v>0</v>
      </c>
      <c r="HB17" s="298">
        <v>0</v>
      </c>
      <c r="HC17" s="299">
        <v>0</v>
      </c>
      <c r="HD17" s="294">
        <v>0</v>
      </c>
      <c r="HE17" s="295">
        <v>0</v>
      </c>
      <c r="HF17" s="296">
        <v>0</v>
      </c>
      <c r="HG17" s="300"/>
      <c r="HH17" s="295">
        <v>0</v>
      </c>
      <c r="HI17" s="295">
        <v>0</v>
      </c>
      <c r="HJ17" s="295">
        <v>0</v>
      </c>
      <c r="HK17" s="295">
        <v>0</v>
      </c>
      <c r="HL17" s="295">
        <v>0</v>
      </c>
      <c r="HM17" s="298">
        <v>0</v>
      </c>
      <c r="HN17" s="299">
        <v>0</v>
      </c>
      <c r="HO17" s="294">
        <v>0</v>
      </c>
      <c r="HP17" s="295">
        <v>11976</v>
      </c>
      <c r="HQ17" s="296">
        <v>11976</v>
      </c>
      <c r="HR17" s="297">
        <v>0</v>
      </c>
      <c r="HS17" s="295">
        <v>76449</v>
      </c>
      <c r="HT17" s="295">
        <v>166128</v>
      </c>
      <c r="HU17" s="295">
        <v>1445440</v>
      </c>
      <c r="HV17" s="295">
        <v>1797513</v>
      </c>
      <c r="HW17" s="295">
        <v>1280243</v>
      </c>
      <c r="HX17" s="298">
        <v>4765773</v>
      </c>
      <c r="HY17" s="299">
        <v>4777749</v>
      </c>
    </row>
    <row r="18" spans="2:233" ht="21" customHeight="1" x14ac:dyDescent="0.2">
      <c r="B18" s="292" t="s">
        <v>15</v>
      </c>
      <c r="C18" s="294">
        <v>0</v>
      </c>
      <c r="D18" s="295">
        <v>0</v>
      </c>
      <c r="E18" s="296">
        <v>0</v>
      </c>
      <c r="F18" s="297">
        <v>0</v>
      </c>
      <c r="G18" s="295">
        <v>196989</v>
      </c>
      <c r="H18" s="295">
        <v>362670</v>
      </c>
      <c r="I18" s="295">
        <v>1440197</v>
      </c>
      <c r="J18" s="295">
        <v>1913965</v>
      </c>
      <c r="K18" s="295">
        <v>1298521</v>
      </c>
      <c r="L18" s="298">
        <v>5212342</v>
      </c>
      <c r="M18" s="299">
        <v>5212342</v>
      </c>
      <c r="N18" s="294">
        <v>0</v>
      </c>
      <c r="O18" s="295">
        <v>0</v>
      </c>
      <c r="P18" s="296">
        <v>0</v>
      </c>
      <c r="Q18" s="300"/>
      <c r="R18" s="295">
        <v>1785</v>
      </c>
      <c r="S18" s="295">
        <v>32060</v>
      </c>
      <c r="T18" s="295">
        <v>792180</v>
      </c>
      <c r="U18" s="295">
        <v>1223025</v>
      </c>
      <c r="V18" s="295">
        <v>1032430</v>
      </c>
      <c r="W18" s="298">
        <v>3081480</v>
      </c>
      <c r="X18" s="299">
        <v>3081480</v>
      </c>
      <c r="Y18" s="294">
        <v>0</v>
      </c>
      <c r="Z18" s="295">
        <v>0</v>
      </c>
      <c r="AA18" s="296">
        <v>0</v>
      </c>
      <c r="AB18" s="300"/>
      <c r="AC18" s="295">
        <v>182705</v>
      </c>
      <c r="AD18" s="295">
        <v>307306</v>
      </c>
      <c r="AE18" s="295">
        <v>405180</v>
      </c>
      <c r="AF18" s="295">
        <v>420982</v>
      </c>
      <c r="AG18" s="295">
        <v>110740</v>
      </c>
      <c r="AH18" s="298">
        <v>1426913</v>
      </c>
      <c r="AI18" s="299">
        <v>1426913</v>
      </c>
      <c r="AJ18" s="294">
        <v>0</v>
      </c>
      <c r="AK18" s="295">
        <v>0</v>
      </c>
      <c r="AL18" s="296">
        <v>0</v>
      </c>
      <c r="AM18" s="300"/>
      <c r="AN18" s="295">
        <v>0</v>
      </c>
      <c r="AO18" s="295">
        <v>0</v>
      </c>
      <c r="AP18" s="295">
        <v>0</v>
      </c>
      <c r="AQ18" s="295">
        <v>0</v>
      </c>
      <c r="AR18" s="295">
        <v>0</v>
      </c>
      <c r="AS18" s="298">
        <v>0</v>
      </c>
      <c r="AT18" s="299">
        <v>0</v>
      </c>
      <c r="AU18" s="294">
        <v>0</v>
      </c>
      <c r="AV18" s="295">
        <v>0</v>
      </c>
      <c r="AW18" s="296">
        <v>0</v>
      </c>
      <c r="AX18" s="300"/>
      <c r="AY18" s="295">
        <v>0</v>
      </c>
      <c r="AZ18" s="295">
        <v>0</v>
      </c>
      <c r="BA18" s="295">
        <v>0</v>
      </c>
      <c r="BB18" s="295">
        <v>0</v>
      </c>
      <c r="BC18" s="295">
        <v>0</v>
      </c>
      <c r="BD18" s="298">
        <v>0</v>
      </c>
      <c r="BE18" s="299">
        <v>0</v>
      </c>
      <c r="BF18" s="294">
        <v>0</v>
      </c>
      <c r="BG18" s="295">
        <v>0</v>
      </c>
      <c r="BH18" s="296">
        <v>0</v>
      </c>
      <c r="BI18" s="300"/>
      <c r="BJ18" s="295">
        <v>0</v>
      </c>
      <c r="BK18" s="295">
        <v>0</v>
      </c>
      <c r="BL18" s="295">
        <v>95760</v>
      </c>
      <c r="BM18" s="295">
        <v>71520</v>
      </c>
      <c r="BN18" s="295">
        <v>127695</v>
      </c>
      <c r="BO18" s="298">
        <v>294975</v>
      </c>
      <c r="BP18" s="299">
        <v>294975</v>
      </c>
      <c r="BQ18" s="294">
        <v>0</v>
      </c>
      <c r="BR18" s="295">
        <v>0</v>
      </c>
      <c r="BS18" s="296">
        <v>0</v>
      </c>
      <c r="BT18" s="297">
        <v>0</v>
      </c>
      <c r="BU18" s="295">
        <v>1514</v>
      </c>
      <c r="BV18" s="295">
        <v>23304</v>
      </c>
      <c r="BW18" s="295">
        <v>147077</v>
      </c>
      <c r="BX18" s="295">
        <v>195103</v>
      </c>
      <c r="BY18" s="295">
        <v>27656</v>
      </c>
      <c r="BZ18" s="298">
        <v>394654</v>
      </c>
      <c r="CA18" s="299">
        <v>394654</v>
      </c>
      <c r="CB18" s="294">
        <v>0</v>
      </c>
      <c r="CC18" s="295">
        <v>0</v>
      </c>
      <c r="CD18" s="296">
        <v>0</v>
      </c>
      <c r="CE18" s="297">
        <v>0</v>
      </c>
      <c r="CF18" s="295">
        <v>10985</v>
      </c>
      <c r="CG18" s="295">
        <v>0</v>
      </c>
      <c r="CH18" s="295">
        <v>0</v>
      </c>
      <c r="CI18" s="295">
        <v>3335</v>
      </c>
      <c r="CJ18" s="295">
        <v>0</v>
      </c>
      <c r="CK18" s="298">
        <v>14320</v>
      </c>
      <c r="CL18" s="299">
        <v>14320</v>
      </c>
      <c r="CM18" s="294">
        <v>0</v>
      </c>
      <c r="CN18" s="295">
        <v>0</v>
      </c>
      <c r="CO18" s="296">
        <v>0</v>
      </c>
      <c r="CP18" s="297">
        <v>0</v>
      </c>
      <c r="CQ18" s="295">
        <v>0</v>
      </c>
      <c r="CR18" s="295">
        <v>0</v>
      </c>
      <c r="CS18" s="295">
        <v>0</v>
      </c>
      <c r="CT18" s="295">
        <v>0</v>
      </c>
      <c r="CU18" s="295">
        <v>0</v>
      </c>
      <c r="CV18" s="298">
        <v>0</v>
      </c>
      <c r="CW18" s="299">
        <v>0</v>
      </c>
      <c r="CX18" s="294">
        <v>0</v>
      </c>
      <c r="CY18" s="295">
        <v>0</v>
      </c>
      <c r="CZ18" s="296">
        <v>0</v>
      </c>
      <c r="DA18" s="300"/>
      <c r="DB18" s="295">
        <v>0</v>
      </c>
      <c r="DC18" s="295">
        <v>0</v>
      </c>
      <c r="DD18" s="295">
        <v>0</v>
      </c>
      <c r="DE18" s="295">
        <v>0</v>
      </c>
      <c r="DF18" s="295">
        <v>0</v>
      </c>
      <c r="DG18" s="298">
        <v>0</v>
      </c>
      <c r="DH18" s="299">
        <v>0</v>
      </c>
      <c r="DI18" s="294">
        <v>0</v>
      </c>
      <c r="DJ18" s="295">
        <v>0</v>
      </c>
      <c r="DK18" s="296">
        <v>0</v>
      </c>
      <c r="DL18" s="297">
        <v>0</v>
      </c>
      <c r="DM18" s="295">
        <v>28142</v>
      </c>
      <c r="DN18" s="295">
        <v>123804</v>
      </c>
      <c r="DO18" s="295">
        <v>1390265</v>
      </c>
      <c r="DP18" s="295">
        <v>1806669</v>
      </c>
      <c r="DQ18" s="295">
        <v>1312073</v>
      </c>
      <c r="DR18" s="298">
        <v>4660953</v>
      </c>
      <c r="DS18" s="301">
        <v>4660953</v>
      </c>
      <c r="DT18" s="294">
        <v>0</v>
      </c>
      <c r="DU18" s="295">
        <v>0</v>
      </c>
      <c r="DV18" s="296">
        <v>0</v>
      </c>
      <c r="DW18" s="300"/>
      <c r="DX18" s="295">
        <v>7371</v>
      </c>
      <c r="DY18" s="295">
        <v>23940</v>
      </c>
      <c r="DZ18" s="295">
        <v>938787</v>
      </c>
      <c r="EA18" s="295">
        <v>1336084</v>
      </c>
      <c r="EB18" s="295">
        <v>1092597</v>
      </c>
      <c r="EC18" s="298">
        <v>3398779</v>
      </c>
      <c r="ED18" s="299">
        <v>3398779</v>
      </c>
      <c r="EE18" s="294">
        <v>0</v>
      </c>
      <c r="EF18" s="295">
        <v>0</v>
      </c>
      <c r="EG18" s="296">
        <v>0</v>
      </c>
      <c r="EH18" s="300"/>
      <c r="EI18" s="295">
        <v>12817</v>
      </c>
      <c r="EJ18" s="295">
        <v>54894</v>
      </c>
      <c r="EK18" s="295">
        <v>44310</v>
      </c>
      <c r="EL18" s="295">
        <v>25487</v>
      </c>
      <c r="EM18" s="295">
        <v>20664</v>
      </c>
      <c r="EN18" s="298">
        <v>158172</v>
      </c>
      <c r="EO18" s="299">
        <v>158172</v>
      </c>
      <c r="EP18" s="294">
        <v>0</v>
      </c>
      <c r="EQ18" s="295">
        <v>0</v>
      </c>
      <c r="ER18" s="296">
        <v>0</v>
      </c>
      <c r="ES18" s="300"/>
      <c r="ET18" s="295">
        <v>0</v>
      </c>
      <c r="EU18" s="295">
        <v>0</v>
      </c>
      <c r="EV18" s="295">
        <v>0</v>
      </c>
      <c r="EW18" s="295">
        <v>0</v>
      </c>
      <c r="EX18" s="295">
        <v>0</v>
      </c>
      <c r="EY18" s="298">
        <v>0</v>
      </c>
      <c r="EZ18" s="299">
        <v>0</v>
      </c>
      <c r="FA18" s="294">
        <v>0</v>
      </c>
      <c r="FB18" s="295">
        <v>0</v>
      </c>
      <c r="FC18" s="296">
        <v>0</v>
      </c>
      <c r="FD18" s="300"/>
      <c r="FE18" s="295">
        <v>0</v>
      </c>
      <c r="FF18" s="295">
        <v>0</v>
      </c>
      <c r="FG18" s="295">
        <v>0</v>
      </c>
      <c r="FH18" s="295">
        <v>0</v>
      </c>
      <c r="FI18" s="295">
        <v>0</v>
      </c>
      <c r="FJ18" s="298">
        <v>0</v>
      </c>
      <c r="FK18" s="299">
        <v>0</v>
      </c>
      <c r="FL18" s="294">
        <v>0</v>
      </c>
      <c r="FM18" s="295">
        <v>0</v>
      </c>
      <c r="FN18" s="296">
        <v>0</v>
      </c>
      <c r="FO18" s="300"/>
      <c r="FP18" s="295">
        <v>0</v>
      </c>
      <c r="FQ18" s="295">
        <v>0</v>
      </c>
      <c r="FR18" s="295">
        <v>158088</v>
      </c>
      <c r="FS18" s="295">
        <v>199274</v>
      </c>
      <c r="FT18" s="295">
        <v>158584</v>
      </c>
      <c r="FU18" s="298">
        <v>515946</v>
      </c>
      <c r="FV18" s="299">
        <v>515946</v>
      </c>
      <c r="FW18" s="294">
        <v>0</v>
      </c>
      <c r="FX18" s="295">
        <v>0</v>
      </c>
      <c r="FY18" s="296">
        <v>0</v>
      </c>
      <c r="FZ18" s="297">
        <v>0</v>
      </c>
      <c r="GA18" s="295">
        <v>7863</v>
      </c>
      <c r="GB18" s="295">
        <v>44970</v>
      </c>
      <c r="GC18" s="295">
        <v>249080</v>
      </c>
      <c r="GD18" s="295">
        <v>236874</v>
      </c>
      <c r="GE18" s="295">
        <v>40228</v>
      </c>
      <c r="GF18" s="298">
        <v>579015</v>
      </c>
      <c r="GG18" s="299">
        <v>579015</v>
      </c>
      <c r="GH18" s="294">
        <v>0</v>
      </c>
      <c r="GI18" s="295">
        <v>0</v>
      </c>
      <c r="GJ18" s="296">
        <v>0</v>
      </c>
      <c r="GK18" s="297">
        <v>0</v>
      </c>
      <c r="GL18" s="295">
        <v>91</v>
      </c>
      <c r="GM18" s="295">
        <v>0</v>
      </c>
      <c r="GN18" s="295">
        <v>0</v>
      </c>
      <c r="GO18" s="295">
        <v>8950</v>
      </c>
      <c r="GP18" s="295">
        <v>0</v>
      </c>
      <c r="GQ18" s="298">
        <v>9041</v>
      </c>
      <c r="GR18" s="299">
        <v>9041</v>
      </c>
      <c r="GS18" s="294">
        <v>0</v>
      </c>
      <c r="GT18" s="295">
        <v>0</v>
      </c>
      <c r="GU18" s="296">
        <v>0</v>
      </c>
      <c r="GV18" s="297">
        <v>0</v>
      </c>
      <c r="GW18" s="295">
        <v>0</v>
      </c>
      <c r="GX18" s="295">
        <v>0</v>
      </c>
      <c r="GY18" s="295">
        <v>0</v>
      </c>
      <c r="GZ18" s="295">
        <v>0</v>
      </c>
      <c r="HA18" s="295">
        <v>0</v>
      </c>
      <c r="HB18" s="298">
        <v>0</v>
      </c>
      <c r="HC18" s="299">
        <v>0</v>
      </c>
      <c r="HD18" s="294">
        <v>0</v>
      </c>
      <c r="HE18" s="295">
        <v>0</v>
      </c>
      <c r="HF18" s="296">
        <v>0</v>
      </c>
      <c r="HG18" s="300"/>
      <c r="HH18" s="295">
        <v>0</v>
      </c>
      <c r="HI18" s="295">
        <v>0</v>
      </c>
      <c r="HJ18" s="295">
        <v>0</v>
      </c>
      <c r="HK18" s="295">
        <v>0</v>
      </c>
      <c r="HL18" s="295">
        <v>0</v>
      </c>
      <c r="HM18" s="298">
        <v>0</v>
      </c>
      <c r="HN18" s="299">
        <v>0</v>
      </c>
      <c r="HO18" s="294">
        <v>0</v>
      </c>
      <c r="HP18" s="295">
        <v>0</v>
      </c>
      <c r="HQ18" s="296">
        <v>0</v>
      </c>
      <c r="HR18" s="297">
        <v>0</v>
      </c>
      <c r="HS18" s="295">
        <v>225131</v>
      </c>
      <c r="HT18" s="295">
        <v>486474</v>
      </c>
      <c r="HU18" s="295">
        <v>2830462</v>
      </c>
      <c r="HV18" s="295">
        <v>3720634</v>
      </c>
      <c r="HW18" s="295">
        <v>2610594</v>
      </c>
      <c r="HX18" s="298">
        <v>9873295</v>
      </c>
      <c r="HY18" s="299">
        <v>9873295</v>
      </c>
    </row>
    <row r="19" spans="2:233" ht="21" customHeight="1" x14ac:dyDescent="0.2">
      <c r="B19" s="292" t="s">
        <v>16</v>
      </c>
      <c r="C19" s="294">
        <v>0</v>
      </c>
      <c r="D19" s="295">
        <v>0</v>
      </c>
      <c r="E19" s="296">
        <v>0</v>
      </c>
      <c r="F19" s="297">
        <v>0</v>
      </c>
      <c r="G19" s="295">
        <v>325517</v>
      </c>
      <c r="H19" s="295">
        <v>808919</v>
      </c>
      <c r="I19" s="295">
        <v>2566739</v>
      </c>
      <c r="J19" s="295">
        <v>3052835</v>
      </c>
      <c r="K19" s="295">
        <v>2094205</v>
      </c>
      <c r="L19" s="298">
        <v>8848215</v>
      </c>
      <c r="M19" s="299">
        <v>8848215</v>
      </c>
      <c r="N19" s="294">
        <v>0</v>
      </c>
      <c r="O19" s="295">
        <v>0</v>
      </c>
      <c r="P19" s="296">
        <v>0</v>
      </c>
      <c r="Q19" s="300"/>
      <c r="R19" s="295">
        <v>89500</v>
      </c>
      <c r="S19" s="295">
        <v>81855</v>
      </c>
      <c r="T19" s="295">
        <v>1733249</v>
      </c>
      <c r="U19" s="295">
        <v>2175278</v>
      </c>
      <c r="V19" s="295">
        <v>1504710</v>
      </c>
      <c r="W19" s="298">
        <v>5584592</v>
      </c>
      <c r="X19" s="299">
        <v>5584592</v>
      </c>
      <c r="Y19" s="294">
        <v>0</v>
      </c>
      <c r="Z19" s="295">
        <v>0</v>
      </c>
      <c r="AA19" s="296">
        <v>0</v>
      </c>
      <c r="AB19" s="300"/>
      <c r="AC19" s="295">
        <v>185420</v>
      </c>
      <c r="AD19" s="295">
        <v>649268</v>
      </c>
      <c r="AE19" s="295">
        <v>657410</v>
      </c>
      <c r="AF19" s="295">
        <v>626799</v>
      </c>
      <c r="AG19" s="295">
        <v>302490</v>
      </c>
      <c r="AH19" s="298">
        <v>2421387</v>
      </c>
      <c r="AI19" s="299">
        <v>2421387</v>
      </c>
      <c r="AJ19" s="294">
        <v>0</v>
      </c>
      <c r="AK19" s="295">
        <v>0</v>
      </c>
      <c r="AL19" s="296">
        <v>0</v>
      </c>
      <c r="AM19" s="300"/>
      <c r="AN19" s="295">
        <v>0</v>
      </c>
      <c r="AO19" s="295">
        <v>0</v>
      </c>
      <c r="AP19" s="295">
        <v>0</v>
      </c>
      <c r="AQ19" s="295">
        <v>0</v>
      </c>
      <c r="AR19" s="295">
        <v>0</v>
      </c>
      <c r="AS19" s="298">
        <v>0</v>
      </c>
      <c r="AT19" s="299">
        <v>0</v>
      </c>
      <c r="AU19" s="294">
        <v>0</v>
      </c>
      <c r="AV19" s="295">
        <v>0</v>
      </c>
      <c r="AW19" s="296">
        <v>0</v>
      </c>
      <c r="AX19" s="300"/>
      <c r="AY19" s="295">
        <v>0</v>
      </c>
      <c r="AZ19" s="295">
        <v>0</v>
      </c>
      <c r="BA19" s="295">
        <v>29540</v>
      </c>
      <c r="BB19" s="295">
        <v>127960</v>
      </c>
      <c r="BC19" s="295">
        <v>132635</v>
      </c>
      <c r="BD19" s="298">
        <v>290135</v>
      </c>
      <c r="BE19" s="299">
        <v>290135</v>
      </c>
      <c r="BF19" s="294">
        <v>0</v>
      </c>
      <c r="BG19" s="295">
        <v>0</v>
      </c>
      <c r="BH19" s="296">
        <v>0</v>
      </c>
      <c r="BI19" s="300"/>
      <c r="BJ19" s="295">
        <v>0</v>
      </c>
      <c r="BK19" s="295">
        <v>27020</v>
      </c>
      <c r="BL19" s="295">
        <v>31780</v>
      </c>
      <c r="BM19" s="295">
        <v>66220</v>
      </c>
      <c r="BN19" s="295">
        <v>128405</v>
      </c>
      <c r="BO19" s="298">
        <v>253425</v>
      </c>
      <c r="BP19" s="299">
        <v>253425</v>
      </c>
      <c r="BQ19" s="294">
        <v>0</v>
      </c>
      <c r="BR19" s="295">
        <v>0</v>
      </c>
      <c r="BS19" s="296">
        <v>0</v>
      </c>
      <c r="BT19" s="297">
        <v>0</v>
      </c>
      <c r="BU19" s="295">
        <v>50597</v>
      </c>
      <c r="BV19" s="295">
        <v>49301</v>
      </c>
      <c r="BW19" s="295">
        <v>111840</v>
      </c>
      <c r="BX19" s="295">
        <v>55380</v>
      </c>
      <c r="BY19" s="295">
        <v>25965</v>
      </c>
      <c r="BZ19" s="298">
        <v>293083</v>
      </c>
      <c r="CA19" s="299">
        <v>293083</v>
      </c>
      <c r="CB19" s="294">
        <v>0</v>
      </c>
      <c r="CC19" s="295">
        <v>0</v>
      </c>
      <c r="CD19" s="296">
        <v>0</v>
      </c>
      <c r="CE19" s="297">
        <v>0</v>
      </c>
      <c r="CF19" s="295">
        <v>0</v>
      </c>
      <c r="CG19" s="295">
        <v>1475</v>
      </c>
      <c r="CH19" s="295">
        <v>2920</v>
      </c>
      <c r="CI19" s="295">
        <v>1198</v>
      </c>
      <c r="CJ19" s="295">
        <v>0</v>
      </c>
      <c r="CK19" s="298">
        <v>5593</v>
      </c>
      <c r="CL19" s="299">
        <v>5593</v>
      </c>
      <c r="CM19" s="294">
        <v>0</v>
      </c>
      <c r="CN19" s="295">
        <v>0</v>
      </c>
      <c r="CO19" s="296">
        <v>0</v>
      </c>
      <c r="CP19" s="297">
        <v>0</v>
      </c>
      <c r="CQ19" s="295">
        <v>0</v>
      </c>
      <c r="CR19" s="295">
        <v>0</v>
      </c>
      <c r="CS19" s="295">
        <v>0</v>
      </c>
      <c r="CT19" s="295">
        <v>0</v>
      </c>
      <c r="CU19" s="295">
        <v>0</v>
      </c>
      <c r="CV19" s="298">
        <v>0</v>
      </c>
      <c r="CW19" s="299">
        <v>0</v>
      </c>
      <c r="CX19" s="294">
        <v>0</v>
      </c>
      <c r="CY19" s="295">
        <v>0</v>
      </c>
      <c r="CZ19" s="296">
        <v>0</v>
      </c>
      <c r="DA19" s="300"/>
      <c r="DB19" s="295">
        <v>0</v>
      </c>
      <c r="DC19" s="295">
        <v>0</v>
      </c>
      <c r="DD19" s="295">
        <v>0</v>
      </c>
      <c r="DE19" s="295">
        <v>0</v>
      </c>
      <c r="DF19" s="295">
        <v>0</v>
      </c>
      <c r="DG19" s="298">
        <v>0</v>
      </c>
      <c r="DH19" s="299">
        <v>0</v>
      </c>
      <c r="DI19" s="294">
        <v>0</v>
      </c>
      <c r="DJ19" s="295">
        <v>0</v>
      </c>
      <c r="DK19" s="296">
        <v>0</v>
      </c>
      <c r="DL19" s="297">
        <v>0</v>
      </c>
      <c r="DM19" s="295">
        <v>311131</v>
      </c>
      <c r="DN19" s="295">
        <v>709968</v>
      </c>
      <c r="DO19" s="295">
        <v>2754827</v>
      </c>
      <c r="DP19" s="295">
        <v>3499359</v>
      </c>
      <c r="DQ19" s="295">
        <v>2165376</v>
      </c>
      <c r="DR19" s="298">
        <v>9440661</v>
      </c>
      <c r="DS19" s="301">
        <v>9440661</v>
      </c>
      <c r="DT19" s="294">
        <v>0</v>
      </c>
      <c r="DU19" s="295">
        <v>0</v>
      </c>
      <c r="DV19" s="296">
        <v>0</v>
      </c>
      <c r="DW19" s="300"/>
      <c r="DX19" s="295">
        <v>89931</v>
      </c>
      <c r="DY19" s="295">
        <v>261004</v>
      </c>
      <c r="DZ19" s="295">
        <v>2273423</v>
      </c>
      <c r="EA19" s="295">
        <v>3030903</v>
      </c>
      <c r="EB19" s="295">
        <v>1820344</v>
      </c>
      <c r="EC19" s="298">
        <v>7475605</v>
      </c>
      <c r="ED19" s="299">
        <v>7475605</v>
      </c>
      <c r="EE19" s="294">
        <v>0</v>
      </c>
      <c r="EF19" s="295">
        <v>0</v>
      </c>
      <c r="EG19" s="296">
        <v>0</v>
      </c>
      <c r="EH19" s="300"/>
      <c r="EI19" s="295">
        <v>153457</v>
      </c>
      <c r="EJ19" s="295">
        <v>282622</v>
      </c>
      <c r="EK19" s="295">
        <v>196435</v>
      </c>
      <c r="EL19" s="295">
        <v>217634</v>
      </c>
      <c r="EM19" s="295">
        <v>75460</v>
      </c>
      <c r="EN19" s="298">
        <v>925608</v>
      </c>
      <c r="EO19" s="299">
        <v>925608</v>
      </c>
      <c r="EP19" s="294">
        <v>0</v>
      </c>
      <c r="EQ19" s="295">
        <v>0</v>
      </c>
      <c r="ER19" s="296">
        <v>0</v>
      </c>
      <c r="ES19" s="300"/>
      <c r="ET19" s="295">
        <v>0</v>
      </c>
      <c r="EU19" s="295">
        <v>0</v>
      </c>
      <c r="EV19" s="295">
        <v>0</v>
      </c>
      <c r="EW19" s="295">
        <v>0</v>
      </c>
      <c r="EX19" s="295">
        <v>0</v>
      </c>
      <c r="EY19" s="298">
        <v>0</v>
      </c>
      <c r="EZ19" s="299">
        <v>0</v>
      </c>
      <c r="FA19" s="294">
        <v>0</v>
      </c>
      <c r="FB19" s="295">
        <v>0</v>
      </c>
      <c r="FC19" s="296">
        <v>0</v>
      </c>
      <c r="FD19" s="300"/>
      <c r="FE19" s="295">
        <v>0</v>
      </c>
      <c r="FF19" s="295">
        <v>0</v>
      </c>
      <c r="FG19" s="295">
        <v>196</v>
      </c>
      <c r="FH19" s="295">
        <v>21896</v>
      </c>
      <c r="FI19" s="295">
        <v>22288</v>
      </c>
      <c r="FJ19" s="298">
        <v>44380</v>
      </c>
      <c r="FK19" s="299">
        <v>44380</v>
      </c>
      <c r="FL19" s="294">
        <v>0</v>
      </c>
      <c r="FM19" s="295">
        <v>0</v>
      </c>
      <c r="FN19" s="296">
        <v>0</v>
      </c>
      <c r="FO19" s="300"/>
      <c r="FP19" s="295">
        <v>0</v>
      </c>
      <c r="FQ19" s="295">
        <v>58464</v>
      </c>
      <c r="FR19" s="295">
        <v>97440</v>
      </c>
      <c r="FS19" s="295">
        <v>124880</v>
      </c>
      <c r="FT19" s="295">
        <v>174018</v>
      </c>
      <c r="FU19" s="298">
        <v>454802</v>
      </c>
      <c r="FV19" s="299">
        <v>454802</v>
      </c>
      <c r="FW19" s="294">
        <v>0</v>
      </c>
      <c r="FX19" s="295">
        <v>0</v>
      </c>
      <c r="FY19" s="296">
        <v>0</v>
      </c>
      <c r="FZ19" s="297">
        <v>0</v>
      </c>
      <c r="GA19" s="295">
        <v>67743</v>
      </c>
      <c r="GB19" s="295">
        <v>105506</v>
      </c>
      <c r="GC19" s="295">
        <v>184111</v>
      </c>
      <c r="GD19" s="295">
        <v>103976</v>
      </c>
      <c r="GE19" s="295">
        <v>73266</v>
      </c>
      <c r="GF19" s="298">
        <v>534602</v>
      </c>
      <c r="GG19" s="299">
        <v>534602</v>
      </c>
      <c r="GH19" s="294">
        <v>0</v>
      </c>
      <c r="GI19" s="295">
        <v>0</v>
      </c>
      <c r="GJ19" s="296">
        <v>0</v>
      </c>
      <c r="GK19" s="297">
        <v>0</v>
      </c>
      <c r="GL19" s="295">
        <v>0</v>
      </c>
      <c r="GM19" s="295">
        <v>2372</v>
      </c>
      <c r="GN19" s="295">
        <v>3222</v>
      </c>
      <c r="GO19" s="295">
        <v>70</v>
      </c>
      <c r="GP19" s="295">
        <v>0</v>
      </c>
      <c r="GQ19" s="298">
        <v>5664</v>
      </c>
      <c r="GR19" s="299">
        <v>5664</v>
      </c>
      <c r="GS19" s="294">
        <v>0</v>
      </c>
      <c r="GT19" s="295">
        <v>0</v>
      </c>
      <c r="GU19" s="296">
        <v>0</v>
      </c>
      <c r="GV19" s="297">
        <v>0</v>
      </c>
      <c r="GW19" s="295">
        <v>0</v>
      </c>
      <c r="GX19" s="295">
        <v>0</v>
      </c>
      <c r="GY19" s="295">
        <v>0</v>
      </c>
      <c r="GZ19" s="295">
        <v>0</v>
      </c>
      <c r="HA19" s="295">
        <v>0</v>
      </c>
      <c r="HB19" s="298">
        <v>0</v>
      </c>
      <c r="HC19" s="299">
        <v>0</v>
      </c>
      <c r="HD19" s="294">
        <v>0</v>
      </c>
      <c r="HE19" s="295">
        <v>0</v>
      </c>
      <c r="HF19" s="296">
        <v>0</v>
      </c>
      <c r="HG19" s="300"/>
      <c r="HH19" s="295">
        <v>0</v>
      </c>
      <c r="HI19" s="295">
        <v>0</v>
      </c>
      <c r="HJ19" s="295">
        <v>0</v>
      </c>
      <c r="HK19" s="295">
        <v>0</v>
      </c>
      <c r="HL19" s="295">
        <v>0</v>
      </c>
      <c r="HM19" s="298">
        <v>0</v>
      </c>
      <c r="HN19" s="299">
        <v>0</v>
      </c>
      <c r="HO19" s="294">
        <v>0</v>
      </c>
      <c r="HP19" s="295">
        <v>0</v>
      </c>
      <c r="HQ19" s="296">
        <v>0</v>
      </c>
      <c r="HR19" s="297">
        <v>0</v>
      </c>
      <c r="HS19" s="295">
        <v>636648</v>
      </c>
      <c r="HT19" s="295">
        <v>1518887</v>
      </c>
      <c r="HU19" s="295">
        <v>5321566</v>
      </c>
      <c r="HV19" s="295">
        <v>6552194</v>
      </c>
      <c r="HW19" s="295">
        <v>4259581</v>
      </c>
      <c r="HX19" s="298">
        <v>18288876</v>
      </c>
      <c r="HY19" s="299">
        <v>18288876</v>
      </c>
    </row>
    <row r="20" spans="2:233" ht="21" customHeight="1" x14ac:dyDescent="0.2">
      <c r="B20" s="292" t="s">
        <v>17</v>
      </c>
      <c r="C20" s="294">
        <v>0</v>
      </c>
      <c r="D20" s="295">
        <v>0</v>
      </c>
      <c r="E20" s="296">
        <v>0</v>
      </c>
      <c r="F20" s="297">
        <v>0</v>
      </c>
      <c r="G20" s="295">
        <v>209695</v>
      </c>
      <c r="H20" s="295">
        <v>1010680</v>
      </c>
      <c r="I20" s="295">
        <v>2490220</v>
      </c>
      <c r="J20" s="295">
        <v>2849018</v>
      </c>
      <c r="K20" s="295">
        <v>2446629</v>
      </c>
      <c r="L20" s="298">
        <v>9006242</v>
      </c>
      <c r="M20" s="299">
        <v>9006242</v>
      </c>
      <c r="N20" s="294">
        <v>0</v>
      </c>
      <c r="O20" s="295">
        <v>0</v>
      </c>
      <c r="P20" s="296">
        <v>0</v>
      </c>
      <c r="Q20" s="300"/>
      <c r="R20" s="295">
        <v>22260</v>
      </c>
      <c r="S20" s="295">
        <v>172625</v>
      </c>
      <c r="T20" s="295">
        <v>1405880</v>
      </c>
      <c r="U20" s="295">
        <v>2012890</v>
      </c>
      <c r="V20" s="295">
        <v>1896519</v>
      </c>
      <c r="W20" s="298">
        <v>5510174</v>
      </c>
      <c r="X20" s="299">
        <v>5510174</v>
      </c>
      <c r="Y20" s="294">
        <v>0</v>
      </c>
      <c r="Z20" s="295">
        <v>0</v>
      </c>
      <c r="AA20" s="296">
        <v>0</v>
      </c>
      <c r="AB20" s="300"/>
      <c r="AC20" s="295">
        <v>161375</v>
      </c>
      <c r="AD20" s="295">
        <v>719505</v>
      </c>
      <c r="AE20" s="295">
        <v>659270</v>
      </c>
      <c r="AF20" s="295">
        <v>454978</v>
      </c>
      <c r="AG20" s="295">
        <v>154105</v>
      </c>
      <c r="AH20" s="298">
        <v>2149233</v>
      </c>
      <c r="AI20" s="299">
        <v>2149233</v>
      </c>
      <c r="AJ20" s="294">
        <v>0</v>
      </c>
      <c r="AK20" s="295">
        <v>0</v>
      </c>
      <c r="AL20" s="296">
        <v>0</v>
      </c>
      <c r="AM20" s="300"/>
      <c r="AN20" s="295">
        <v>0</v>
      </c>
      <c r="AO20" s="295">
        <v>0</v>
      </c>
      <c r="AP20" s="295">
        <v>0</v>
      </c>
      <c r="AQ20" s="295">
        <v>0</v>
      </c>
      <c r="AR20" s="295">
        <v>31920</v>
      </c>
      <c r="AS20" s="298">
        <v>31920</v>
      </c>
      <c r="AT20" s="299">
        <v>31920</v>
      </c>
      <c r="AU20" s="294">
        <v>0</v>
      </c>
      <c r="AV20" s="295">
        <v>0</v>
      </c>
      <c r="AW20" s="296">
        <v>0</v>
      </c>
      <c r="AX20" s="300"/>
      <c r="AY20" s="295">
        <v>0</v>
      </c>
      <c r="AZ20" s="295">
        <v>0</v>
      </c>
      <c r="BA20" s="295">
        <v>0</v>
      </c>
      <c r="BB20" s="295">
        <v>2380</v>
      </c>
      <c r="BC20" s="295">
        <v>31325</v>
      </c>
      <c r="BD20" s="298">
        <v>33705</v>
      </c>
      <c r="BE20" s="299">
        <v>33705</v>
      </c>
      <c r="BF20" s="294">
        <v>0</v>
      </c>
      <c r="BG20" s="295">
        <v>0</v>
      </c>
      <c r="BH20" s="296">
        <v>0</v>
      </c>
      <c r="BI20" s="300"/>
      <c r="BJ20" s="295">
        <v>0</v>
      </c>
      <c r="BK20" s="295">
        <v>2380</v>
      </c>
      <c r="BL20" s="295">
        <v>193110</v>
      </c>
      <c r="BM20" s="295">
        <v>137060</v>
      </c>
      <c r="BN20" s="295">
        <v>242955</v>
      </c>
      <c r="BO20" s="298">
        <v>575505</v>
      </c>
      <c r="BP20" s="299">
        <v>575505</v>
      </c>
      <c r="BQ20" s="294">
        <v>0</v>
      </c>
      <c r="BR20" s="295">
        <v>0</v>
      </c>
      <c r="BS20" s="296">
        <v>0</v>
      </c>
      <c r="BT20" s="297">
        <v>0</v>
      </c>
      <c r="BU20" s="295">
        <v>25625</v>
      </c>
      <c r="BV20" s="295">
        <v>115155</v>
      </c>
      <c r="BW20" s="295">
        <v>230655</v>
      </c>
      <c r="BX20" s="295">
        <v>241710</v>
      </c>
      <c r="BY20" s="295">
        <v>61865</v>
      </c>
      <c r="BZ20" s="298">
        <v>675010</v>
      </c>
      <c r="CA20" s="299">
        <v>675010</v>
      </c>
      <c r="CB20" s="294">
        <v>0</v>
      </c>
      <c r="CC20" s="295">
        <v>0</v>
      </c>
      <c r="CD20" s="296">
        <v>0</v>
      </c>
      <c r="CE20" s="297">
        <v>0</v>
      </c>
      <c r="CF20" s="295">
        <v>435</v>
      </c>
      <c r="CG20" s="295">
        <v>1015</v>
      </c>
      <c r="CH20" s="295">
        <v>1305</v>
      </c>
      <c r="CI20" s="295">
        <v>0</v>
      </c>
      <c r="CJ20" s="295">
        <v>27940</v>
      </c>
      <c r="CK20" s="298">
        <v>30695</v>
      </c>
      <c r="CL20" s="299">
        <v>30695</v>
      </c>
      <c r="CM20" s="294">
        <v>0</v>
      </c>
      <c r="CN20" s="295">
        <v>0</v>
      </c>
      <c r="CO20" s="296">
        <v>0</v>
      </c>
      <c r="CP20" s="297">
        <v>0</v>
      </c>
      <c r="CQ20" s="295">
        <v>0</v>
      </c>
      <c r="CR20" s="295">
        <v>0</v>
      </c>
      <c r="CS20" s="295">
        <v>0</v>
      </c>
      <c r="CT20" s="295">
        <v>0</v>
      </c>
      <c r="CU20" s="295">
        <v>0</v>
      </c>
      <c r="CV20" s="298">
        <v>0</v>
      </c>
      <c r="CW20" s="299">
        <v>0</v>
      </c>
      <c r="CX20" s="294">
        <v>0</v>
      </c>
      <c r="CY20" s="295">
        <v>0</v>
      </c>
      <c r="CZ20" s="296">
        <v>0</v>
      </c>
      <c r="DA20" s="300"/>
      <c r="DB20" s="295">
        <v>0</v>
      </c>
      <c r="DC20" s="295">
        <v>0</v>
      </c>
      <c r="DD20" s="295">
        <v>0</v>
      </c>
      <c r="DE20" s="295">
        <v>0</v>
      </c>
      <c r="DF20" s="295">
        <v>0</v>
      </c>
      <c r="DG20" s="298">
        <v>0</v>
      </c>
      <c r="DH20" s="299">
        <v>0</v>
      </c>
      <c r="DI20" s="294">
        <v>0</v>
      </c>
      <c r="DJ20" s="295">
        <v>0</v>
      </c>
      <c r="DK20" s="296">
        <v>0</v>
      </c>
      <c r="DL20" s="297">
        <v>0</v>
      </c>
      <c r="DM20" s="295">
        <v>55667</v>
      </c>
      <c r="DN20" s="295">
        <v>408668</v>
      </c>
      <c r="DO20" s="295">
        <v>2697213</v>
      </c>
      <c r="DP20" s="295">
        <v>3280591</v>
      </c>
      <c r="DQ20" s="295">
        <v>2701316</v>
      </c>
      <c r="DR20" s="298">
        <v>9143455</v>
      </c>
      <c r="DS20" s="301">
        <v>9143455</v>
      </c>
      <c r="DT20" s="294">
        <v>0</v>
      </c>
      <c r="DU20" s="295">
        <v>0</v>
      </c>
      <c r="DV20" s="296">
        <v>0</v>
      </c>
      <c r="DW20" s="300"/>
      <c r="DX20" s="295">
        <v>13580</v>
      </c>
      <c r="DY20" s="295">
        <v>215468</v>
      </c>
      <c r="DZ20" s="295">
        <v>2020774</v>
      </c>
      <c r="EA20" s="295">
        <v>2707220</v>
      </c>
      <c r="EB20" s="295">
        <v>2210809</v>
      </c>
      <c r="EC20" s="298">
        <v>7167851</v>
      </c>
      <c r="ED20" s="299">
        <v>7167851</v>
      </c>
      <c r="EE20" s="294">
        <v>0</v>
      </c>
      <c r="EF20" s="295">
        <v>0</v>
      </c>
      <c r="EG20" s="296">
        <v>0</v>
      </c>
      <c r="EH20" s="300"/>
      <c r="EI20" s="295">
        <v>2254</v>
      </c>
      <c r="EJ20" s="295">
        <v>39263</v>
      </c>
      <c r="EK20" s="295">
        <v>73638</v>
      </c>
      <c r="EL20" s="295">
        <v>38136</v>
      </c>
      <c r="EM20" s="295">
        <v>24052</v>
      </c>
      <c r="EN20" s="298">
        <v>177343</v>
      </c>
      <c r="EO20" s="299">
        <v>177343</v>
      </c>
      <c r="EP20" s="294">
        <v>0</v>
      </c>
      <c r="EQ20" s="295">
        <v>0</v>
      </c>
      <c r="ER20" s="296">
        <v>0</v>
      </c>
      <c r="ES20" s="300"/>
      <c r="ET20" s="295">
        <v>0</v>
      </c>
      <c r="EU20" s="295">
        <v>0</v>
      </c>
      <c r="EV20" s="295">
        <v>0</v>
      </c>
      <c r="EW20" s="295">
        <v>0</v>
      </c>
      <c r="EX20" s="295">
        <v>196</v>
      </c>
      <c r="EY20" s="298">
        <v>196</v>
      </c>
      <c r="EZ20" s="299">
        <v>196</v>
      </c>
      <c r="FA20" s="294">
        <v>0</v>
      </c>
      <c r="FB20" s="295">
        <v>0</v>
      </c>
      <c r="FC20" s="296">
        <v>0</v>
      </c>
      <c r="FD20" s="300"/>
      <c r="FE20" s="295">
        <v>0</v>
      </c>
      <c r="FF20" s="295">
        <v>0</v>
      </c>
      <c r="FG20" s="295">
        <v>0</v>
      </c>
      <c r="FH20" s="295">
        <v>196</v>
      </c>
      <c r="FI20" s="295">
        <v>392</v>
      </c>
      <c r="FJ20" s="298">
        <v>588</v>
      </c>
      <c r="FK20" s="299">
        <v>588</v>
      </c>
      <c r="FL20" s="294">
        <v>0</v>
      </c>
      <c r="FM20" s="295">
        <v>0</v>
      </c>
      <c r="FN20" s="296">
        <v>0</v>
      </c>
      <c r="FO20" s="300"/>
      <c r="FP20" s="295">
        <v>0</v>
      </c>
      <c r="FQ20" s="295">
        <v>9828</v>
      </c>
      <c r="FR20" s="295">
        <v>304364</v>
      </c>
      <c r="FS20" s="295">
        <v>244692</v>
      </c>
      <c r="FT20" s="295">
        <v>361352</v>
      </c>
      <c r="FU20" s="298">
        <v>920236</v>
      </c>
      <c r="FV20" s="299">
        <v>920236</v>
      </c>
      <c r="FW20" s="294">
        <v>0</v>
      </c>
      <c r="FX20" s="295">
        <v>0</v>
      </c>
      <c r="FY20" s="296">
        <v>0</v>
      </c>
      <c r="FZ20" s="297">
        <v>0</v>
      </c>
      <c r="GA20" s="295">
        <v>39805</v>
      </c>
      <c r="GB20" s="295">
        <v>144046</v>
      </c>
      <c r="GC20" s="295">
        <v>298360</v>
      </c>
      <c r="GD20" s="295">
        <v>290347</v>
      </c>
      <c r="GE20" s="295">
        <v>98015</v>
      </c>
      <c r="GF20" s="298">
        <v>870573</v>
      </c>
      <c r="GG20" s="299">
        <v>870573</v>
      </c>
      <c r="GH20" s="294">
        <v>0</v>
      </c>
      <c r="GI20" s="295">
        <v>0</v>
      </c>
      <c r="GJ20" s="296">
        <v>0</v>
      </c>
      <c r="GK20" s="297">
        <v>0</v>
      </c>
      <c r="GL20" s="295">
        <v>28</v>
      </c>
      <c r="GM20" s="295">
        <v>63</v>
      </c>
      <c r="GN20" s="295">
        <v>77</v>
      </c>
      <c r="GO20" s="295">
        <v>0</v>
      </c>
      <c r="GP20" s="295">
        <v>6500</v>
      </c>
      <c r="GQ20" s="298">
        <v>6668</v>
      </c>
      <c r="GR20" s="299">
        <v>6668</v>
      </c>
      <c r="GS20" s="294">
        <v>0</v>
      </c>
      <c r="GT20" s="295">
        <v>0</v>
      </c>
      <c r="GU20" s="296">
        <v>0</v>
      </c>
      <c r="GV20" s="297">
        <v>0</v>
      </c>
      <c r="GW20" s="295">
        <v>0</v>
      </c>
      <c r="GX20" s="295">
        <v>0</v>
      </c>
      <c r="GY20" s="295">
        <v>0</v>
      </c>
      <c r="GZ20" s="295">
        <v>0</v>
      </c>
      <c r="HA20" s="295">
        <v>0</v>
      </c>
      <c r="HB20" s="298">
        <v>0</v>
      </c>
      <c r="HC20" s="299">
        <v>0</v>
      </c>
      <c r="HD20" s="294">
        <v>0</v>
      </c>
      <c r="HE20" s="295">
        <v>0</v>
      </c>
      <c r="HF20" s="296">
        <v>0</v>
      </c>
      <c r="HG20" s="300"/>
      <c r="HH20" s="295">
        <v>0</v>
      </c>
      <c r="HI20" s="295">
        <v>0</v>
      </c>
      <c r="HJ20" s="295">
        <v>0</v>
      </c>
      <c r="HK20" s="295">
        <v>0</v>
      </c>
      <c r="HL20" s="295">
        <v>0</v>
      </c>
      <c r="HM20" s="298">
        <v>0</v>
      </c>
      <c r="HN20" s="299">
        <v>0</v>
      </c>
      <c r="HO20" s="294">
        <v>0</v>
      </c>
      <c r="HP20" s="295">
        <v>0</v>
      </c>
      <c r="HQ20" s="296">
        <v>0</v>
      </c>
      <c r="HR20" s="297">
        <v>0</v>
      </c>
      <c r="HS20" s="295">
        <v>265362</v>
      </c>
      <c r="HT20" s="295">
        <v>1419348</v>
      </c>
      <c r="HU20" s="295">
        <v>5187433</v>
      </c>
      <c r="HV20" s="295">
        <v>6129609</v>
      </c>
      <c r="HW20" s="295">
        <v>5147945</v>
      </c>
      <c r="HX20" s="298">
        <v>18149697</v>
      </c>
      <c r="HY20" s="299">
        <v>18149697</v>
      </c>
    </row>
    <row r="21" spans="2:233" ht="21" customHeight="1" x14ac:dyDescent="0.2">
      <c r="B21" s="292" t="s">
        <v>18</v>
      </c>
      <c r="C21" s="294">
        <v>245</v>
      </c>
      <c r="D21" s="295">
        <v>4355</v>
      </c>
      <c r="E21" s="296">
        <v>4600</v>
      </c>
      <c r="F21" s="297">
        <v>0</v>
      </c>
      <c r="G21" s="295">
        <v>203616</v>
      </c>
      <c r="H21" s="295">
        <v>460241</v>
      </c>
      <c r="I21" s="295">
        <v>2048140</v>
      </c>
      <c r="J21" s="295">
        <v>3392085</v>
      </c>
      <c r="K21" s="295">
        <v>2479166</v>
      </c>
      <c r="L21" s="298">
        <v>8583248</v>
      </c>
      <c r="M21" s="299">
        <v>8587848</v>
      </c>
      <c r="N21" s="294">
        <v>0</v>
      </c>
      <c r="O21" s="295">
        <v>0</v>
      </c>
      <c r="P21" s="296">
        <v>0</v>
      </c>
      <c r="Q21" s="300"/>
      <c r="R21" s="295">
        <v>22800</v>
      </c>
      <c r="S21" s="295">
        <v>82460</v>
      </c>
      <c r="T21" s="295">
        <v>1159420</v>
      </c>
      <c r="U21" s="295">
        <v>2583681</v>
      </c>
      <c r="V21" s="295">
        <v>1976046</v>
      </c>
      <c r="W21" s="298">
        <v>5824407</v>
      </c>
      <c r="X21" s="299">
        <v>5824407</v>
      </c>
      <c r="Y21" s="294">
        <v>0</v>
      </c>
      <c r="Z21" s="295">
        <v>0</v>
      </c>
      <c r="AA21" s="296">
        <v>0</v>
      </c>
      <c r="AB21" s="300"/>
      <c r="AC21" s="295">
        <v>151645</v>
      </c>
      <c r="AD21" s="295">
        <v>334531</v>
      </c>
      <c r="AE21" s="295">
        <v>539280</v>
      </c>
      <c r="AF21" s="295">
        <v>503514</v>
      </c>
      <c r="AG21" s="295">
        <v>278130</v>
      </c>
      <c r="AH21" s="298">
        <v>1807100</v>
      </c>
      <c r="AI21" s="299">
        <v>1807100</v>
      </c>
      <c r="AJ21" s="294">
        <v>0</v>
      </c>
      <c r="AK21" s="295">
        <v>0</v>
      </c>
      <c r="AL21" s="296">
        <v>0</v>
      </c>
      <c r="AM21" s="300"/>
      <c r="AN21" s="295">
        <v>0</v>
      </c>
      <c r="AO21" s="295">
        <v>0</v>
      </c>
      <c r="AP21" s="295">
        <v>0</v>
      </c>
      <c r="AQ21" s="295">
        <v>2380</v>
      </c>
      <c r="AR21" s="295">
        <v>24045</v>
      </c>
      <c r="AS21" s="298">
        <v>26425</v>
      </c>
      <c r="AT21" s="299">
        <v>26425</v>
      </c>
      <c r="AU21" s="294">
        <v>0</v>
      </c>
      <c r="AV21" s="295">
        <v>0</v>
      </c>
      <c r="AW21" s="296">
        <v>0</v>
      </c>
      <c r="AX21" s="300"/>
      <c r="AY21" s="295">
        <v>0</v>
      </c>
      <c r="AZ21" s="295">
        <v>0</v>
      </c>
      <c r="BA21" s="295">
        <v>22260</v>
      </c>
      <c r="BB21" s="295">
        <v>22260</v>
      </c>
      <c r="BC21" s="295">
        <v>114465</v>
      </c>
      <c r="BD21" s="298">
        <v>158985</v>
      </c>
      <c r="BE21" s="299">
        <v>158985</v>
      </c>
      <c r="BF21" s="294">
        <v>0</v>
      </c>
      <c r="BG21" s="295">
        <v>0</v>
      </c>
      <c r="BH21" s="296">
        <v>0</v>
      </c>
      <c r="BI21" s="300"/>
      <c r="BJ21" s="295">
        <v>0</v>
      </c>
      <c r="BK21" s="295">
        <v>2380</v>
      </c>
      <c r="BL21" s="295">
        <v>32430</v>
      </c>
      <c r="BM21" s="295">
        <v>77610</v>
      </c>
      <c r="BN21" s="295">
        <v>34300</v>
      </c>
      <c r="BO21" s="298">
        <v>146720</v>
      </c>
      <c r="BP21" s="299">
        <v>146720</v>
      </c>
      <c r="BQ21" s="294">
        <v>245</v>
      </c>
      <c r="BR21" s="295">
        <v>4355</v>
      </c>
      <c r="BS21" s="296">
        <v>4600</v>
      </c>
      <c r="BT21" s="297">
        <v>0</v>
      </c>
      <c r="BU21" s="295">
        <v>27481</v>
      </c>
      <c r="BV21" s="295">
        <v>30130</v>
      </c>
      <c r="BW21" s="295">
        <v>294750</v>
      </c>
      <c r="BX21" s="295">
        <v>193230</v>
      </c>
      <c r="BY21" s="295">
        <v>52180</v>
      </c>
      <c r="BZ21" s="298">
        <v>597771</v>
      </c>
      <c r="CA21" s="299">
        <v>602371</v>
      </c>
      <c r="CB21" s="294">
        <v>0</v>
      </c>
      <c r="CC21" s="295">
        <v>0</v>
      </c>
      <c r="CD21" s="296">
        <v>0</v>
      </c>
      <c r="CE21" s="297">
        <v>0</v>
      </c>
      <c r="CF21" s="295">
        <v>1690</v>
      </c>
      <c r="CG21" s="295">
        <v>10740</v>
      </c>
      <c r="CH21" s="295">
        <v>0</v>
      </c>
      <c r="CI21" s="295">
        <v>9410</v>
      </c>
      <c r="CJ21" s="295">
        <v>0</v>
      </c>
      <c r="CK21" s="298">
        <v>21840</v>
      </c>
      <c r="CL21" s="299">
        <v>21840</v>
      </c>
      <c r="CM21" s="294">
        <v>0</v>
      </c>
      <c r="CN21" s="295">
        <v>0</v>
      </c>
      <c r="CO21" s="296">
        <v>0</v>
      </c>
      <c r="CP21" s="297">
        <v>0</v>
      </c>
      <c r="CQ21" s="295">
        <v>0</v>
      </c>
      <c r="CR21" s="295">
        <v>0</v>
      </c>
      <c r="CS21" s="295">
        <v>0</v>
      </c>
      <c r="CT21" s="295">
        <v>0</v>
      </c>
      <c r="CU21" s="295">
        <v>0</v>
      </c>
      <c r="CV21" s="298">
        <v>0</v>
      </c>
      <c r="CW21" s="299">
        <v>0</v>
      </c>
      <c r="CX21" s="294">
        <v>0</v>
      </c>
      <c r="CY21" s="295">
        <v>0</v>
      </c>
      <c r="CZ21" s="296">
        <v>0</v>
      </c>
      <c r="DA21" s="300"/>
      <c r="DB21" s="295">
        <v>0</v>
      </c>
      <c r="DC21" s="295">
        <v>0</v>
      </c>
      <c r="DD21" s="295">
        <v>0</v>
      </c>
      <c r="DE21" s="295">
        <v>0</v>
      </c>
      <c r="DF21" s="295">
        <v>0</v>
      </c>
      <c r="DG21" s="298">
        <v>0</v>
      </c>
      <c r="DH21" s="299">
        <v>0</v>
      </c>
      <c r="DI21" s="294">
        <v>702</v>
      </c>
      <c r="DJ21" s="295">
        <v>4744</v>
      </c>
      <c r="DK21" s="296">
        <v>5446</v>
      </c>
      <c r="DL21" s="297">
        <v>0</v>
      </c>
      <c r="DM21" s="295">
        <v>126325</v>
      </c>
      <c r="DN21" s="295">
        <v>297340</v>
      </c>
      <c r="DO21" s="295">
        <v>2493604</v>
      </c>
      <c r="DP21" s="295">
        <v>3877011</v>
      </c>
      <c r="DQ21" s="295">
        <v>2684190</v>
      </c>
      <c r="DR21" s="298">
        <v>9478470</v>
      </c>
      <c r="DS21" s="301">
        <v>9483916</v>
      </c>
      <c r="DT21" s="294">
        <v>0</v>
      </c>
      <c r="DU21" s="295">
        <v>0</v>
      </c>
      <c r="DV21" s="296">
        <v>0</v>
      </c>
      <c r="DW21" s="300"/>
      <c r="DX21" s="295">
        <v>37308</v>
      </c>
      <c r="DY21" s="295">
        <v>148120</v>
      </c>
      <c r="DZ21" s="295">
        <v>1857964</v>
      </c>
      <c r="EA21" s="295">
        <v>3231115</v>
      </c>
      <c r="EB21" s="295">
        <v>2374760</v>
      </c>
      <c r="EC21" s="298">
        <v>7649267</v>
      </c>
      <c r="ED21" s="299">
        <v>7649267</v>
      </c>
      <c r="EE21" s="294">
        <v>0</v>
      </c>
      <c r="EF21" s="295">
        <v>0</v>
      </c>
      <c r="EG21" s="296">
        <v>0</v>
      </c>
      <c r="EH21" s="300"/>
      <c r="EI21" s="295">
        <v>38810</v>
      </c>
      <c r="EJ21" s="295">
        <v>52404</v>
      </c>
      <c r="EK21" s="295">
        <v>116298</v>
      </c>
      <c r="EL21" s="295">
        <v>92953</v>
      </c>
      <c r="EM21" s="295">
        <v>110830</v>
      </c>
      <c r="EN21" s="298">
        <v>411295</v>
      </c>
      <c r="EO21" s="299">
        <v>411295</v>
      </c>
      <c r="EP21" s="294">
        <v>0</v>
      </c>
      <c r="EQ21" s="295">
        <v>0</v>
      </c>
      <c r="ER21" s="296">
        <v>0</v>
      </c>
      <c r="ES21" s="300"/>
      <c r="ET21" s="295">
        <v>0</v>
      </c>
      <c r="EU21" s="295">
        <v>0</v>
      </c>
      <c r="EV21" s="295">
        <v>0</v>
      </c>
      <c r="EW21" s="295">
        <v>196</v>
      </c>
      <c r="EX21" s="295">
        <v>10360</v>
      </c>
      <c r="EY21" s="298">
        <v>10556</v>
      </c>
      <c r="EZ21" s="299">
        <v>10556</v>
      </c>
      <c r="FA21" s="294">
        <v>0</v>
      </c>
      <c r="FB21" s="295">
        <v>0</v>
      </c>
      <c r="FC21" s="296">
        <v>0</v>
      </c>
      <c r="FD21" s="300"/>
      <c r="FE21" s="295">
        <v>0</v>
      </c>
      <c r="FF21" s="295">
        <v>0</v>
      </c>
      <c r="FG21" s="295">
        <v>196</v>
      </c>
      <c r="FH21" s="295">
        <v>196</v>
      </c>
      <c r="FI21" s="295">
        <v>11648</v>
      </c>
      <c r="FJ21" s="298">
        <v>12040</v>
      </c>
      <c r="FK21" s="299">
        <v>12040</v>
      </c>
      <c r="FL21" s="294">
        <v>0</v>
      </c>
      <c r="FM21" s="295">
        <v>0</v>
      </c>
      <c r="FN21" s="296">
        <v>0</v>
      </c>
      <c r="FO21" s="300"/>
      <c r="FP21" s="295">
        <v>0</v>
      </c>
      <c r="FQ21" s="295">
        <v>19488</v>
      </c>
      <c r="FR21" s="295">
        <v>57568</v>
      </c>
      <c r="FS21" s="295">
        <v>218840</v>
      </c>
      <c r="FT21" s="295">
        <v>72184</v>
      </c>
      <c r="FU21" s="298">
        <v>368080</v>
      </c>
      <c r="FV21" s="299">
        <v>368080</v>
      </c>
      <c r="FW21" s="294">
        <v>702</v>
      </c>
      <c r="FX21" s="295">
        <v>4744</v>
      </c>
      <c r="FY21" s="296">
        <v>5446</v>
      </c>
      <c r="FZ21" s="297">
        <v>0</v>
      </c>
      <c r="GA21" s="295">
        <v>47851</v>
      </c>
      <c r="GB21" s="295">
        <v>73907</v>
      </c>
      <c r="GC21" s="295">
        <v>461578</v>
      </c>
      <c r="GD21" s="295">
        <v>330318</v>
      </c>
      <c r="GE21" s="295">
        <v>104408</v>
      </c>
      <c r="GF21" s="298">
        <v>1018062</v>
      </c>
      <c r="GG21" s="299">
        <v>1023508</v>
      </c>
      <c r="GH21" s="294">
        <v>0</v>
      </c>
      <c r="GI21" s="295">
        <v>0</v>
      </c>
      <c r="GJ21" s="296">
        <v>0</v>
      </c>
      <c r="GK21" s="297">
        <v>0</v>
      </c>
      <c r="GL21" s="295">
        <v>2356</v>
      </c>
      <c r="GM21" s="295">
        <v>3421</v>
      </c>
      <c r="GN21" s="295">
        <v>0</v>
      </c>
      <c r="GO21" s="295">
        <v>3393</v>
      </c>
      <c r="GP21" s="295">
        <v>0</v>
      </c>
      <c r="GQ21" s="298">
        <v>9170</v>
      </c>
      <c r="GR21" s="299">
        <v>9170</v>
      </c>
      <c r="GS21" s="294">
        <v>0</v>
      </c>
      <c r="GT21" s="295">
        <v>0</v>
      </c>
      <c r="GU21" s="296">
        <v>0</v>
      </c>
      <c r="GV21" s="297">
        <v>0</v>
      </c>
      <c r="GW21" s="295">
        <v>0</v>
      </c>
      <c r="GX21" s="295">
        <v>0</v>
      </c>
      <c r="GY21" s="295">
        <v>0</v>
      </c>
      <c r="GZ21" s="295">
        <v>0</v>
      </c>
      <c r="HA21" s="295">
        <v>0</v>
      </c>
      <c r="HB21" s="298">
        <v>0</v>
      </c>
      <c r="HC21" s="299">
        <v>0</v>
      </c>
      <c r="HD21" s="294">
        <v>0</v>
      </c>
      <c r="HE21" s="295">
        <v>0</v>
      </c>
      <c r="HF21" s="296">
        <v>0</v>
      </c>
      <c r="HG21" s="300"/>
      <c r="HH21" s="295">
        <v>0</v>
      </c>
      <c r="HI21" s="295">
        <v>0</v>
      </c>
      <c r="HJ21" s="295">
        <v>0</v>
      </c>
      <c r="HK21" s="295">
        <v>0</v>
      </c>
      <c r="HL21" s="295">
        <v>0</v>
      </c>
      <c r="HM21" s="298">
        <v>0</v>
      </c>
      <c r="HN21" s="299">
        <v>0</v>
      </c>
      <c r="HO21" s="294">
        <v>947</v>
      </c>
      <c r="HP21" s="295">
        <v>9099</v>
      </c>
      <c r="HQ21" s="296">
        <v>10046</v>
      </c>
      <c r="HR21" s="297">
        <v>0</v>
      </c>
      <c r="HS21" s="295">
        <v>329941</v>
      </c>
      <c r="HT21" s="295">
        <v>757581</v>
      </c>
      <c r="HU21" s="295">
        <v>4541744</v>
      </c>
      <c r="HV21" s="295">
        <v>7269096</v>
      </c>
      <c r="HW21" s="295">
        <v>5163356</v>
      </c>
      <c r="HX21" s="298">
        <v>18061718</v>
      </c>
      <c r="HY21" s="299">
        <v>18071764</v>
      </c>
    </row>
    <row r="22" spans="2:233" ht="21" customHeight="1" x14ac:dyDescent="0.2">
      <c r="B22" s="292" t="s">
        <v>19</v>
      </c>
      <c r="C22" s="294">
        <v>0</v>
      </c>
      <c r="D22" s="295">
        <v>0</v>
      </c>
      <c r="E22" s="296">
        <v>0</v>
      </c>
      <c r="F22" s="297">
        <v>0</v>
      </c>
      <c r="G22" s="295">
        <v>85120</v>
      </c>
      <c r="H22" s="295">
        <v>329186</v>
      </c>
      <c r="I22" s="295">
        <v>1334925</v>
      </c>
      <c r="J22" s="295">
        <v>1237410</v>
      </c>
      <c r="K22" s="295">
        <v>895155</v>
      </c>
      <c r="L22" s="298">
        <v>3881796</v>
      </c>
      <c r="M22" s="299">
        <v>3881796</v>
      </c>
      <c r="N22" s="294">
        <v>0</v>
      </c>
      <c r="O22" s="295">
        <v>0</v>
      </c>
      <c r="P22" s="296">
        <v>0</v>
      </c>
      <c r="Q22" s="300"/>
      <c r="R22" s="295">
        <v>0</v>
      </c>
      <c r="S22" s="295">
        <v>71120</v>
      </c>
      <c r="T22" s="295">
        <v>883955</v>
      </c>
      <c r="U22" s="295">
        <v>920035</v>
      </c>
      <c r="V22" s="295">
        <v>730835</v>
      </c>
      <c r="W22" s="298">
        <v>2605945</v>
      </c>
      <c r="X22" s="299">
        <v>2605945</v>
      </c>
      <c r="Y22" s="294">
        <v>0</v>
      </c>
      <c r="Z22" s="295">
        <v>0</v>
      </c>
      <c r="AA22" s="296">
        <v>0</v>
      </c>
      <c r="AB22" s="300"/>
      <c r="AC22" s="295">
        <v>69335</v>
      </c>
      <c r="AD22" s="295">
        <v>204798</v>
      </c>
      <c r="AE22" s="295">
        <v>402065</v>
      </c>
      <c r="AF22" s="295">
        <v>256615</v>
      </c>
      <c r="AG22" s="295">
        <v>125300</v>
      </c>
      <c r="AH22" s="298">
        <v>1058113</v>
      </c>
      <c r="AI22" s="299">
        <v>1058113</v>
      </c>
      <c r="AJ22" s="294">
        <v>0</v>
      </c>
      <c r="AK22" s="295">
        <v>0</v>
      </c>
      <c r="AL22" s="296">
        <v>0</v>
      </c>
      <c r="AM22" s="300"/>
      <c r="AN22" s="295">
        <v>0</v>
      </c>
      <c r="AO22" s="295">
        <v>0</v>
      </c>
      <c r="AP22" s="295">
        <v>0</v>
      </c>
      <c r="AQ22" s="295">
        <v>0</v>
      </c>
      <c r="AR22" s="295">
        <v>0</v>
      </c>
      <c r="AS22" s="298">
        <v>0</v>
      </c>
      <c r="AT22" s="299">
        <v>0</v>
      </c>
      <c r="AU22" s="294">
        <v>0</v>
      </c>
      <c r="AV22" s="295">
        <v>0</v>
      </c>
      <c r="AW22" s="296">
        <v>0</v>
      </c>
      <c r="AX22" s="300"/>
      <c r="AY22" s="295">
        <v>0</v>
      </c>
      <c r="AZ22" s="295">
        <v>0</v>
      </c>
      <c r="BA22" s="295">
        <v>0</v>
      </c>
      <c r="BB22" s="295">
        <v>0</v>
      </c>
      <c r="BC22" s="295">
        <v>0</v>
      </c>
      <c r="BD22" s="298">
        <v>0</v>
      </c>
      <c r="BE22" s="299">
        <v>0</v>
      </c>
      <c r="BF22" s="294">
        <v>0</v>
      </c>
      <c r="BG22" s="295">
        <v>0</v>
      </c>
      <c r="BH22" s="296">
        <v>0</v>
      </c>
      <c r="BI22" s="300"/>
      <c r="BJ22" s="295">
        <v>0</v>
      </c>
      <c r="BK22" s="295">
        <v>0</v>
      </c>
      <c r="BL22" s="295">
        <v>0</v>
      </c>
      <c r="BM22" s="295">
        <v>0</v>
      </c>
      <c r="BN22" s="295">
        <v>0</v>
      </c>
      <c r="BO22" s="298">
        <v>0</v>
      </c>
      <c r="BP22" s="299">
        <v>0</v>
      </c>
      <c r="BQ22" s="294">
        <v>0</v>
      </c>
      <c r="BR22" s="295">
        <v>0</v>
      </c>
      <c r="BS22" s="296">
        <v>0</v>
      </c>
      <c r="BT22" s="297">
        <v>0</v>
      </c>
      <c r="BU22" s="295">
        <v>14715</v>
      </c>
      <c r="BV22" s="295">
        <v>51818</v>
      </c>
      <c r="BW22" s="295">
        <v>48905</v>
      </c>
      <c r="BX22" s="295">
        <v>58875</v>
      </c>
      <c r="BY22" s="295">
        <v>39020</v>
      </c>
      <c r="BZ22" s="298">
        <v>213333</v>
      </c>
      <c r="CA22" s="299">
        <v>213333</v>
      </c>
      <c r="CB22" s="294">
        <v>0</v>
      </c>
      <c r="CC22" s="295">
        <v>0</v>
      </c>
      <c r="CD22" s="296">
        <v>0</v>
      </c>
      <c r="CE22" s="297">
        <v>0</v>
      </c>
      <c r="CF22" s="295">
        <v>1070</v>
      </c>
      <c r="CG22" s="295">
        <v>1450</v>
      </c>
      <c r="CH22" s="295">
        <v>0</v>
      </c>
      <c r="CI22" s="295">
        <v>1885</v>
      </c>
      <c r="CJ22" s="295">
        <v>0</v>
      </c>
      <c r="CK22" s="298">
        <v>4405</v>
      </c>
      <c r="CL22" s="299">
        <v>4405</v>
      </c>
      <c r="CM22" s="294">
        <v>0</v>
      </c>
      <c r="CN22" s="295">
        <v>0</v>
      </c>
      <c r="CO22" s="296">
        <v>0</v>
      </c>
      <c r="CP22" s="297">
        <v>0</v>
      </c>
      <c r="CQ22" s="295">
        <v>0</v>
      </c>
      <c r="CR22" s="295">
        <v>0</v>
      </c>
      <c r="CS22" s="295">
        <v>0</v>
      </c>
      <c r="CT22" s="295">
        <v>0</v>
      </c>
      <c r="CU22" s="295">
        <v>0</v>
      </c>
      <c r="CV22" s="298">
        <v>0</v>
      </c>
      <c r="CW22" s="299">
        <v>0</v>
      </c>
      <c r="CX22" s="294">
        <v>0</v>
      </c>
      <c r="CY22" s="295">
        <v>0</v>
      </c>
      <c r="CZ22" s="296">
        <v>0</v>
      </c>
      <c r="DA22" s="300"/>
      <c r="DB22" s="295">
        <v>0</v>
      </c>
      <c r="DC22" s="295">
        <v>0</v>
      </c>
      <c r="DD22" s="295">
        <v>0</v>
      </c>
      <c r="DE22" s="295">
        <v>0</v>
      </c>
      <c r="DF22" s="295">
        <v>0</v>
      </c>
      <c r="DG22" s="298">
        <v>0</v>
      </c>
      <c r="DH22" s="299">
        <v>0</v>
      </c>
      <c r="DI22" s="294">
        <v>0</v>
      </c>
      <c r="DJ22" s="295">
        <v>0</v>
      </c>
      <c r="DK22" s="296">
        <v>0</v>
      </c>
      <c r="DL22" s="297">
        <v>0</v>
      </c>
      <c r="DM22" s="295">
        <v>26743</v>
      </c>
      <c r="DN22" s="295">
        <v>216457</v>
      </c>
      <c r="DO22" s="295">
        <v>1336856</v>
      </c>
      <c r="DP22" s="295">
        <v>1444602</v>
      </c>
      <c r="DQ22" s="295">
        <v>899455</v>
      </c>
      <c r="DR22" s="298">
        <v>3924113</v>
      </c>
      <c r="DS22" s="301">
        <v>3924113</v>
      </c>
      <c r="DT22" s="294">
        <v>0</v>
      </c>
      <c r="DU22" s="295">
        <v>0</v>
      </c>
      <c r="DV22" s="296">
        <v>0</v>
      </c>
      <c r="DW22" s="300"/>
      <c r="DX22" s="295">
        <v>0</v>
      </c>
      <c r="DY22" s="295">
        <v>109144</v>
      </c>
      <c r="DZ22" s="295">
        <v>1228660</v>
      </c>
      <c r="EA22" s="295">
        <v>1354263</v>
      </c>
      <c r="EB22" s="295">
        <v>832197</v>
      </c>
      <c r="EC22" s="298">
        <v>3524264</v>
      </c>
      <c r="ED22" s="299">
        <v>3524264</v>
      </c>
      <c r="EE22" s="294">
        <v>0</v>
      </c>
      <c r="EF22" s="295">
        <v>0</v>
      </c>
      <c r="EG22" s="296">
        <v>0</v>
      </c>
      <c r="EH22" s="300"/>
      <c r="EI22" s="295">
        <v>11389</v>
      </c>
      <c r="EJ22" s="295">
        <v>43225</v>
      </c>
      <c r="EK22" s="295">
        <v>44681</v>
      </c>
      <c r="EL22" s="295">
        <v>23555</v>
      </c>
      <c r="EM22" s="295">
        <v>21168</v>
      </c>
      <c r="EN22" s="298">
        <v>144018</v>
      </c>
      <c r="EO22" s="299">
        <v>144018</v>
      </c>
      <c r="EP22" s="294">
        <v>0</v>
      </c>
      <c r="EQ22" s="295">
        <v>0</v>
      </c>
      <c r="ER22" s="296">
        <v>0</v>
      </c>
      <c r="ES22" s="300"/>
      <c r="ET22" s="295">
        <v>0</v>
      </c>
      <c r="EU22" s="295">
        <v>0</v>
      </c>
      <c r="EV22" s="295">
        <v>0</v>
      </c>
      <c r="EW22" s="295">
        <v>0</v>
      </c>
      <c r="EX22" s="295">
        <v>0</v>
      </c>
      <c r="EY22" s="298">
        <v>0</v>
      </c>
      <c r="EZ22" s="299">
        <v>0</v>
      </c>
      <c r="FA22" s="294">
        <v>0</v>
      </c>
      <c r="FB22" s="295">
        <v>0</v>
      </c>
      <c r="FC22" s="296">
        <v>0</v>
      </c>
      <c r="FD22" s="300"/>
      <c r="FE22" s="295">
        <v>0</v>
      </c>
      <c r="FF22" s="295">
        <v>0</v>
      </c>
      <c r="FG22" s="295">
        <v>0</v>
      </c>
      <c r="FH22" s="295">
        <v>0</v>
      </c>
      <c r="FI22" s="295">
        <v>0</v>
      </c>
      <c r="FJ22" s="298">
        <v>0</v>
      </c>
      <c r="FK22" s="299">
        <v>0</v>
      </c>
      <c r="FL22" s="294">
        <v>0</v>
      </c>
      <c r="FM22" s="295">
        <v>0</v>
      </c>
      <c r="FN22" s="296">
        <v>0</v>
      </c>
      <c r="FO22" s="300"/>
      <c r="FP22" s="295">
        <v>0</v>
      </c>
      <c r="FQ22" s="295">
        <v>0</v>
      </c>
      <c r="FR22" s="295">
        <v>0</v>
      </c>
      <c r="FS22" s="295">
        <v>0</v>
      </c>
      <c r="FT22" s="295">
        <v>0</v>
      </c>
      <c r="FU22" s="298">
        <v>0</v>
      </c>
      <c r="FV22" s="299">
        <v>0</v>
      </c>
      <c r="FW22" s="294">
        <v>0</v>
      </c>
      <c r="FX22" s="295">
        <v>0</v>
      </c>
      <c r="FY22" s="296">
        <v>0</v>
      </c>
      <c r="FZ22" s="297">
        <v>0</v>
      </c>
      <c r="GA22" s="295">
        <v>15333</v>
      </c>
      <c r="GB22" s="295">
        <v>59076</v>
      </c>
      <c r="GC22" s="295">
        <v>63515</v>
      </c>
      <c r="GD22" s="295">
        <v>58550</v>
      </c>
      <c r="GE22" s="295">
        <v>46090</v>
      </c>
      <c r="GF22" s="298">
        <v>242564</v>
      </c>
      <c r="GG22" s="299">
        <v>242564</v>
      </c>
      <c r="GH22" s="294">
        <v>0</v>
      </c>
      <c r="GI22" s="295">
        <v>0</v>
      </c>
      <c r="GJ22" s="296">
        <v>0</v>
      </c>
      <c r="GK22" s="297">
        <v>0</v>
      </c>
      <c r="GL22" s="295">
        <v>21</v>
      </c>
      <c r="GM22" s="295">
        <v>5012</v>
      </c>
      <c r="GN22" s="295">
        <v>0</v>
      </c>
      <c r="GO22" s="295">
        <v>8234</v>
      </c>
      <c r="GP22" s="295">
        <v>0</v>
      </c>
      <c r="GQ22" s="298">
        <v>13267</v>
      </c>
      <c r="GR22" s="299">
        <v>13267</v>
      </c>
      <c r="GS22" s="294">
        <v>0</v>
      </c>
      <c r="GT22" s="295">
        <v>0</v>
      </c>
      <c r="GU22" s="296">
        <v>0</v>
      </c>
      <c r="GV22" s="297">
        <v>0</v>
      </c>
      <c r="GW22" s="295">
        <v>0</v>
      </c>
      <c r="GX22" s="295">
        <v>0</v>
      </c>
      <c r="GY22" s="295">
        <v>0</v>
      </c>
      <c r="GZ22" s="295">
        <v>0</v>
      </c>
      <c r="HA22" s="295">
        <v>0</v>
      </c>
      <c r="HB22" s="298">
        <v>0</v>
      </c>
      <c r="HC22" s="299">
        <v>0</v>
      </c>
      <c r="HD22" s="294">
        <v>0</v>
      </c>
      <c r="HE22" s="295">
        <v>0</v>
      </c>
      <c r="HF22" s="296">
        <v>0</v>
      </c>
      <c r="HG22" s="300"/>
      <c r="HH22" s="295">
        <v>0</v>
      </c>
      <c r="HI22" s="295">
        <v>0</v>
      </c>
      <c r="HJ22" s="295">
        <v>0</v>
      </c>
      <c r="HK22" s="295">
        <v>0</v>
      </c>
      <c r="HL22" s="295">
        <v>0</v>
      </c>
      <c r="HM22" s="298">
        <v>0</v>
      </c>
      <c r="HN22" s="299">
        <v>0</v>
      </c>
      <c r="HO22" s="294">
        <v>0</v>
      </c>
      <c r="HP22" s="295">
        <v>0</v>
      </c>
      <c r="HQ22" s="296">
        <v>0</v>
      </c>
      <c r="HR22" s="297">
        <v>0</v>
      </c>
      <c r="HS22" s="295">
        <v>111863</v>
      </c>
      <c r="HT22" s="295">
        <v>545643</v>
      </c>
      <c r="HU22" s="295">
        <v>2671781</v>
      </c>
      <c r="HV22" s="295">
        <v>2682012</v>
      </c>
      <c r="HW22" s="295">
        <v>1794610</v>
      </c>
      <c r="HX22" s="298">
        <v>7805909</v>
      </c>
      <c r="HY22" s="299">
        <v>7805909</v>
      </c>
    </row>
    <row r="23" spans="2:233" ht="21" customHeight="1" x14ac:dyDescent="0.2">
      <c r="B23" s="292" t="s">
        <v>20</v>
      </c>
      <c r="C23" s="294">
        <v>0</v>
      </c>
      <c r="D23" s="295">
        <v>0</v>
      </c>
      <c r="E23" s="296">
        <v>0</v>
      </c>
      <c r="F23" s="297">
        <v>0</v>
      </c>
      <c r="G23" s="295">
        <v>72070</v>
      </c>
      <c r="H23" s="295">
        <v>442688</v>
      </c>
      <c r="I23" s="295">
        <v>1252213</v>
      </c>
      <c r="J23" s="295">
        <v>1444740</v>
      </c>
      <c r="K23" s="295">
        <v>466915</v>
      </c>
      <c r="L23" s="298">
        <v>3678626</v>
      </c>
      <c r="M23" s="299">
        <v>3678626</v>
      </c>
      <c r="N23" s="294">
        <v>0</v>
      </c>
      <c r="O23" s="295">
        <v>0</v>
      </c>
      <c r="P23" s="296">
        <v>0</v>
      </c>
      <c r="Q23" s="300"/>
      <c r="R23" s="295">
        <v>1155</v>
      </c>
      <c r="S23" s="295">
        <v>213585</v>
      </c>
      <c r="T23" s="295">
        <v>897133</v>
      </c>
      <c r="U23" s="295">
        <v>1156745</v>
      </c>
      <c r="V23" s="295">
        <v>384980</v>
      </c>
      <c r="W23" s="298">
        <v>2653598</v>
      </c>
      <c r="X23" s="299">
        <v>2653598</v>
      </c>
      <c r="Y23" s="294">
        <v>0</v>
      </c>
      <c r="Z23" s="295">
        <v>0</v>
      </c>
      <c r="AA23" s="296">
        <v>0</v>
      </c>
      <c r="AB23" s="300"/>
      <c r="AC23" s="295">
        <v>52580</v>
      </c>
      <c r="AD23" s="295">
        <v>183328</v>
      </c>
      <c r="AE23" s="295">
        <v>250620</v>
      </c>
      <c r="AF23" s="295">
        <v>166345</v>
      </c>
      <c r="AG23" s="295">
        <v>79360</v>
      </c>
      <c r="AH23" s="298">
        <v>732233</v>
      </c>
      <c r="AI23" s="299">
        <v>732233</v>
      </c>
      <c r="AJ23" s="294">
        <v>0</v>
      </c>
      <c r="AK23" s="295">
        <v>0</v>
      </c>
      <c r="AL23" s="296">
        <v>0</v>
      </c>
      <c r="AM23" s="300"/>
      <c r="AN23" s="295">
        <v>0</v>
      </c>
      <c r="AO23" s="295">
        <v>0</v>
      </c>
      <c r="AP23" s="295">
        <v>0</v>
      </c>
      <c r="AQ23" s="295">
        <v>0</v>
      </c>
      <c r="AR23" s="295">
        <v>0</v>
      </c>
      <c r="AS23" s="298">
        <v>0</v>
      </c>
      <c r="AT23" s="299">
        <v>0</v>
      </c>
      <c r="AU23" s="294">
        <v>0</v>
      </c>
      <c r="AV23" s="295">
        <v>0</v>
      </c>
      <c r="AW23" s="296">
        <v>0</v>
      </c>
      <c r="AX23" s="300"/>
      <c r="AY23" s="295">
        <v>0</v>
      </c>
      <c r="AZ23" s="295">
        <v>0</v>
      </c>
      <c r="BA23" s="295">
        <v>0</v>
      </c>
      <c r="BB23" s="295">
        <v>0</v>
      </c>
      <c r="BC23" s="295">
        <v>0</v>
      </c>
      <c r="BD23" s="298">
        <v>0</v>
      </c>
      <c r="BE23" s="299">
        <v>0</v>
      </c>
      <c r="BF23" s="294">
        <v>0</v>
      </c>
      <c r="BG23" s="295">
        <v>0</v>
      </c>
      <c r="BH23" s="296">
        <v>0</v>
      </c>
      <c r="BI23" s="300"/>
      <c r="BJ23" s="295">
        <v>0</v>
      </c>
      <c r="BK23" s="295">
        <v>0</v>
      </c>
      <c r="BL23" s="295">
        <v>0</v>
      </c>
      <c r="BM23" s="295">
        <v>0</v>
      </c>
      <c r="BN23" s="295">
        <v>0</v>
      </c>
      <c r="BO23" s="298">
        <v>0</v>
      </c>
      <c r="BP23" s="299">
        <v>0</v>
      </c>
      <c r="BQ23" s="294">
        <v>0</v>
      </c>
      <c r="BR23" s="295">
        <v>0</v>
      </c>
      <c r="BS23" s="296">
        <v>0</v>
      </c>
      <c r="BT23" s="297">
        <v>0</v>
      </c>
      <c r="BU23" s="295">
        <v>16750</v>
      </c>
      <c r="BV23" s="295">
        <v>45340</v>
      </c>
      <c r="BW23" s="295">
        <v>103880</v>
      </c>
      <c r="BX23" s="295">
        <v>121650</v>
      </c>
      <c r="BY23" s="295">
        <v>2575</v>
      </c>
      <c r="BZ23" s="298">
        <v>290195</v>
      </c>
      <c r="CA23" s="299">
        <v>290195</v>
      </c>
      <c r="CB23" s="294">
        <v>0</v>
      </c>
      <c r="CC23" s="295">
        <v>0</v>
      </c>
      <c r="CD23" s="296">
        <v>0</v>
      </c>
      <c r="CE23" s="297">
        <v>0</v>
      </c>
      <c r="CF23" s="295">
        <v>1585</v>
      </c>
      <c r="CG23" s="295">
        <v>435</v>
      </c>
      <c r="CH23" s="295">
        <v>580</v>
      </c>
      <c r="CI23" s="295">
        <v>0</v>
      </c>
      <c r="CJ23" s="295">
        <v>0</v>
      </c>
      <c r="CK23" s="298">
        <v>2600</v>
      </c>
      <c r="CL23" s="299">
        <v>2600</v>
      </c>
      <c r="CM23" s="294">
        <v>0</v>
      </c>
      <c r="CN23" s="295">
        <v>0</v>
      </c>
      <c r="CO23" s="296">
        <v>0</v>
      </c>
      <c r="CP23" s="297">
        <v>0</v>
      </c>
      <c r="CQ23" s="295">
        <v>0</v>
      </c>
      <c r="CR23" s="295">
        <v>0</v>
      </c>
      <c r="CS23" s="295">
        <v>0</v>
      </c>
      <c r="CT23" s="295">
        <v>0</v>
      </c>
      <c r="CU23" s="295">
        <v>0</v>
      </c>
      <c r="CV23" s="298">
        <v>0</v>
      </c>
      <c r="CW23" s="299">
        <v>0</v>
      </c>
      <c r="CX23" s="294">
        <v>0</v>
      </c>
      <c r="CY23" s="295">
        <v>0</v>
      </c>
      <c r="CZ23" s="296">
        <v>0</v>
      </c>
      <c r="DA23" s="300"/>
      <c r="DB23" s="295">
        <v>0</v>
      </c>
      <c r="DC23" s="295">
        <v>0</v>
      </c>
      <c r="DD23" s="295">
        <v>0</v>
      </c>
      <c r="DE23" s="295">
        <v>0</v>
      </c>
      <c r="DF23" s="295">
        <v>0</v>
      </c>
      <c r="DG23" s="298">
        <v>0</v>
      </c>
      <c r="DH23" s="299">
        <v>0</v>
      </c>
      <c r="DI23" s="294">
        <v>0</v>
      </c>
      <c r="DJ23" s="295">
        <v>0</v>
      </c>
      <c r="DK23" s="296">
        <v>0</v>
      </c>
      <c r="DL23" s="297">
        <v>0</v>
      </c>
      <c r="DM23" s="295">
        <v>93465</v>
      </c>
      <c r="DN23" s="295">
        <v>502592</v>
      </c>
      <c r="DO23" s="295">
        <v>1779113</v>
      </c>
      <c r="DP23" s="295">
        <v>2068996</v>
      </c>
      <c r="DQ23" s="295">
        <v>742029</v>
      </c>
      <c r="DR23" s="298">
        <v>5186195</v>
      </c>
      <c r="DS23" s="301">
        <v>5186195</v>
      </c>
      <c r="DT23" s="294">
        <v>0</v>
      </c>
      <c r="DU23" s="295">
        <v>0</v>
      </c>
      <c r="DV23" s="296">
        <v>0</v>
      </c>
      <c r="DW23" s="300"/>
      <c r="DX23" s="295">
        <v>18395</v>
      </c>
      <c r="DY23" s="295">
        <v>342244</v>
      </c>
      <c r="DZ23" s="295">
        <v>1527097</v>
      </c>
      <c r="EA23" s="295">
        <v>1832481</v>
      </c>
      <c r="EB23" s="295">
        <v>721893</v>
      </c>
      <c r="EC23" s="298">
        <v>4442110</v>
      </c>
      <c r="ED23" s="299">
        <v>4442110</v>
      </c>
      <c r="EE23" s="294">
        <v>0</v>
      </c>
      <c r="EF23" s="295">
        <v>0</v>
      </c>
      <c r="EG23" s="296">
        <v>0</v>
      </c>
      <c r="EH23" s="300"/>
      <c r="EI23" s="295">
        <v>10759</v>
      </c>
      <c r="EJ23" s="295">
        <v>33117</v>
      </c>
      <c r="EK23" s="295">
        <v>23618</v>
      </c>
      <c r="EL23" s="295">
        <v>11890</v>
      </c>
      <c r="EM23" s="295">
        <v>1344</v>
      </c>
      <c r="EN23" s="298">
        <v>80728</v>
      </c>
      <c r="EO23" s="299">
        <v>80728</v>
      </c>
      <c r="EP23" s="294">
        <v>0</v>
      </c>
      <c r="EQ23" s="295">
        <v>0</v>
      </c>
      <c r="ER23" s="296">
        <v>0</v>
      </c>
      <c r="ES23" s="300"/>
      <c r="ET23" s="295">
        <v>0</v>
      </c>
      <c r="EU23" s="295">
        <v>0</v>
      </c>
      <c r="EV23" s="295">
        <v>0</v>
      </c>
      <c r="EW23" s="295">
        <v>0</v>
      </c>
      <c r="EX23" s="295">
        <v>0</v>
      </c>
      <c r="EY23" s="298">
        <v>0</v>
      </c>
      <c r="EZ23" s="299">
        <v>0</v>
      </c>
      <c r="FA23" s="294">
        <v>0</v>
      </c>
      <c r="FB23" s="295">
        <v>0</v>
      </c>
      <c r="FC23" s="296">
        <v>0</v>
      </c>
      <c r="FD23" s="300"/>
      <c r="FE23" s="295">
        <v>0</v>
      </c>
      <c r="FF23" s="295">
        <v>0</v>
      </c>
      <c r="FG23" s="295">
        <v>0</v>
      </c>
      <c r="FH23" s="295">
        <v>0</v>
      </c>
      <c r="FI23" s="295">
        <v>0</v>
      </c>
      <c r="FJ23" s="298">
        <v>0</v>
      </c>
      <c r="FK23" s="299">
        <v>0</v>
      </c>
      <c r="FL23" s="294">
        <v>0</v>
      </c>
      <c r="FM23" s="295">
        <v>0</v>
      </c>
      <c r="FN23" s="296">
        <v>0</v>
      </c>
      <c r="FO23" s="300"/>
      <c r="FP23" s="295">
        <v>0</v>
      </c>
      <c r="FQ23" s="295">
        <v>0</v>
      </c>
      <c r="FR23" s="295">
        <v>0</v>
      </c>
      <c r="FS23" s="295">
        <v>0</v>
      </c>
      <c r="FT23" s="295">
        <v>0</v>
      </c>
      <c r="FU23" s="298">
        <v>0</v>
      </c>
      <c r="FV23" s="299">
        <v>0</v>
      </c>
      <c r="FW23" s="294">
        <v>0</v>
      </c>
      <c r="FX23" s="295">
        <v>0</v>
      </c>
      <c r="FY23" s="296">
        <v>0</v>
      </c>
      <c r="FZ23" s="297">
        <v>0</v>
      </c>
      <c r="GA23" s="295">
        <v>62879</v>
      </c>
      <c r="GB23" s="295">
        <v>125799</v>
      </c>
      <c r="GC23" s="295">
        <v>227303</v>
      </c>
      <c r="GD23" s="295">
        <v>224625</v>
      </c>
      <c r="GE23" s="295">
        <v>18792</v>
      </c>
      <c r="GF23" s="298">
        <v>659398</v>
      </c>
      <c r="GG23" s="299">
        <v>659398</v>
      </c>
      <c r="GH23" s="294">
        <v>0</v>
      </c>
      <c r="GI23" s="295">
        <v>0</v>
      </c>
      <c r="GJ23" s="296">
        <v>0</v>
      </c>
      <c r="GK23" s="297">
        <v>0</v>
      </c>
      <c r="GL23" s="295">
        <v>1432</v>
      </c>
      <c r="GM23" s="295">
        <v>1432</v>
      </c>
      <c r="GN23" s="295">
        <v>1095</v>
      </c>
      <c r="GO23" s="295">
        <v>0</v>
      </c>
      <c r="GP23" s="295">
        <v>0</v>
      </c>
      <c r="GQ23" s="298">
        <v>3959</v>
      </c>
      <c r="GR23" s="299">
        <v>3959</v>
      </c>
      <c r="GS23" s="294">
        <v>0</v>
      </c>
      <c r="GT23" s="295">
        <v>0</v>
      </c>
      <c r="GU23" s="296">
        <v>0</v>
      </c>
      <c r="GV23" s="297">
        <v>0</v>
      </c>
      <c r="GW23" s="295">
        <v>0</v>
      </c>
      <c r="GX23" s="295">
        <v>0</v>
      </c>
      <c r="GY23" s="295">
        <v>0</v>
      </c>
      <c r="GZ23" s="295">
        <v>0</v>
      </c>
      <c r="HA23" s="295">
        <v>0</v>
      </c>
      <c r="HB23" s="298">
        <v>0</v>
      </c>
      <c r="HC23" s="299">
        <v>0</v>
      </c>
      <c r="HD23" s="294">
        <v>0</v>
      </c>
      <c r="HE23" s="295">
        <v>0</v>
      </c>
      <c r="HF23" s="296">
        <v>0</v>
      </c>
      <c r="HG23" s="300"/>
      <c r="HH23" s="295">
        <v>0</v>
      </c>
      <c r="HI23" s="295">
        <v>0</v>
      </c>
      <c r="HJ23" s="295">
        <v>0</v>
      </c>
      <c r="HK23" s="295">
        <v>0</v>
      </c>
      <c r="HL23" s="295">
        <v>0</v>
      </c>
      <c r="HM23" s="298">
        <v>0</v>
      </c>
      <c r="HN23" s="299">
        <v>0</v>
      </c>
      <c r="HO23" s="294">
        <v>0</v>
      </c>
      <c r="HP23" s="295">
        <v>0</v>
      </c>
      <c r="HQ23" s="296">
        <v>0</v>
      </c>
      <c r="HR23" s="297">
        <v>0</v>
      </c>
      <c r="HS23" s="295">
        <v>165535</v>
      </c>
      <c r="HT23" s="295">
        <v>945280</v>
      </c>
      <c r="HU23" s="295">
        <v>3031326</v>
      </c>
      <c r="HV23" s="295">
        <v>3513736</v>
      </c>
      <c r="HW23" s="295">
        <v>1208944</v>
      </c>
      <c r="HX23" s="298">
        <v>8864821</v>
      </c>
      <c r="HY23" s="299">
        <v>8864821</v>
      </c>
    </row>
    <row r="24" spans="2:233" ht="21" customHeight="1" x14ac:dyDescent="0.2">
      <c r="B24" s="292" t="s">
        <v>21</v>
      </c>
      <c r="C24" s="294">
        <v>0</v>
      </c>
      <c r="D24" s="295">
        <v>0</v>
      </c>
      <c r="E24" s="296">
        <v>0</v>
      </c>
      <c r="F24" s="297">
        <v>0</v>
      </c>
      <c r="G24" s="295">
        <v>150765</v>
      </c>
      <c r="H24" s="295">
        <v>299290</v>
      </c>
      <c r="I24" s="295">
        <v>1991098</v>
      </c>
      <c r="J24" s="295">
        <v>1559636</v>
      </c>
      <c r="K24" s="295">
        <v>1087692</v>
      </c>
      <c r="L24" s="298">
        <v>5088481</v>
      </c>
      <c r="M24" s="299">
        <v>5088481</v>
      </c>
      <c r="N24" s="294">
        <v>0</v>
      </c>
      <c r="O24" s="295">
        <v>0</v>
      </c>
      <c r="P24" s="296">
        <v>0</v>
      </c>
      <c r="Q24" s="300"/>
      <c r="R24" s="295">
        <v>34440</v>
      </c>
      <c r="S24" s="295">
        <v>133140</v>
      </c>
      <c r="T24" s="295">
        <v>1591645</v>
      </c>
      <c r="U24" s="295">
        <v>1232451</v>
      </c>
      <c r="V24" s="295">
        <v>811877</v>
      </c>
      <c r="W24" s="298">
        <v>3803553</v>
      </c>
      <c r="X24" s="299">
        <v>3803553</v>
      </c>
      <c r="Y24" s="294">
        <v>0</v>
      </c>
      <c r="Z24" s="295">
        <v>0</v>
      </c>
      <c r="AA24" s="296">
        <v>0</v>
      </c>
      <c r="AB24" s="300"/>
      <c r="AC24" s="295">
        <v>76620</v>
      </c>
      <c r="AD24" s="295">
        <v>125515</v>
      </c>
      <c r="AE24" s="295">
        <v>228900</v>
      </c>
      <c r="AF24" s="295">
        <v>158125</v>
      </c>
      <c r="AG24" s="295">
        <v>174125</v>
      </c>
      <c r="AH24" s="298">
        <v>763285</v>
      </c>
      <c r="AI24" s="299">
        <v>763285</v>
      </c>
      <c r="AJ24" s="294">
        <v>0</v>
      </c>
      <c r="AK24" s="295">
        <v>0</v>
      </c>
      <c r="AL24" s="296">
        <v>0</v>
      </c>
      <c r="AM24" s="300"/>
      <c r="AN24" s="295">
        <v>0</v>
      </c>
      <c r="AO24" s="295">
        <v>0</v>
      </c>
      <c r="AP24" s="295">
        <v>2380</v>
      </c>
      <c r="AQ24" s="295">
        <v>29540</v>
      </c>
      <c r="AR24" s="295">
        <v>2380</v>
      </c>
      <c r="AS24" s="298">
        <v>34300</v>
      </c>
      <c r="AT24" s="299">
        <v>34300</v>
      </c>
      <c r="AU24" s="294">
        <v>0</v>
      </c>
      <c r="AV24" s="295">
        <v>0</v>
      </c>
      <c r="AW24" s="296">
        <v>0</v>
      </c>
      <c r="AX24" s="300"/>
      <c r="AY24" s="295">
        <v>0</v>
      </c>
      <c r="AZ24" s="295">
        <v>0</v>
      </c>
      <c r="BA24" s="295">
        <v>32060</v>
      </c>
      <c r="BB24" s="295">
        <v>32020</v>
      </c>
      <c r="BC24" s="295">
        <v>68925</v>
      </c>
      <c r="BD24" s="298">
        <v>133005</v>
      </c>
      <c r="BE24" s="299">
        <v>133005</v>
      </c>
      <c r="BF24" s="294">
        <v>0</v>
      </c>
      <c r="BG24" s="295">
        <v>0</v>
      </c>
      <c r="BH24" s="296">
        <v>0</v>
      </c>
      <c r="BI24" s="300"/>
      <c r="BJ24" s="295">
        <v>0</v>
      </c>
      <c r="BK24" s="295">
        <v>0</v>
      </c>
      <c r="BL24" s="295">
        <v>0</v>
      </c>
      <c r="BM24" s="295">
        <v>0</v>
      </c>
      <c r="BN24" s="295">
        <v>0</v>
      </c>
      <c r="BO24" s="298">
        <v>0</v>
      </c>
      <c r="BP24" s="299">
        <v>0</v>
      </c>
      <c r="BQ24" s="294">
        <v>0</v>
      </c>
      <c r="BR24" s="295">
        <v>0</v>
      </c>
      <c r="BS24" s="296">
        <v>0</v>
      </c>
      <c r="BT24" s="297">
        <v>0</v>
      </c>
      <c r="BU24" s="295">
        <v>39705</v>
      </c>
      <c r="BV24" s="295">
        <v>40635</v>
      </c>
      <c r="BW24" s="295">
        <v>136113</v>
      </c>
      <c r="BX24" s="295">
        <v>99170</v>
      </c>
      <c r="BY24" s="295">
        <v>30385</v>
      </c>
      <c r="BZ24" s="298">
        <v>346008</v>
      </c>
      <c r="CA24" s="299">
        <v>346008</v>
      </c>
      <c r="CB24" s="294">
        <v>0</v>
      </c>
      <c r="CC24" s="295">
        <v>0</v>
      </c>
      <c r="CD24" s="296">
        <v>0</v>
      </c>
      <c r="CE24" s="297">
        <v>0</v>
      </c>
      <c r="CF24" s="295">
        <v>0</v>
      </c>
      <c r="CG24" s="295">
        <v>0</v>
      </c>
      <c r="CH24" s="295">
        <v>0</v>
      </c>
      <c r="CI24" s="295">
        <v>8330</v>
      </c>
      <c r="CJ24" s="295">
        <v>0</v>
      </c>
      <c r="CK24" s="298">
        <v>8330</v>
      </c>
      <c r="CL24" s="299">
        <v>8330</v>
      </c>
      <c r="CM24" s="294">
        <v>0</v>
      </c>
      <c r="CN24" s="295">
        <v>0</v>
      </c>
      <c r="CO24" s="296">
        <v>0</v>
      </c>
      <c r="CP24" s="297">
        <v>0</v>
      </c>
      <c r="CQ24" s="295">
        <v>0</v>
      </c>
      <c r="CR24" s="295">
        <v>0</v>
      </c>
      <c r="CS24" s="295">
        <v>0</v>
      </c>
      <c r="CT24" s="295">
        <v>0</v>
      </c>
      <c r="CU24" s="295">
        <v>0</v>
      </c>
      <c r="CV24" s="298">
        <v>0</v>
      </c>
      <c r="CW24" s="299">
        <v>0</v>
      </c>
      <c r="CX24" s="294">
        <v>0</v>
      </c>
      <c r="CY24" s="295">
        <v>0</v>
      </c>
      <c r="CZ24" s="296">
        <v>0</v>
      </c>
      <c r="DA24" s="300"/>
      <c r="DB24" s="295">
        <v>0</v>
      </c>
      <c r="DC24" s="295">
        <v>0</v>
      </c>
      <c r="DD24" s="295">
        <v>0</v>
      </c>
      <c r="DE24" s="295">
        <v>0</v>
      </c>
      <c r="DF24" s="295">
        <v>0</v>
      </c>
      <c r="DG24" s="298">
        <v>0</v>
      </c>
      <c r="DH24" s="299">
        <v>0</v>
      </c>
      <c r="DI24" s="294">
        <v>0</v>
      </c>
      <c r="DJ24" s="295">
        <v>0</v>
      </c>
      <c r="DK24" s="296">
        <v>0</v>
      </c>
      <c r="DL24" s="297">
        <v>0</v>
      </c>
      <c r="DM24" s="295">
        <v>111030</v>
      </c>
      <c r="DN24" s="295">
        <v>246354</v>
      </c>
      <c r="DO24" s="295">
        <v>2126387</v>
      </c>
      <c r="DP24" s="295">
        <v>1999513</v>
      </c>
      <c r="DQ24" s="295">
        <v>1216324</v>
      </c>
      <c r="DR24" s="298">
        <v>5699608</v>
      </c>
      <c r="DS24" s="301">
        <v>5699608</v>
      </c>
      <c r="DT24" s="294">
        <v>0</v>
      </c>
      <c r="DU24" s="295">
        <v>0</v>
      </c>
      <c r="DV24" s="296">
        <v>0</v>
      </c>
      <c r="DW24" s="300"/>
      <c r="DX24" s="295">
        <v>37520</v>
      </c>
      <c r="DY24" s="295">
        <v>142772</v>
      </c>
      <c r="DZ24" s="295">
        <v>1848505</v>
      </c>
      <c r="EA24" s="295">
        <v>1808532</v>
      </c>
      <c r="EB24" s="295">
        <v>1131960</v>
      </c>
      <c r="EC24" s="298">
        <v>4969289</v>
      </c>
      <c r="ED24" s="299">
        <v>4969289</v>
      </c>
      <c r="EE24" s="294">
        <v>0</v>
      </c>
      <c r="EF24" s="295">
        <v>0</v>
      </c>
      <c r="EG24" s="296">
        <v>0</v>
      </c>
      <c r="EH24" s="300"/>
      <c r="EI24" s="295">
        <v>2352</v>
      </c>
      <c r="EJ24" s="295">
        <v>33405</v>
      </c>
      <c r="EK24" s="295">
        <v>23464</v>
      </c>
      <c r="EL24" s="295">
        <v>1771</v>
      </c>
      <c r="EM24" s="295">
        <v>12313</v>
      </c>
      <c r="EN24" s="298">
        <v>73305</v>
      </c>
      <c r="EO24" s="299">
        <v>73305</v>
      </c>
      <c r="EP24" s="294">
        <v>0</v>
      </c>
      <c r="EQ24" s="295">
        <v>0</v>
      </c>
      <c r="ER24" s="296">
        <v>0</v>
      </c>
      <c r="ES24" s="300"/>
      <c r="ET24" s="295">
        <v>0</v>
      </c>
      <c r="EU24" s="295">
        <v>0</v>
      </c>
      <c r="EV24" s="295">
        <v>196</v>
      </c>
      <c r="EW24" s="295">
        <v>0</v>
      </c>
      <c r="EX24" s="295">
        <v>0</v>
      </c>
      <c r="EY24" s="298">
        <v>196</v>
      </c>
      <c r="EZ24" s="299">
        <v>196</v>
      </c>
      <c r="FA24" s="294">
        <v>0</v>
      </c>
      <c r="FB24" s="295">
        <v>0</v>
      </c>
      <c r="FC24" s="296">
        <v>0</v>
      </c>
      <c r="FD24" s="300"/>
      <c r="FE24" s="295">
        <v>0</v>
      </c>
      <c r="FF24" s="295">
        <v>0</v>
      </c>
      <c r="FG24" s="295">
        <v>10556</v>
      </c>
      <c r="FH24" s="295">
        <v>392</v>
      </c>
      <c r="FI24" s="295">
        <v>784</v>
      </c>
      <c r="FJ24" s="298">
        <v>11732</v>
      </c>
      <c r="FK24" s="299">
        <v>11732</v>
      </c>
      <c r="FL24" s="294">
        <v>0</v>
      </c>
      <c r="FM24" s="295">
        <v>0</v>
      </c>
      <c r="FN24" s="296">
        <v>0</v>
      </c>
      <c r="FO24" s="300"/>
      <c r="FP24" s="295">
        <v>0</v>
      </c>
      <c r="FQ24" s="295">
        <v>0</v>
      </c>
      <c r="FR24" s="295">
        <v>0</v>
      </c>
      <c r="FS24" s="295">
        <v>0</v>
      </c>
      <c r="FT24" s="295">
        <v>0</v>
      </c>
      <c r="FU24" s="298">
        <v>0</v>
      </c>
      <c r="FV24" s="299">
        <v>0</v>
      </c>
      <c r="FW24" s="294">
        <v>0</v>
      </c>
      <c r="FX24" s="295">
        <v>0</v>
      </c>
      <c r="FY24" s="296">
        <v>0</v>
      </c>
      <c r="FZ24" s="297">
        <v>0</v>
      </c>
      <c r="GA24" s="295">
        <v>71158</v>
      </c>
      <c r="GB24" s="295">
        <v>70177</v>
      </c>
      <c r="GC24" s="295">
        <v>243666</v>
      </c>
      <c r="GD24" s="295">
        <v>178167</v>
      </c>
      <c r="GE24" s="295">
        <v>71267</v>
      </c>
      <c r="GF24" s="298">
        <v>634435</v>
      </c>
      <c r="GG24" s="299">
        <v>634435</v>
      </c>
      <c r="GH24" s="294">
        <v>0</v>
      </c>
      <c r="GI24" s="295">
        <v>0</v>
      </c>
      <c r="GJ24" s="296">
        <v>0</v>
      </c>
      <c r="GK24" s="297">
        <v>0</v>
      </c>
      <c r="GL24" s="295">
        <v>0</v>
      </c>
      <c r="GM24" s="295">
        <v>0</v>
      </c>
      <c r="GN24" s="295">
        <v>0</v>
      </c>
      <c r="GO24" s="295">
        <v>10651</v>
      </c>
      <c r="GP24" s="295">
        <v>0</v>
      </c>
      <c r="GQ24" s="298">
        <v>10651</v>
      </c>
      <c r="GR24" s="299">
        <v>10651</v>
      </c>
      <c r="GS24" s="294">
        <v>0</v>
      </c>
      <c r="GT24" s="295">
        <v>0</v>
      </c>
      <c r="GU24" s="296">
        <v>0</v>
      </c>
      <c r="GV24" s="297">
        <v>0</v>
      </c>
      <c r="GW24" s="295">
        <v>0</v>
      </c>
      <c r="GX24" s="295">
        <v>0</v>
      </c>
      <c r="GY24" s="295">
        <v>0</v>
      </c>
      <c r="GZ24" s="295">
        <v>0</v>
      </c>
      <c r="HA24" s="295">
        <v>0</v>
      </c>
      <c r="HB24" s="298">
        <v>0</v>
      </c>
      <c r="HC24" s="299">
        <v>0</v>
      </c>
      <c r="HD24" s="294">
        <v>0</v>
      </c>
      <c r="HE24" s="295">
        <v>0</v>
      </c>
      <c r="HF24" s="296">
        <v>0</v>
      </c>
      <c r="HG24" s="300"/>
      <c r="HH24" s="295">
        <v>0</v>
      </c>
      <c r="HI24" s="295">
        <v>0</v>
      </c>
      <c r="HJ24" s="295">
        <v>0</v>
      </c>
      <c r="HK24" s="295">
        <v>0</v>
      </c>
      <c r="HL24" s="295">
        <v>0</v>
      </c>
      <c r="HM24" s="298">
        <v>0</v>
      </c>
      <c r="HN24" s="299">
        <v>0</v>
      </c>
      <c r="HO24" s="294">
        <v>0</v>
      </c>
      <c r="HP24" s="295">
        <v>0</v>
      </c>
      <c r="HQ24" s="296">
        <v>0</v>
      </c>
      <c r="HR24" s="297">
        <v>0</v>
      </c>
      <c r="HS24" s="295">
        <v>261795</v>
      </c>
      <c r="HT24" s="295">
        <v>545644</v>
      </c>
      <c r="HU24" s="295">
        <v>4117485</v>
      </c>
      <c r="HV24" s="295">
        <v>3559149</v>
      </c>
      <c r="HW24" s="295">
        <v>2304016</v>
      </c>
      <c r="HX24" s="298">
        <v>10788089</v>
      </c>
      <c r="HY24" s="299">
        <v>10788089</v>
      </c>
    </row>
    <row r="25" spans="2:233" ht="21" customHeight="1" x14ac:dyDescent="0.2">
      <c r="B25" s="292" t="s">
        <v>22</v>
      </c>
      <c r="C25" s="294">
        <v>0</v>
      </c>
      <c r="D25" s="295">
        <v>0</v>
      </c>
      <c r="E25" s="296">
        <v>0</v>
      </c>
      <c r="F25" s="297">
        <v>0</v>
      </c>
      <c r="G25" s="295">
        <v>118730</v>
      </c>
      <c r="H25" s="295">
        <v>255835</v>
      </c>
      <c r="I25" s="295">
        <v>551840</v>
      </c>
      <c r="J25" s="295">
        <v>906860</v>
      </c>
      <c r="K25" s="295">
        <v>428023</v>
      </c>
      <c r="L25" s="298">
        <v>2261288</v>
      </c>
      <c r="M25" s="299">
        <v>2261288</v>
      </c>
      <c r="N25" s="294">
        <v>0</v>
      </c>
      <c r="O25" s="295">
        <v>0</v>
      </c>
      <c r="P25" s="296">
        <v>0</v>
      </c>
      <c r="Q25" s="300"/>
      <c r="R25" s="295">
        <v>32060</v>
      </c>
      <c r="S25" s="295">
        <v>13300</v>
      </c>
      <c r="T25" s="295">
        <v>327490</v>
      </c>
      <c r="U25" s="295">
        <v>478005</v>
      </c>
      <c r="V25" s="295">
        <v>245160</v>
      </c>
      <c r="W25" s="298">
        <v>1096015</v>
      </c>
      <c r="X25" s="299">
        <v>1096015</v>
      </c>
      <c r="Y25" s="294">
        <v>0</v>
      </c>
      <c r="Z25" s="295">
        <v>0</v>
      </c>
      <c r="AA25" s="296">
        <v>0</v>
      </c>
      <c r="AB25" s="300"/>
      <c r="AC25" s="295">
        <v>78950</v>
      </c>
      <c r="AD25" s="295">
        <v>208510</v>
      </c>
      <c r="AE25" s="295">
        <v>126350</v>
      </c>
      <c r="AF25" s="295">
        <v>293200</v>
      </c>
      <c r="AG25" s="295">
        <v>121480</v>
      </c>
      <c r="AH25" s="298">
        <v>828490</v>
      </c>
      <c r="AI25" s="299">
        <v>828490</v>
      </c>
      <c r="AJ25" s="294">
        <v>0</v>
      </c>
      <c r="AK25" s="295">
        <v>0</v>
      </c>
      <c r="AL25" s="296">
        <v>0</v>
      </c>
      <c r="AM25" s="300"/>
      <c r="AN25" s="295">
        <v>0</v>
      </c>
      <c r="AO25" s="295">
        <v>0</v>
      </c>
      <c r="AP25" s="295">
        <v>0</v>
      </c>
      <c r="AQ25" s="295">
        <v>0</v>
      </c>
      <c r="AR25" s="295">
        <v>0</v>
      </c>
      <c r="AS25" s="298">
        <v>0</v>
      </c>
      <c r="AT25" s="299">
        <v>0</v>
      </c>
      <c r="AU25" s="294">
        <v>0</v>
      </c>
      <c r="AV25" s="295">
        <v>0</v>
      </c>
      <c r="AW25" s="296">
        <v>0</v>
      </c>
      <c r="AX25" s="300"/>
      <c r="AY25" s="295">
        <v>0</v>
      </c>
      <c r="AZ25" s="295">
        <v>0</v>
      </c>
      <c r="BA25" s="295">
        <v>0</v>
      </c>
      <c r="BB25" s="295">
        <v>35455</v>
      </c>
      <c r="BC25" s="295">
        <v>44520</v>
      </c>
      <c r="BD25" s="298">
        <v>79975</v>
      </c>
      <c r="BE25" s="299">
        <v>79975</v>
      </c>
      <c r="BF25" s="294">
        <v>0</v>
      </c>
      <c r="BG25" s="295">
        <v>0</v>
      </c>
      <c r="BH25" s="296">
        <v>0</v>
      </c>
      <c r="BI25" s="300"/>
      <c r="BJ25" s="295">
        <v>0</v>
      </c>
      <c r="BK25" s="295">
        <v>0</v>
      </c>
      <c r="BL25" s="295">
        <v>22260</v>
      </c>
      <c r="BM25" s="295">
        <v>96135</v>
      </c>
      <c r="BN25" s="295">
        <v>4760</v>
      </c>
      <c r="BO25" s="298">
        <v>123155</v>
      </c>
      <c r="BP25" s="299">
        <v>123155</v>
      </c>
      <c r="BQ25" s="294">
        <v>0</v>
      </c>
      <c r="BR25" s="295">
        <v>0</v>
      </c>
      <c r="BS25" s="296">
        <v>0</v>
      </c>
      <c r="BT25" s="297">
        <v>0</v>
      </c>
      <c r="BU25" s="295">
        <v>1535</v>
      </c>
      <c r="BV25" s="295">
        <v>33300</v>
      </c>
      <c r="BW25" s="295">
        <v>75160</v>
      </c>
      <c r="BX25" s="295">
        <v>4065</v>
      </c>
      <c r="BY25" s="295">
        <v>11813</v>
      </c>
      <c r="BZ25" s="298">
        <v>125873</v>
      </c>
      <c r="CA25" s="299">
        <v>125873</v>
      </c>
      <c r="CB25" s="294">
        <v>0</v>
      </c>
      <c r="CC25" s="295">
        <v>0</v>
      </c>
      <c r="CD25" s="296">
        <v>0</v>
      </c>
      <c r="CE25" s="297">
        <v>0</v>
      </c>
      <c r="CF25" s="295">
        <v>6185</v>
      </c>
      <c r="CG25" s="295">
        <v>725</v>
      </c>
      <c r="CH25" s="295">
        <v>580</v>
      </c>
      <c r="CI25" s="295">
        <v>0</v>
      </c>
      <c r="CJ25" s="295">
        <v>290</v>
      </c>
      <c r="CK25" s="298">
        <v>7780</v>
      </c>
      <c r="CL25" s="299">
        <v>7780</v>
      </c>
      <c r="CM25" s="294">
        <v>0</v>
      </c>
      <c r="CN25" s="295">
        <v>0</v>
      </c>
      <c r="CO25" s="296">
        <v>0</v>
      </c>
      <c r="CP25" s="297">
        <v>0</v>
      </c>
      <c r="CQ25" s="295">
        <v>0</v>
      </c>
      <c r="CR25" s="295">
        <v>0</v>
      </c>
      <c r="CS25" s="295">
        <v>0</v>
      </c>
      <c r="CT25" s="295">
        <v>0</v>
      </c>
      <c r="CU25" s="295">
        <v>0</v>
      </c>
      <c r="CV25" s="298">
        <v>0</v>
      </c>
      <c r="CW25" s="299">
        <v>0</v>
      </c>
      <c r="CX25" s="294">
        <v>0</v>
      </c>
      <c r="CY25" s="295">
        <v>0</v>
      </c>
      <c r="CZ25" s="296">
        <v>0</v>
      </c>
      <c r="DA25" s="300"/>
      <c r="DB25" s="295">
        <v>0</v>
      </c>
      <c r="DC25" s="295">
        <v>0</v>
      </c>
      <c r="DD25" s="295">
        <v>0</v>
      </c>
      <c r="DE25" s="295">
        <v>0</v>
      </c>
      <c r="DF25" s="295">
        <v>0</v>
      </c>
      <c r="DG25" s="298">
        <v>0</v>
      </c>
      <c r="DH25" s="299">
        <v>0</v>
      </c>
      <c r="DI25" s="294">
        <v>0</v>
      </c>
      <c r="DJ25" s="295">
        <v>0</v>
      </c>
      <c r="DK25" s="296">
        <v>0</v>
      </c>
      <c r="DL25" s="297">
        <v>0</v>
      </c>
      <c r="DM25" s="295">
        <v>36845</v>
      </c>
      <c r="DN25" s="295">
        <v>78164</v>
      </c>
      <c r="DO25" s="295">
        <v>495842</v>
      </c>
      <c r="DP25" s="295">
        <v>859749</v>
      </c>
      <c r="DQ25" s="295">
        <v>360840</v>
      </c>
      <c r="DR25" s="298">
        <v>1831440</v>
      </c>
      <c r="DS25" s="301">
        <v>1831440</v>
      </c>
      <c r="DT25" s="294">
        <v>0</v>
      </c>
      <c r="DU25" s="295">
        <v>0</v>
      </c>
      <c r="DV25" s="296">
        <v>0</v>
      </c>
      <c r="DW25" s="300"/>
      <c r="DX25" s="295">
        <v>23940</v>
      </c>
      <c r="DY25" s="295">
        <v>9215</v>
      </c>
      <c r="DZ25" s="295">
        <v>355171</v>
      </c>
      <c r="EA25" s="295">
        <v>650880</v>
      </c>
      <c r="EB25" s="295">
        <v>271408</v>
      </c>
      <c r="EC25" s="298">
        <v>1310614</v>
      </c>
      <c r="ED25" s="299">
        <v>1310614</v>
      </c>
      <c r="EE25" s="294">
        <v>0</v>
      </c>
      <c r="EF25" s="295">
        <v>0</v>
      </c>
      <c r="EG25" s="296">
        <v>0</v>
      </c>
      <c r="EH25" s="300"/>
      <c r="EI25" s="295">
        <v>11403</v>
      </c>
      <c r="EJ25" s="295">
        <v>44842</v>
      </c>
      <c r="EK25" s="295">
        <v>21350</v>
      </c>
      <c r="EL25" s="295">
        <v>32816</v>
      </c>
      <c r="EM25" s="295">
        <v>11480</v>
      </c>
      <c r="EN25" s="298">
        <v>121891</v>
      </c>
      <c r="EO25" s="299">
        <v>121891</v>
      </c>
      <c r="EP25" s="294">
        <v>0</v>
      </c>
      <c r="EQ25" s="295">
        <v>0</v>
      </c>
      <c r="ER25" s="296">
        <v>0</v>
      </c>
      <c r="ES25" s="300"/>
      <c r="ET25" s="295">
        <v>0</v>
      </c>
      <c r="EU25" s="295">
        <v>0</v>
      </c>
      <c r="EV25" s="295">
        <v>0</v>
      </c>
      <c r="EW25" s="295">
        <v>0</v>
      </c>
      <c r="EX25" s="295">
        <v>1790</v>
      </c>
      <c r="EY25" s="298">
        <v>1790</v>
      </c>
      <c r="EZ25" s="299">
        <v>1790</v>
      </c>
      <c r="FA25" s="294">
        <v>0</v>
      </c>
      <c r="FB25" s="295">
        <v>0</v>
      </c>
      <c r="FC25" s="296">
        <v>0</v>
      </c>
      <c r="FD25" s="300"/>
      <c r="FE25" s="295">
        <v>0</v>
      </c>
      <c r="FF25" s="295">
        <v>0</v>
      </c>
      <c r="FG25" s="295">
        <v>0</v>
      </c>
      <c r="FH25" s="295">
        <v>763</v>
      </c>
      <c r="FI25" s="295">
        <v>10220</v>
      </c>
      <c r="FJ25" s="298">
        <v>10983</v>
      </c>
      <c r="FK25" s="299">
        <v>10983</v>
      </c>
      <c r="FL25" s="294">
        <v>0</v>
      </c>
      <c r="FM25" s="295">
        <v>0</v>
      </c>
      <c r="FN25" s="296">
        <v>0</v>
      </c>
      <c r="FO25" s="300"/>
      <c r="FP25" s="295">
        <v>0</v>
      </c>
      <c r="FQ25" s="295">
        <v>0</v>
      </c>
      <c r="FR25" s="295">
        <v>19320</v>
      </c>
      <c r="FS25" s="295">
        <v>168580</v>
      </c>
      <c r="FT25" s="295">
        <v>38640</v>
      </c>
      <c r="FU25" s="298">
        <v>226540</v>
      </c>
      <c r="FV25" s="299">
        <v>226540</v>
      </c>
      <c r="FW25" s="294">
        <v>0</v>
      </c>
      <c r="FX25" s="295">
        <v>0</v>
      </c>
      <c r="FY25" s="296">
        <v>0</v>
      </c>
      <c r="FZ25" s="297">
        <v>0</v>
      </c>
      <c r="GA25" s="295">
        <v>1404</v>
      </c>
      <c r="GB25" s="295">
        <v>24072</v>
      </c>
      <c r="GC25" s="295">
        <v>98569</v>
      </c>
      <c r="GD25" s="295">
        <v>6710</v>
      </c>
      <c r="GE25" s="295">
        <v>26586</v>
      </c>
      <c r="GF25" s="298">
        <v>157341</v>
      </c>
      <c r="GG25" s="299">
        <v>157341</v>
      </c>
      <c r="GH25" s="294">
        <v>0</v>
      </c>
      <c r="GI25" s="295">
        <v>0</v>
      </c>
      <c r="GJ25" s="296">
        <v>0</v>
      </c>
      <c r="GK25" s="297">
        <v>0</v>
      </c>
      <c r="GL25" s="295">
        <v>98</v>
      </c>
      <c r="GM25" s="295">
        <v>35</v>
      </c>
      <c r="GN25" s="295">
        <v>1432</v>
      </c>
      <c r="GO25" s="295">
        <v>0</v>
      </c>
      <c r="GP25" s="295">
        <v>716</v>
      </c>
      <c r="GQ25" s="298">
        <v>2281</v>
      </c>
      <c r="GR25" s="299">
        <v>2281</v>
      </c>
      <c r="GS25" s="294">
        <v>0</v>
      </c>
      <c r="GT25" s="295">
        <v>0</v>
      </c>
      <c r="GU25" s="296">
        <v>0</v>
      </c>
      <c r="GV25" s="297">
        <v>0</v>
      </c>
      <c r="GW25" s="295">
        <v>0</v>
      </c>
      <c r="GX25" s="295">
        <v>0</v>
      </c>
      <c r="GY25" s="295">
        <v>0</v>
      </c>
      <c r="GZ25" s="295">
        <v>0</v>
      </c>
      <c r="HA25" s="295">
        <v>0</v>
      </c>
      <c r="HB25" s="298">
        <v>0</v>
      </c>
      <c r="HC25" s="299">
        <v>0</v>
      </c>
      <c r="HD25" s="294">
        <v>0</v>
      </c>
      <c r="HE25" s="295">
        <v>0</v>
      </c>
      <c r="HF25" s="296">
        <v>0</v>
      </c>
      <c r="HG25" s="300"/>
      <c r="HH25" s="295">
        <v>0</v>
      </c>
      <c r="HI25" s="295">
        <v>0</v>
      </c>
      <c r="HJ25" s="295">
        <v>0</v>
      </c>
      <c r="HK25" s="295">
        <v>0</v>
      </c>
      <c r="HL25" s="295">
        <v>0</v>
      </c>
      <c r="HM25" s="298">
        <v>0</v>
      </c>
      <c r="HN25" s="299">
        <v>0</v>
      </c>
      <c r="HO25" s="294">
        <v>0</v>
      </c>
      <c r="HP25" s="295">
        <v>0</v>
      </c>
      <c r="HQ25" s="296">
        <v>0</v>
      </c>
      <c r="HR25" s="297">
        <v>0</v>
      </c>
      <c r="HS25" s="295">
        <v>155575</v>
      </c>
      <c r="HT25" s="295">
        <v>333999</v>
      </c>
      <c r="HU25" s="295">
        <v>1047682</v>
      </c>
      <c r="HV25" s="295">
        <v>1766609</v>
      </c>
      <c r="HW25" s="295">
        <v>788863</v>
      </c>
      <c r="HX25" s="298">
        <v>4092728</v>
      </c>
      <c r="HY25" s="299">
        <v>4092728</v>
      </c>
    </row>
    <row r="26" spans="2:233" ht="21" customHeight="1" x14ac:dyDescent="0.2">
      <c r="B26" s="292" t="s">
        <v>23</v>
      </c>
      <c r="C26" s="294">
        <v>0</v>
      </c>
      <c r="D26" s="295">
        <v>580</v>
      </c>
      <c r="E26" s="296">
        <v>580</v>
      </c>
      <c r="F26" s="297">
        <v>0</v>
      </c>
      <c r="G26" s="295">
        <v>166650</v>
      </c>
      <c r="H26" s="295">
        <v>295125</v>
      </c>
      <c r="I26" s="295">
        <v>1026590</v>
      </c>
      <c r="J26" s="295">
        <v>1135223</v>
      </c>
      <c r="K26" s="295">
        <v>934794</v>
      </c>
      <c r="L26" s="298">
        <v>3558382</v>
      </c>
      <c r="M26" s="299">
        <v>3558962</v>
      </c>
      <c r="N26" s="294">
        <v>0</v>
      </c>
      <c r="O26" s="295">
        <v>0</v>
      </c>
      <c r="P26" s="296">
        <v>0</v>
      </c>
      <c r="Q26" s="300"/>
      <c r="R26" s="295">
        <v>51800</v>
      </c>
      <c r="S26" s="295">
        <v>148835</v>
      </c>
      <c r="T26" s="295">
        <v>789075</v>
      </c>
      <c r="U26" s="295">
        <v>823280</v>
      </c>
      <c r="V26" s="295">
        <v>620169</v>
      </c>
      <c r="W26" s="298">
        <v>2433159</v>
      </c>
      <c r="X26" s="299">
        <v>2433159</v>
      </c>
      <c r="Y26" s="294">
        <v>0</v>
      </c>
      <c r="Z26" s="295">
        <v>0</v>
      </c>
      <c r="AA26" s="296">
        <v>0</v>
      </c>
      <c r="AB26" s="300"/>
      <c r="AC26" s="295">
        <v>110880</v>
      </c>
      <c r="AD26" s="295">
        <v>96470</v>
      </c>
      <c r="AE26" s="295">
        <v>166490</v>
      </c>
      <c r="AF26" s="295">
        <v>240830</v>
      </c>
      <c r="AG26" s="295">
        <v>214890</v>
      </c>
      <c r="AH26" s="298">
        <v>829560</v>
      </c>
      <c r="AI26" s="299">
        <v>829560</v>
      </c>
      <c r="AJ26" s="294">
        <v>0</v>
      </c>
      <c r="AK26" s="295">
        <v>0</v>
      </c>
      <c r="AL26" s="296">
        <v>0</v>
      </c>
      <c r="AM26" s="300"/>
      <c r="AN26" s="295">
        <v>0</v>
      </c>
      <c r="AO26" s="295">
        <v>0</v>
      </c>
      <c r="AP26" s="295">
        <v>0</v>
      </c>
      <c r="AQ26" s="295">
        <v>170</v>
      </c>
      <c r="AR26" s="295">
        <v>31755</v>
      </c>
      <c r="AS26" s="298">
        <v>31925</v>
      </c>
      <c r="AT26" s="299">
        <v>31925</v>
      </c>
      <c r="AU26" s="294">
        <v>0</v>
      </c>
      <c r="AV26" s="295">
        <v>0</v>
      </c>
      <c r="AW26" s="296">
        <v>0</v>
      </c>
      <c r="AX26" s="300"/>
      <c r="AY26" s="295">
        <v>0</v>
      </c>
      <c r="AZ26" s="295">
        <v>0</v>
      </c>
      <c r="BA26" s="295">
        <v>0</v>
      </c>
      <c r="BB26" s="295">
        <v>22260</v>
      </c>
      <c r="BC26" s="295">
        <v>45080</v>
      </c>
      <c r="BD26" s="298">
        <v>67340</v>
      </c>
      <c r="BE26" s="299">
        <v>67340</v>
      </c>
      <c r="BF26" s="294">
        <v>0</v>
      </c>
      <c r="BG26" s="295">
        <v>0</v>
      </c>
      <c r="BH26" s="296">
        <v>0</v>
      </c>
      <c r="BI26" s="300"/>
      <c r="BJ26" s="295">
        <v>0</v>
      </c>
      <c r="BK26" s="295">
        <v>0</v>
      </c>
      <c r="BL26" s="295">
        <v>0</v>
      </c>
      <c r="BM26" s="295">
        <v>0</v>
      </c>
      <c r="BN26" s="295">
        <v>0</v>
      </c>
      <c r="BO26" s="298">
        <v>0</v>
      </c>
      <c r="BP26" s="299">
        <v>0</v>
      </c>
      <c r="BQ26" s="294">
        <v>0</v>
      </c>
      <c r="BR26" s="295">
        <v>580</v>
      </c>
      <c r="BS26" s="296">
        <v>580</v>
      </c>
      <c r="BT26" s="297">
        <v>0</v>
      </c>
      <c r="BU26" s="295">
        <v>3970</v>
      </c>
      <c r="BV26" s="295">
        <v>49820</v>
      </c>
      <c r="BW26" s="295">
        <v>71025</v>
      </c>
      <c r="BX26" s="295">
        <v>48683</v>
      </c>
      <c r="BY26" s="295">
        <v>22900</v>
      </c>
      <c r="BZ26" s="298">
        <v>196398</v>
      </c>
      <c r="CA26" s="299">
        <v>196978</v>
      </c>
      <c r="CB26" s="294">
        <v>0</v>
      </c>
      <c r="CC26" s="295">
        <v>0</v>
      </c>
      <c r="CD26" s="296">
        <v>0</v>
      </c>
      <c r="CE26" s="297">
        <v>0</v>
      </c>
      <c r="CF26" s="295">
        <v>0</v>
      </c>
      <c r="CG26" s="295">
        <v>0</v>
      </c>
      <c r="CH26" s="295">
        <v>0</v>
      </c>
      <c r="CI26" s="295">
        <v>0</v>
      </c>
      <c r="CJ26" s="295">
        <v>0</v>
      </c>
      <c r="CK26" s="298">
        <v>0</v>
      </c>
      <c r="CL26" s="299">
        <v>0</v>
      </c>
      <c r="CM26" s="294">
        <v>0</v>
      </c>
      <c r="CN26" s="295">
        <v>0</v>
      </c>
      <c r="CO26" s="296">
        <v>0</v>
      </c>
      <c r="CP26" s="297">
        <v>0</v>
      </c>
      <c r="CQ26" s="295">
        <v>0</v>
      </c>
      <c r="CR26" s="295">
        <v>0</v>
      </c>
      <c r="CS26" s="295">
        <v>0</v>
      </c>
      <c r="CT26" s="295">
        <v>0</v>
      </c>
      <c r="CU26" s="295">
        <v>0</v>
      </c>
      <c r="CV26" s="298">
        <v>0</v>
      </c>
      <c r="CW26" s="299">
        <v>0</v>
      </c>
      <c r="CX26" s="294">
        <v>0</v>
      </c>
      <c r="CY26" s="295">
        <v>0</v>
      </c>
      <c r="CZ26" s="296">
        <v>0</v>
      </c>
      <c r="DA26" s="300"/>
      <c r="DB26" s="295">
        <v>0</v>
      </c>
      <c r="DC26" s="295">
        <v>0</v>
      </c>
      <c r="DD26" s="295">
        <v>0</v>
      </c>
      <c r="DE26" s="295">
        <v>0</v>
      </c>
      <c r="DF26" s="295">
        <v>0</v>
      </c>
      <c r="DG26" s="298">
        <v>0</v>
      </c>
      <c r="DH26" s="299">
        <v>0</v>
      </c>
      <c r="DI26" s="294">
        <v>0</v>
      </c>
      <c r="DJ26" s="295">
        <v>2784</v>
      </c>
      <c r="DK26" s="296">
        <v>2784</v>
      </c>
      <c r="DL26" s="297">
        <v>0</v>
      </c>
      <c r="DM26" s="295">
        <v>49608</v>
      </c>
      <c r="DN26" s="295">
        <v>238712</v>
      </c>
      <c r="DO26" s="295">
        <v>926794</v>
      </c>
      <c r="DP26" s="295">
        <v>1041039</v>
      </c>
      <c r="DQ26" s="295">
        <v>733463</v>
      </c>
      <c r="DR26" s="298">
        <v>2989616</v>
      </c>
      <c r="DS26" s="301">
        <v>2992400</v>
      </c>
      <c r="DT26" s="294">
        <v>0</v>
      </c>
      <c r="DU26" s="295">
        <v>0</v>
      </c>
      <c r="DV26" s="296">
        <v>0</v>
      </c>
      <c r="DW26" s="300"/>
      <c r="DX26" s="295">
        <v>29848</v>
      </c>
      <c r="DY26" s="295">
        <v>124880</v>
      </c>
      <c r="DZ26" s="295">
        <v>866544</v>
      </c>
      <c r="EA26" s="295">
        <v>895533</v>
      </c>
      <c r="EB26" s="295">
        <v>613485</v>
      </c>
      <c r="EC26" s="298">
        <v>2530290</v>
      </c>
      <c r="ED26" s="299">
        <v>2530290</v>
      </c>
      <c r="EE26" s="294">
        <v>0</v>
      </c>
      <c r="EF26" s="295">
        <v>0</v>
      </c>
      <c r="EG26" s="296">
        <v>0</v>
      </c>
      <c r="EH26" s="300"/>
      <c r="EI26" s="295">
        <v>11536</v>
      </c>
      <c r="EJ26" s="295">
        <v>3940</v>
      </c>
      <c r="EK26" s="295">
        <v>1617</v>
      </c>
      <c r="EL26" s="295">
        <v>47698</v>
      </c>
      <c r="EM26" s="295">
        <v>67302</v>
      </c>
      <c r="EN26" s="298">
        <v>132093</v>
      </c>
      <c r="EO26" s="299">
        <v>132093</v>
      </c>
      <c r="EP26" s="294">
        <v>0</v>
      </c>
      <c r="EQ26" s="295">
        <v>0</v>
      </c>
      <c r="ER26" s="296">
        <v>0</v>
      </c>
      <c r="ES26" s="300"/>
      <c r="ET26" s="295">
        <v>0</v>
      </c>
      <c r="EU26" s="295">
        <v>0</v>
      </c>
      <c r="EV26" s="295">
        <v>0</v>
      </c>
      <c r="EW26" s="295">
        <v>0</v>
      </c>
      <c r="EX26" s="295">
        <v>84</v>
      </c>
      <c r="EY26" s="298">
        <v>84</v>
      </c>
      <c r="EZ26" s="299">
        <v>84</v>
      </c>
      <c r="FA26" s="294">
        <v>0</v>
      </c>
      <c r="FB26" s="295">
        <v>0</v>
      </c>
      <c r="FC26" s="296">
        <v>0</v>
      </c>
      <c r="FD26" s="300"/>
      <c r="FE26" s="295">
        <v>0</v>
      </c>
      <c r="FF26" s="295">
        <v>0</v>
      </c>
      <c r="FG26" s="295">
        <v>0</v>
      </c>
      <c r="FH26" s="295">
        <v>196</v>
      </c>
      <c r="FI26" s="295">
        <v>392</v>
      </c>
      <c r="FJ26" s="298">
        <v>588</v>
      </c>
      <c r="FK26" s="299">
        <v>588</v>
      </c>
      <c r="FL26" s="294">
        <v>0</v>
      </c>
      <c r="FM26" s="295">
        <v>0</v>
      </c>
      <c r="FN26" s="296">
        <v>0</v>
      </c>
      <c r="FO26" s="300"/>
      <c r="FP26" s="295">
        <v>0</v>
      </c>
      <c r="FQ26" s="295">
        <v>0</v>
      </c>
      <c r="FR26" s="295">
        <v>0</v>
      </c>
      <c r="FS26" s="295">
        <v>0</v>
      </c>
      <c r="FT26" s="295">
        <v>0</v>
      </c>
      <c r="FU26" s="298">
        <v>0</v>
      </c>
      <c r="FV26" s="299">
        <v>0</v>
      </c>
      <c r="FW26" s="294">
        <v>0</v>
      </c>
      <c r="FX26" s="295">
        <v>2784</v>
      </c>
      <c r="FY26" s="296">
        <v>2784</v>
      </c>
      <c r="FZ26" s="297">
        <v>0</v>
      </c>
      <c r="GA26" s="295">
        <v>8224</v>
      </c>
      <c r="GB26" s="295">
        <v>109892</v>
      </c>
      <c r="GC26" s="295">
        <v>58633</v>
      </c>
      <c r="GD26" s="295">
        <v>97612</v>
      </c>
      <c r="GE26" s="295">
        <v>52200</v>
      </c>
      <c r="GF26" s="298">
        <v>326561</v>
      </c>
      <c r="GG26" s="299">
        <v>329345</v>
      </c>
      <c r="GH26" s="294">
        <v>0</v>
      </c>
      <c r="GI26" s="295">
        <v>0</v>
      </c>
      <c r="GJ26" s="296">
        <v>0</v>
      </c>
      <c r="GK26" s="297">
        <v>0</v>
      </c>
      <c r="GL26" s="295">
        <v>0</v>
      </c>
      <c r="GM26" s="295">
        <v>0</v>
      </c>
      <c r="GN26" s="295">
        <v>0</v>
      </c>
      <c r="GO26" s="295">
        <v>0</v>
      </c>
      <c r="GP26" s="295">
        <v>0</v>
      </c>
      <c r="GQ26" s="298">
        <v>0</v>
      </c>
      <c r="GR26" s="299">
        <v>0</v>
      </c>
      <c r="GS26" s="294">
        <v>0</v>
      </c>
      <c r="GT26" s="295">
        <v>0</v>
      </c>
      <c r="GU26" s="296">
        <v>0</v>
      </c>
      <c r="GV26" s="297">
        <v>0</v>
      </c>
      <c r="GW26" s="295">
        <v>0</v>
      </c>
      <c r="GX26" s="295">
        <v>0</v>
      </c>
      <c r="GY26" s="295">
        <v>0</v>
      </c>
      <c r="GZ26" s="295">
        <v>0</v>
      </c>
      <c r="HA26" s="295">
        <v>0</v>
      </c>
      <c r="HB26" s="298">
        <v>0</v>
      </c>
      <c r="HC26" s="299">
        <v>0</v>
      </c>
      <c r="HD26" s="294">
        <v>0</v>
      </c>
      <c r="HE26" s="295">
        <v>0</v>
      </c>
      <c r="HF26" s="296">
        <v>0</v>
      </c>
      <c r="HG26" s="300"/>
      <c r="HH26" s="295">
        <v>0</v>
      </c>
      <c r="HI26" s="295">
        <v>0</v>
      </c>
      <c r="HJ26" s="295">
        <v>0</v>
      </c>
      <c r="HK26" s="295">
        <v>0</v>
      </c>
      <c r="HL26" s="295">
        <v>0</v>
      </c>
      <c r="HM26" s="298">
        <v>0</v>
      </c>
      <c r="HN26" s="299">
        <v>0</v>
      </c>
      <c r="HO26" s="294">
        <v>0</v>
      </c>
      <c r="HP26" s="295">
        <v>3364</v>
      </c>
      <c r="HQ26" s="296">
        <v>3364</v>
      </c>
      <c r="HR26" s="297">
        <v>0</v>
      </c>
      <c r="HS26" s="295">
        <v>216258</v>
      </c>
      <c r="HT26" s="295">
        <v>533837</v>
      </c>
      <c r="HU26" s="295">
        <v>1953384</v>
      </c>
      <c r="HV26" s="295">
        <v>2176262</v>
      </c>
      <c r="HW26" s="295">
        <v>1668257</v>
      </c>
      <c r="HX26" s="298">
        <v>6547998</v>
      </c>
      <c r="HY26" s="299">
        <v>6551362</v>
      </c>
    </row>
    <row r="27" spans="2:233" ht="21" customHeight="1" x14ac:dyDescent="0.2">
      <c r="B27" s="292" t="s">
        <v>24</v>
      </c>
      <c r="C27" s="294">
        <v>0</v>
      </c>
      <c r="D27" s="295">
        <v>0</v>
      </c>
      <c r="E27" s="296">
        <v>0</v>
      </c>
      <c r="F27" s="297">
        <v>0</v>
      </c>
      <c r="G27" s="295">
        <v>57316</v>
      </c>
      <c r="H27" s="295">
        <v>57460</v>
      </c>
      <c r="I27" s="295">
        <v>321268</v>
      </c>
      <c r="J27" s="295">
        <v>609700</v>
      </c>
      <c r="K27" s="295">
        <v>359205</v>
      </c>
      <c r="L27" s="298">
        <v>1404949</v>
      </c>
      <c r="M27" s="299">
        <v>1404949</v>
      </c>
      <c r="N27" s="294">
        <v>0</v>
      </c>
      <c r="O27" s="295">
        <v>0</v>
      </c>
      <c r="P27" s="296">
        <v>0</v>
      </c>
      <c r="Q27" s="300"/>
      <c r="R27" s="295">
        <v>0</v>
      </c>
      <c r="S27" s="295">
        <v>0</v>
      </c>
      <c r="T27" s="295">
        <v>248080</v>
      </c>
      <c r="U27" s="295">
        <v>455095</v>
      </c>
      <c r="V27" s="295">
        <v>231200</v>
      </c>
      <c r="W27" s="298">
        <v>934375</v>
      </c>
      <c r="X27" s="299">
        <v>934375</v>
      </c>
      <c r="Y27" s="294">
        <v>0</v>
      </c>
      <c r="Z27" s="295">
        <v>0</v>
      </c>
      <c r="AA27" s="296">
        <v>0</v>
      </c>
      <c r="AB27" s="300"/>
      <c r="AC27" s="295">
        <v>54180</v>
      </c>
      <c r="AD27" s="295">
        <v>34300</v>
      </c>
      <c r="AE27" s="295">
        <v>43820</v>
      </c>
      <c r="AF27" s="295">
        <v>127170</v>
      </c>
      <c r="AG27" s="295">
        <v>123200</v>
      </c>
      <c r="AH27" s="298">
        <v>382670</v>
      </c>
      <c r="AI27" s="299">
        <v>382670</v>
      </c>
      <c r="AJ27" s="294">
        <v>0</v>
      </c>
      <c r="AK27" s="295">
        <v>0</v>
      </c>
      <c r="AL27" s="296">
        <v>0</v>
      </c>
      <c r="AM27" s="300"/>
      <c r="AN27" s="295">
        <v>0</v>
      </c>
      <c r="AO27" s="295">
        <v>0</v>
      </c>
      <c r="AP27" s="295">
        <v>0</v>
      </c>
      <c r="AQ27" s="295">
        <v>0</v>
      </c>
      <c r="AR27" s="295">
        <v>0</v>
      </c>
      <c r="AS27" s="298">
        <v>0</v>
      </c>
      <c r="AT27" s="299">
        <v>0</v>
      </c>
      <c r="AU27" s="294">
        <v>0</v>
      </c>
      <c r="AV27" s="295">
        <v>0</v>
      </c>
      <c r="AW27" s="296">
        <v>0</v>
      </c>
      <c r="AX27" s="300"/>
      <c r="AY27" s="295">
        <v>0</v>
      </c>
      <c r="AZ27" s="295">
        <v>0</v>
      </c>
      <c r="BA27" s="295">
        <v>0</v>
      </c>
      <c r="BB27" s="295">
        <v>0</v>
      </c>
      <c r="BC27" s="295">
        <v>0</v>
      </c>
      <c r="BD27" s="298">
        <v>0</v>
      </c>
      <c r="BE27" s="299">
        <v>0</v>
      </c>
      <c r="BF27" s="294">
        <v>0</v>
      </c>
      <c r="BG27" s="295">
        <v>0</v>
      </c>
      <c r="BH27" s="296">
        <v>0</v>
      </c>
      <c r="BI27" s="300"/>
      <c r="BJ27" s="295">
        <v>0</v>
      </c>
      <c r="BK27" s="295">
        <v>0</v>
      </c>
      <c r="BL27" s="295">
        <v>0</v>
      </c>
      <c r="BM27" s="295">
        <v>0</v>
      </c>
      <c r="BN27" s="295">
        <v>0</v>
      </c>
      <c r="BO27" s="298">
        <v>0</v>
      </c>
      <c r="BP27" s="299">
        <v>0</v>
      </c>
      <c r="BQ27" s="294">
        <v>0</v>
      </c>
      <c r="BR27" s="295">
        <v>0</v>
      </c>
      <c r="BS27" s="296">
        <v>0</v>
      </c>
      <c r="BT27" s="297">
        <v>0</v>
      </c>
      <c r="BU27" s="295">
        <v>2125</v>
      </c>
      <c r="BV27" s="295">
        <v>23160</v>
      </c>
      <c r="BW27" s="295">
        <v>25943</v>
      </c>
      <c r="BX27" s="295">
        <v>27435</v>
      </c>
      <c r="BY27" s="295">
        <v>0</v>
      </c>
      <c r="BZ27" s="298">
        <v>78663</v>
      </c>
      <c r="CA27" s="299">
        <v>78663</v>
      </c>
      <c r="CB27" s="294">
        <v>0</v>
      </c>
      <c r="CC27" s="295">
        <v>0</v>
      </c>
      <c r="CD27" s="296">
        <v>0</v>
      </c>
      <c r="CE27" s="297">
        <v>0</v>
      </c>
      <c r="CF27" s="295">
        <v>1011</v>
      </c>
      <c r="CG27" s="295">
        <v>0</v>
      </c>
      <c r="CH27" s="295">
        <v>3425</v>
      </c>
      <c r="CI27" s="295">
        <v>0</v>
      </c>
      <c r="CJ27" s="295">
        <v>4805</v>
      </c>
      <c r="CK27" s="298">
        <v>9241</v>
      </c>
      <c r="CL27" s="299">
        <v>9241</v>
      </c>
      <c r="CM27" s="294">
        <v>0</v>
      </c>
      <c r="CN27" s="295">
        <v>0</v>
      </c>
      <c r="CO27" s="296">
        <v>0</v>
      </c>
      <c r="CP27" s="297">
        <v>0</v>
      </c>
      <c r="CQ27" s="295">
        <v>0</v>
      </c>
      <c r="CR27" s="295">
        <v>0</v>
      </c>
      <c r="CS27" s="295">
        <v>0</v>
      </c>
      <c r="CT27" s="295">
        <v>0</v>
      </c>
      <c r="CU27" s="295">
        <v>0</v>
      </c>
      <c r="CV27" s="298">
        <v>0</v>
      </c>
      <c r="CW27" s="299">
        <v>0</v>
      </c>
      <c r="CX27" s="294">
        <v>0</v>
      </c>
      <c r="CY27" s="295">
        <v>0</v>
      </c>
      <c r="CZ27" s="296">
        <v>0</v>
      </c>
      <c r="DA27" s="300"/>
      <c r="DB27" s="295">
        <v>0</v>
      </c>
      <c r="DC27" s="295">
        <v>0</v>
      </c>
      <c r="DD27" s="295">
        <v>0</v>
      </c>
      <c r="DE27" s="295">
        <v>0</v>
      </c>
      <c r="DF27" s="295">
        <v>0</v>
      </c>
      <c r="DG27" s="298">
        <v>0</v>
      </c>
      <c r="DH27" s="299">
        <v>0</v>
      </c>
      <c r="DI27" s="294">
        <v>0</v>
      </c>
      <c r="DJ27" s="295">
        <v>0</v>
      </c>
      <c r="DK27" s="296">
        <v>0</v>
      </c>
      <c r="DL27" s="297">
        <v>0</v>
      </c>
      <c r="DM27" s="295">
        <v>7590</v>
      </c>
      <c r="DN27" s="295">
        <v>16282</v>
      </c>
      <c r="DO27" s="295">
        <v>393332</v>
      </c>
      <c r="DP27" s="295">
        <v>665153</v>
      </c>
      <c r="DQ27" s="295">
        <v>419274</v>
      </c>
      <c r="DR27" s="298">
        <v>1501631</v>
      </c>
      <c r="DS27" s="301">
        <v>1501631</v>
      </c>
      <c r="DT27" s="294">
        <v>0</v>
      </c>
      <c r="DU27" s="295">
        <v>0</v>
      </c>
      <c r="DV27" s="296">
        <v>0</v>
      </c>
      <c r="DW27" s="300"/>
      <c r="DX27" s="295">
        <v>0</v>
      </c>
      <c r="DY27" s="295">
        <v>0</v>
      </c>
      <c r="DZ27" s="295">
        <v>327488</v>
      </c>
      <c r="EA27" s="295">
        <v>608007</v>
      </c>
      <c r="EB27" s="295">
        <v>397728</v>
      </c>
      <c r="EC27" s="298">
        <v>1333223</v>
      </c>
      <c r="ED27" s="299">
        <v>1333223</v>
      </c>
      <c r="EE27" s="294">
        <v>0</v>
      </c>
      <c r="EF27" s="295">
        <v>0</v>
      </c>
      <c r="EG27" s="296">
        <v>0</v>
      </c>
      <c r="EH27" s="300"/>
      <c r="EI27" s="295">
        <v>588</v>
      </c>
      <c r="EJ27" s="295">
        <v>588</v>
      </c>
      <c r="EK27" s="295">
        <v>20664</v>
      </c>
      <c r="EL27" s="295">
        <v>31612</v>
      </c>
      <c r="EM27" s="295">
        <v>21504</v>
      </c>
      <c r="EN27" s="298">
        <v>74956</v>
      </c>
      <c r="EO27" s="299">
        <v>74956</v>
      </c>
      <c r="EP27" s="294">
        <v>0</v>
      </c>
      <c r="EQ27" s="295">
        <v>0</v>
      </c>
      <c r="ER27" s="296">
        <v>0</v>
      </c>
      <c r="ES27" s="300"/>
      <c r="ET27" s="295">
        <v>0</v>
      </c>
      <c r="EU27" s="295">
        <v>0</v>
      </c>
      <c r="EV27" s="295">
        <v>0</v>
      </c>
      <c r="EW27" s="295">
        <v>0</v>
      </c>
      <c r="EX27" s="295">
        <v>0</v>
      </c>
      <c r="EY27" s="298">
        <v>0</v>
      </c>
      <c r="EZ27" s="299">
        <v>0</v>
      </c>
      <c r="FA27" s="294">
        <v>0</v>
      </c>
      <c r="FB27" s="295">
        <v>0</v>
      </c>
      <c r="FC27" s="296">
        <v>0</v>
      </c>
      <c r="FD27" s="300"/>
      <c r="FE27" s="295">
        <v>0</v>
      </c>
      <c r="FF27" s="295">
        <v>0</v>
      </c>
      <c r="FG27" s="295">
        <v>0</v>
      </c>
      <c r="FH27" s="295">
        <v>0</v>
      </c>
      <c r="FI27" s="295">
        <v>0</v>
      </c>
      <c r="FJ27" s="298">
        <v>0</v>
      </c>
      <c r="FK27" s="299">
        <v>0</v>
      </c>
      <c r="FL27" s="294">
        <v>0</v>
      </c>
      <c r="FM27" s="295">
        <v>0</v>
      </c>
      <c r="FN27" s="296">
        <v>0</v>
      </c>
      <c r="FO27" s="300"/>
      <c r="FP27" s="295">
        <v>0</v>
      </c>
      <c r="FQ27" s="295">
        <v>0</v>
      </c>
      <c r="FR27" s="295">
        <v>0</v>
      </c>
      <c r="FS27" s="295">
        <v>0</v>
      </c>
      <c r="FT27" s="295">
        <v>0</v>
      </c>
      <c r="FU27" s="298">
        <v>0</v>
      </c>
      <c r="FV27" s="299">
        <v>0</v>
      </c>
      <c r="FW27" s="294">
        <v>0</v>
      </c>
      <c r="FX27" s="295">
        <v>0</v>
      </c>
      <c r="FY27" s="296">
        <v>0</v>
      </c>
      <c r="FZ27" s="297">
        <v>0</v>
      </c>
      <c r="GA27" s="295">
        <v>4914</v>
      </c>
      <c r="GB27" s="295">
        <v>15694</v>
      </c>
      <c r="GC27" s="295">
        <v>45117</v>
      </c>
      <c r="GD27" s="295">
        <v>25534</v>
      </c>
      <c r="GE27" s="295">
        <v>0</v>
      </c>
      <c r="GF27" s="298">
        <v>91259</v>
      </c>
      <c r="GG27" s="299">
        <v>91259</v>
      </c>
      <c r="GH27" s="294">
        <v>0</v>
      </c>
      <c r="GI27" s="295">
        <v>0</v>
      </c>
      <c r="GJ27" s="296">
        <v>0</v>
      </c>
      <c r="GK27" s="297">
        <v>0</v>
      </c>
      <c r="GL27" s="295">
        <v>2088</v>
      </c>
      <c r="GM27" s="295">
        <v>0</v>
      </c>
      <c r="GN27" s="295">
        <v>63</v>
      </c>
      <c r="GO27" s="295">
        <v>0</v>
      </c>
      <c r="GP27" s="295">
        <v>42</v>
      </c>
      <c r="GQ27" s="298">
        <v>2193</v>
      </c>
      <c r="GR27" s="299">
        <v>2193</v>
      </c>
      <c r="GS27" s="294">
        <v>0</v>
      </c>
      <c r="GT27" s="295">
        <v>0</v>
      </c>
      <c r="GU27" s="296">
        <v>0</v>
      </c>
      <c r="GV27" s="297">
        <v>0</v>
      </c>
      <c r="GW27" s="295">
        <v>0</v>
      </c>
      <c r="GX27" s="295">
        <v>0</v>
      </c>
      <c r="GY27" s="295">
        <v>0</v>
      </c>
      <c r="GZ27" s="295">
        <v>0</v>
      </c>
      <c r="HA27" s="295">
        <v>0</v>
      </c>
      <c r="HB27" s="298">
        <v>0</v>
      </c>
      <c r="HC27" s="299">
        <v>0</v>
      </c>
      <c r="HD27" s="294">
        <v>0</v>
      </c>
      <c r="HE27" s="295">
        <v>0</v>
      </c>
      <c r="HF27" s="296">
        <v>0</v>
      </c>
      <c r="HG27" s="300"/>
      <c r="HH27" s="295">
        <v>0</v>
      </c>
      <c r="HI27" s="295">
        <v>0</v>
      </c>
      <c r="HJ27" s="295">
        <v>0</v>
      </c>
      <c r="HK27" s="295">
        <v>0</v>
      </c>
      <c r="HL27" s="295">
        <v>0</v>
      </c>
      <c r="HM27" s="298">
        <v>0</v>
      </c>
      <c r="HN27" s="299">
        <v>0</v>
      </c>
      <c r="HO27" s="294">
        <v>0</v>
      </c>
      <c r="HP27" s="295">
        <v>0</v>
      </c>
      <c r="HQ27" s="296">
        <v>0</v>
      </c>
      <c r="HR27" s="297">
        <v>0</v>
      </c>
      <c r="HS27" s="295">
        <v>64906</v>
      </c>
      <c r="HT27" s="295">
        <v>73742</v>
      </c>
      <c r="HU27" s="295">
        <v>714600</v>
      </c>
      <c r="HV27" s="295">
        <v>1274853</v>
      </c>
      <c r="HW27" s="295">
        <v>778479</v>
      </c>
      <c r="HX27" s="298">
        <v>2906580</v>
      </c>
      <c r="HY27" s="299">
        <v>2906580</v>
      </c>
    </row>
    <row r="28" spans="2:233" ht="21" customHeight="1" x14ac:dyDescent="0.2">
      <c r="B28" s="292" t="s">
        <v>25</v>
      </c>
      <c r="C28" s="294">
        <v>0</v>
      </c>
      <c r="D28" s="295">
        <v>0</v>
      </c>
      <c r="E28" s="296">
        <v>0</v>
      </c>
      <c r="F28" s="297">
        <v>0</v>
      </c>
      <c r="G28" s="295">
        <v>14775</v>
      </c>
      <c r="H28" s="295">
        <v>205976</v>
      </c>
      <c r="I28" s="295">
        <v>419255</v>
      </c>
      <c r="J28" s="295">
        <v>636573</v>
      </c>
      <c r="K28" s="295">
        <v>486940</v>
      </c>
      <c r="L28" s="298">
        <v>1763519</v>
      </c>
      <c r="M28" s="299">
        <v>1763519</v>
      </c>
      <c r="N28" s="294">
        <v>0</v>
      </c>
      <c r="O28" s="295">
        <v>0</v>
      </c>
      <c r="P28" s="296">
        <v>0</v>
      </c>
      <c r="Q28" s="300"/>
      <c r="R28" s="295">
        <v>2380</v>
      </c>
      <c r="S28" s="295">
        <v>6715</v>
      </c>
      <c r="T28" s="295">
        <v>359240</v>
      </c>
      <c r="U28" s="295">
        <v>452830</v>
      </c>
      <c r="V28" s="295">
        <v>392400</v>
      </c>
      <c r="W28" s="298">
        <v>1213565</v>
      </c>
      <c r="X28" s="299">
        <v>1213565</v>
      </c>
      <c r="Y28" s="294">
        <v>0</v>
      </c>
      <c r="Z28" s="295">
        <v>0</v>
      </c>
      <c r="AA28" s="296">
        <v>0</v>
      </c>
      <c r="AB28" s="300"/>
      <c r="AC28" s="295">
        <v>2380</v>
      </c>
      <c r="AD28" s="295">
        <v>182280</v>
      </c>
      <c r="AE28" s="295">
        <v>36540</v>
      </c>
      <c r="AF28" s="295">
        <v>179735</v>
      </c>
      <c r="AG28" s="295">
        <v>62535</v>
      </c>
      <c r="AH28" s="298">
        <v>463470</v>
      </c>
      <c r="AI28" s="299">
        <v>463470</v>
      </c>
      <c r="AJ28" s="294">
        <v>0</v>
      </c>
      <c r="AK28" s="295">
        <v>0</v>
      </c>
      <c r="AL28" s="296">
        <v>0</v>
      </c>
      <c r="AM28" s="300"/>
      <c r="AN28" s="295">
        <v>0</v>
      </c>
      <c r="AO28" s="295">
        <v>0</v>
      </c>
      <c r="AP28" s="295">
        <v>0</v>
      </c>
      <c r="AQ28" s="295">
        <v>0</v>
      </c>
      <c r="AR28" s="295">
        <v>0</v>
      </c>
      <c r="AS28" s="298">
        <v>0</v>
      </c>
      <c r="AT28" s="299">
        <v>0</v>
      </c>
      <c r="AU28" s="294">
        <v>0</v>
      </c>
      <c r="AV28" s="295">
        <v>0</v>
      </c>
      <c r="AW28" s="296">
        <v>0</v>
      </c>
      <c r="AX28" s="300"/>
      <c r="AY28" s="295">
        <v>0</v>
      </c>
      <c r="AZ28" s="295">
        <v>0</v>
      </c>
      <c r="BA28" s="295">
        <v>0</v>
      </c>
      <c r="BB28" s="295">
        <v>0</v>
      </c>
      <c r="BC28" s="295">
        <v>29540</v>
      </c>
      <c r="BD28" s="298">
        <v>29540</v>
      </c>
      <c r="BE28" s="299">
        <v>29540</v>
      </c>
      <c r="BF28" s="294">
        <v>0</v>
      </c>
      <c r="BG28" s="295">
        <v>0</v>
      </c>
      <c r="BH28" s="296">
        <v>0</v>
      </c>
      <c r="BI28" s="300"/>
      <c r="BJ28" s="295">
        <v>0</v>
      </c>
      <c r="BK28" s="295">
        <v>0</v>
      </c>
      <c r="BL28" s="295">
        <v>0</v>
      </c>
      <c r="BM28" s="295">
        <v>0</v>
      </c>
      <c r="BN28" s="295">
        <v>0</v>
      </c>
      <c r="BO28" s="298">
        <v>0</v>
      </c>
      <c r="BP28" s="299">
        <v>0</v>
      </c>
      <c r="BQ28" s="294">
        <v>0</v>
      </c>
      <c r="BR28" s="295">
        <v>0</v>
      </c>
      <c r="BS28" s="296">
        <v>0</v>
      </c>
      <c r="BT28" s="297">
        <v>0</v>
      </c>
      <c r="BU28" s="295">
        <v>10015</v>
      </c>
      <c r="BV28" s="295">
        <v>16981</v>
      </c>
      <c r="BW28" s="295">
        <v>23030</v>
      </c>
      <c r="BX28" s="295">
        <v>4008</v>
      </c>
      <c r="BY28" s="295">
        <v>2465</v>
      </c>
      <c r="BZ28" s="298">
        <v>56499</v>
      </c>
      <c r="CA28" s="299">
        <v>56499</v>
      </c>
      <c r="CB28" s="294">
        <v>0</v>
      </c>
      <c r="CC28" s="295">
        <v>0</v>
      </c>
      <c r="CD28" s="296">
        <v>0</v>
      </c>
      <c r="CE28" s="297">
        <v>0</v>
      </c>
      <c r="CF28" s="295">
        <v>0</v>
      </c>
      <c r="CG28" s="295">
        <v>0</v>
      </c>
      <c r="CH28" s="295">
        <v>445</v>
      </c>
      <c r="CI28" s="295">
        <v>0</v>
      </c>
      <c r="CJ28" s="295">
        <v>0</v>
      </c>
      <c r="CK28" s="298">
        <v>445</v>
      </c>
      <c r="CL28" s="299">
        <v>445</v>
      </c>
      <c r="CM28" s="294">
        <v>0</v>
      </c>
      <c r="CN28" s="295">
        <v>0</v>
      </c>
      <c r="CO28" s="296">
        <v>0</v>
      </c>
      <c r="CP28" s="297">
        <v>0</v>
      </c>
      <c r="CQ28" s="295">
        <v>0</v>
      </c>
      <c r="CR28" s="295">
        <v>0</v>
      </c>
      <c r="CS28" s="295">
        <v>0</v>
      </c>
      <c r="CT28" s="295">
        <v>0</v>
      </c>
      <c r="CU28" s="295">
        <v>0</v>
      </c>
      <c r="CV28" s="298">
        <v>0</v>
      </c>
      <c r="CW28" s="299">
        <v>0</v>
      </c>
      <c r="CX28" s="294">
        <v>0</v>
      </c>
      <c r="CY28" s="295">
        <v>0</v>
      </c>
      <c r="CZ28" s="296">
        <v>0</v>
      </c>
      <c r="DA28" s="300"/>
      <c r="DB28" s="295">
        <v>0</v>
      </c>
      <c r="DC28" s="295">
        <v>0</v>
      </c>
      <c r="DD28" s="295">
        <v>0</v>
      </c>
      <c r="DE28" s="295">
        <v>0</v>
      </c>
      <c r="DF28" s="295">
        <v>0</v>
      </c>
      <c r="DG28" s="298">
        <v>0</v>
      </c>
      <c r="DH28" s="299">
        <v>0</v>
      </c>
      <c r="DI28" s="294">
        <v>0</v>
      </c>
      <c r="DJ28" s="295">
        <v>0</v>
      </c>
      <c r="DK28" s="296">
        <v>0</v>
      </c>
      <c r="DL28" s="297">
        <v>0</v>
      </c>
      <c r="DM28" s="295">
        <v>20307</v>
      </c>
      <c r="DN28" s="295">
        <v>129592</v>
      </c>
      <c r="DO28" s="295">
        <v>539545</v>
      </c>
      <c r="DP28" s="295">
        <v>708999</v>
      </c>
      <c r="DQ28" s="295">
        <v>404361</v>
      </c>
      <c r="DR28" s="298">
        <v>1802804</v>
      </c>
      <c r="DS28" s="301">
        <v>1802804</v>
      </c>
      <c r="DT28" s="294">
        <v>0</v>
      </c>
      <c r="DU28" s="295">
        <v>0</v>
      </c>
      <c r="DV28" s="296">
        <v>0</v>
      </c>
      <c r="DW28" s="300"/>
      <c r="DX28" s="295">
        <v>13580</v>
      </c>
      <c r="DY28" s="295">
        <v>52556</v>
      </c>
      <c r="DZ28" s="295">
        <v>481712</v>
      </c>
      <c r="EA28" s="295">
        <v>688733</v>
      </c>
      <c r="EB28" s="295">
        <v>383128</v>
      </c>
      <c r="EC28" s="298">
        <v>1619709</v>
      </c>
      <c r="ED28" s="299">
        <v>1619709</v>
      </c>
      <c r="EE28" s="294">
        <v>0</v>
      </c>
      <c r="EF28" s="295">
        <v>0</v>
      </c>
      <c r="EG28" s="296">
        <v>0</v>
      </c>
      <c r="EH28" s="300"/>
      <c r="EI28" s="295">
        <v>0</v>
      </c>
      <c r="EJ28" s="295">
        <v>42812</v>
      </c>
      <c r="EK28" s="295">
        <v>1372</v>
      </c>
      <c r="EL28" s="295">
        <v>11536</v>
      </c>
      <c r="EM28" s="295">
        <v>10556</v>
      </c>
      <c r="EN28" s="298">
        <v>66276</v>
      </c>
      <c r="EO28" s="299">
        <v>66276</v>
      </c>
      <c r="EP28" s="294">
        <v>0</v>
      </c>
      <c r="EQ28" s="295">
        <v>0</v>
      </c>
      <c r="ER28" s="296">
        <v>0</v>
      </c>
      <c r="ES28" s="300"/>
      <c r="ET28" s="295">
        <v>0</v>
      </c>
      <c r="EU28" s="295">
        <v>0</v>
      </c>
      <c r="EV28" s="295">
        <v>0</v>
      </c>
      <c r="EW28" s="295">
        <v>0</v>
      </c>
      <c r="EX28" s="295">
        <v>0</v>
      </c>
      <c r="EY28" s="298">
        <v>0</v>
      </c>
      <c r="EZ28" s="299">
        <v>0</v>
      </c>
      <c r="FA28" s="294">
        <v>0</v>
      </c>
      <c r="FB28" s="295">
        <v>0</v>
      </c>
      <c r="FC28" s="296">
        <v>0</v>
      </c>
      <c r="FD28" s="300"/>
      <c r="FE28" s="295">
        <v>0</v>
      </c>
      <c r="FF28" s="295">
        <v>0</v>
      </c>
      <c r="FG28" s="295">
        <v>0</v>
      </c>
      <c r="FH28" s="295">
        <v>0</v>
      </c>
      <c r="FI28" s="295">
        <v>196</v>
      </c>
      <c r="FJ28" s="298">
        <v>196</v>
      </c>
      <c r="FK28" s="299">
        <v>196</v>
      </c>
      <c r="FL28" s="294">
        <v>0</v>
      </c>
      <c r="FM28" s="295">
        <v>0</v>
      </c>
      <c r="FN28" s="296">
        <v>0</v>
      </c>
      <c r="FO28" s="300"/>
      <c r="FP28" s="295">
        <v>0</v>
      </c>
      <c r="FQ28" s="295">
        <v>0</v>
      </c>
      <c r="FR28" s="295">
        <v>0</v>
      </c>
      <c r="FS28" s="295">
        <v>0</v>
      </c>
      <c r="FT28" s="295">
        <v>0</v>
      </c>
      <c r="FU28" s="298">
        <v>0</v>
      </c>
      <c r="FV28" s="299">
        <v>0</v>
      </c>
      <c r="FW28" s="294">
        <v>0</v>
      </c>
      <c r="FX28" s="295">
        <v>0</v>
      </c>
      <c r="FY28" s="296">
        <v>0</v>
      </c>
      <c r="FZ28" s="297">
        <v>0</v>
      </c>
      <c r="GA28" s="295">
        <v>6727</v>
      </c>
      <c r="GB28" s="295">
        <v>34224</v>
      </c>
      <c r="GC28" s="295">
        <v>56440</v>
      </c>
      <c r="GD28" s="295">
        <v>8730</v>
      </c>
      <c r="GE28" s="295">
        <v>10481</v>
      </c>
      <c r="GF28" s="298">
        <v>116602</v>
      </c>
      <c r="GG28" s="299">
        <v>116602</v>
      </c>
      <c r="GH28" s="294">
        <v>0</v>
      </c>
      <c r="GI28" s="295">
        <v>0</v>
      </c>
      <c r="GJ28" s="296">
        <v>0</v>
      </c>
      <c r="GK28" s="297">
        <v>0</v>
      </c>
      <c r="GL28" s="295">
        <v>0</v>
      </c>
      <c r="GM28" s="295">
        <v>0</v>
      </c>
      <c r="GN28" s="295">
        <v>21</v>
      </c>
      <c r="GO28" s="295">
        <v>0</v>
      </c>
      <c r="GP28" s="295">
        <v>0</v>
      </c>
      <c r="GQ28" s="298">
        <v>21</v>
      </c>
      <c r="GR28" s="299">
        <v>21</v>
      </c>
      <c r="GS28" s="294">
        <v>0</v>
      </c>
      <c r="GT28" s="295">
        <v>0</v>
      </c>
      <c r="GU28" s="296">
        <v>0</v>
      </c>
      <c r="GV28" s="297">
        <v>0</v>
      </c>
      <c r="GW28" s="295">
        <v>0</v>
      </c>
      <c r="GX28" s="295">
        <v>0</v>
      </c>
      <c r="GY28" s="295">
        <v>0</v>
      </c>
      <c r="GZ28" s="295">
        <v>0</v>
      </c>
      <c r="HA28" s="295">
        <v>0</v>
      </c>
      <c r="HB28" s="298">
        <v>0</v>
      </c>
      <c r="HC28" s="299">
        <v>0</v>
      </c>
      <c r="HD28" s="294">
        <v>0</v>
      </c>
      <c r="HE28" s="295">
        <v>0</v>
      </c>
      <c r="HF28" s="296">
        <v>0</v>
      </c>
      <c r="HG28" s="300"/>
      <c r="HH28" s="295">
        <v>0</v>
      </c>
      <c r="HI28" s="295">
        <v>0</v>
      </c>
      <c r="HJ28" s="295">
        <v>0</v>
      </c>
      <c r="HK28" s="295">
        <v>0</v>
      </c>
      <c r="HL28" s="295">
        <v>0</v>
      </c>
      <c r="HM28" s="298">
        <v>0</v>
      </c>
      <c r="HN28" s="299">
        <v>0</v>
      </c>
      <c r="HO28" s="294">
        <v>0</v>
      </c>
      <c r="HP28" s="295">
        <v>0</v>
      </c>
      <c r="HQ28" s="296">
        <v>0</v>
      </c>
      <c r="HR28" s="297">
        <v>0</v>
      </c>
      <c r="HS28" s="295">
        <v>35082</v>
      </c>
      <c r="HT28" s="295">
        <v>335568</v>
      </c>
      <c r="HU28" s="295">
        <v>958800</v>
      </c>
      <c r="HV28" s="295">
        <v>1345572</v>
      </c>
      <c r="HW28" s="295">
        <v>891301</v>
      </c>
      <c r="HX28" s="298">
        <v>3566323</v>
      </c>
      <c r="HY28" s="299">
        <v>3566323</v>
      </c>
    </row>
    <row r="29" spans="2:233" ht="21" customHeight="1" x14ac:dyDescent="0.2">
      <c r="B29" s="292" t="s">
        <v>26</v>
      </c>
      <c r="C29" s="294">
        <v>0</v>
      </c>
      <c r="D29" s="295">
        <v>2030</v>
      </c>
      <c r="E29" s="296">
        <v>2030</v>
      </c>
      <c r="F29" s="297">
        <v>0</v>
      </c>
      <c r="G29" s="295">
        <v>34484</v>
      </c>
      <c r="H29" s="295">
        <v>142600</v>
      </c>
      <c r="I29" s="295">
        <v>424916</v>
      </c>
      <c r="J29" s="295">
        <v>709350</v>
      </c>
      <c r="K29" s="295">
        <v>284650</v>
      </c>
      <c r="L29" s="298">
        <v>1596000</v>
      </c>
      <c r="M29" s="299">
        <v>1598030</v>
      </c>
      <c r="N29" s="294">
        <v>0</v>
      </c>
      <c r="O29" s="295">
        <v>0</v>
      </c>
      <c r="P29" s="296">
        <v>0</v>
      </c>
      <c r="Q29" s="300"/>
      <c r="R29" s="295">
        <v>0</v>
      </c>
      <c r="S29" s="295">
        <v>53040</v>
      </c>
      <c r="T29" s="295">
        <v>227280</v>
      </c>
      <c r="U29" s="295">
        <v>578265</v>
      </c>
      <c r="V29" s="295">
        <v>243900</v>
      </c>
      <c r="W29" s="298">
        <v>1102485</v>
      </c>
      <c r="X29" s="299">
        <v>1102485</v>
      </c>
      <c r="Y29" s="294">
        <v>0</v>
      </c>
      <c r="Z29" s="295">
        <v>0</v>
      </c>
      <c r="AA29" s="296">
        <v>0</v>
      </c>
      <c r="AB29" s="300"/>
      <c r="AC29" s="295">
        <v>31325</v>
      </c>
      <c r="AD29" s="295">
        <v>80500</v>
      </c>
      <c r="AE29" s="295">
        <v>154840</v>
      </c>
      <c r="AF29" s="295">
        <v>125440</v>
      </c>
      <c r="AG29" s="295">
        <v>34170</v>
      </c>
      <c r="AH29" s="298">
        <v>426275</v>
      </c>
      <c r="AI29" s="299">
        <v>426275</v>
      </c>
      <c r="AJ29" s="294">
        <v>0</v>
      </c>
      <c r="AK29" s="295">
        <v>0</v>
      </c>
      <c r="AL29" s="296">
        <v>0</v>
      </c>
      <c r="AM29" s="300"/>
      <c r="AN29" s="295">
        <v>0</v>
      </c>
      <c r="AO29" s="295">
        <v>0</v>
      </c>
      <c r="AP29" s="295">
        <v>0</v>
      </c>
      <c r="AQ29" s="295">
        <v>0</v>
      </c>
      <c r="AR29" s="295">
        <v>0</v>
      </c>
      <c r="AS29" s="298">
        <v>0</v>
      </c>
      <c r="AT29" s="299">
        <v>0</v>
      </c>
      <c r="AU29" s="294">
        <v>0</v>
      </c>
      <c r="AV29" s="295">
        <v>0</v>
      </c>
      <c r="AW29" s="296">
        <v>0</v>
      </c>
      <c r="AX29" s="300"/>
      <c r="AY29" s="295">
        <v>0</v>
      </c>
      <c r="AZ29" s="295">
        <v>0</v>
      </c>
      <c r="BA29" s="295">
        <v>2295</v>
      </c>
      <c r="BB29" s="295">
        <v>0</v>
      </c>
      <c r="BC29" s="295">
        <v>4760</v>
      </c>
      <c r="BD29" s="298">
        <v>7055</v>
      </c>
      <c r="BE29" s="299">
        <v>7055</v>
      </c>
      <c r="BF29" s="294">
        <v>0</v>
      </c>
      <c r="BG29" s="295">
        <v>0</v>
      </c>
      <c r="BH29" s="296">
        <v>0</v>
      </c>
      <c r="BI29" s="300"/>
      <c r="BJ29" s="295">
        <v>0</v>
      </c>
      <c r="BK29" s="295">
        <v>0</v>
      </c>
      <c r="BL29" s="295">
        <v>0</v>
      </c>
      <c r="BM29" s="295">
        <v>0</v>
      </c>
      <c r="BN29" s="295">
        <v>0</v>
      </c>
      <c r="BO29" s="298">
        <v>0</v>
      </c>
      <c r="BP29" s="299">
        <v>0</v>
      </c>
      <c r="BQ29" s="294">
        <v>0</v>
      </c>
      <c r="BR29" s="295">
        <v>2030</v>
      </c>
      <c r="BS29" s="296">
        <v>2030</v>
      </c>
      <c r="BT29" s="297">
        <v>0</v>
      </c>
      <c r="BU29" s="295">
        <v>3159</v>
      </c>
      <c r="BV29" s="295">
        <v>6605</v>
      </c>
      <c r="BW29" s="295">
        <v>40256</v>
      </c>
      <c r="BX29" s="295">
        <v>4910</v>
      </c>
      <c r="BY29" s="295">
        <v>1820</v>
      </c>
      <c r="BZ29" s="298">
        <v>56750</v>
      </c>
      <c r="CA29" s="299">
        <v>58780</v>
      </c>
      <c r="CB29" s="294">
        <v>0</v>
      </c>
      <c r="CC29" s="295">
        <v>0</v>
      </c>
      <c r="CD29" s="296">
        <v>0</v>
      </c>
      <c r="CE29" s="297">
        <v>0</v>
      </c>
      <c r="CF29" s="295">
        <v>0</v>
      </c>
      <c r="CG29" s="295">
        <v>2455</v>
      </c>
      <c r="CH29" s="295">
        <v>245</v>
      </c>
      <c r="CI29" s="295">
        <v>735</v>
      </c>
      <c r="CJ29" s="295">
        <v>0</v>
      </c>
      <c r="CK29" s="298">
        <v>3435</v>
      </c>
      <c r="CL29" s="299">
        <v>3435</v>
      </c>
      <c r="CM29" s="294">
        <v>0</v>
      </c>
      <c r="CN29" s="295">
        <v>0</v>
      </c>
      <c r="CO29" s="296">
        <v>0</v>
      </c>
      <c r="CP29" s="297">
        <v>0</v>
      </c>
      <c r="CQ29" s="295">
        <v>0</v>
      </c>
      <c r="CR29" s="295">
        <v>0</v>
      </c>
      <c r="CS29" s="295">
        <v>0</v>
      </c>
      <c r="CT29" s="295">
        <v>0</v>
      </c>
      <c r="CU29" s="295">
        <v>0</v>
      </c>
      <c r="CV29" s="298">
        <v>0</v>
      </c>
      <c r="CW29" s="299">
        <v>0</v>
      </c>
      <c r="CX29" s="294">
        <v>0</v>
      </c>
      <c r="CY29" s="295">
        <v>0</v>
      </c>
      <c r="CZ29" s="296">
        <v>0</v>
      </c>
      <c r="DA29" s="300"/>
      <c r="DB29" s="295">
        <v>0</v>
      </c>
      <c r="DC29" s="295">
        <v>0</v>
      </c>
      <c r="DD29" s="295">
        <v>0</v>
      </c>
      <c r="DE29" s="295">
        <v>0</v>
      </c>
      <c r="DF29" s="295">
        <v>0</v>
      </c>
      <c r="DG29" s="298">
        <v>0</v>
      </c>
      <c r="DH29" s="299">
        <v>0</v>
      </c>
      <c r="DI29" s="294">
        <v>0</v>
      </c>
      <c r="DJ29" s="295">
        <v>9744</v>
      </c>
      <c r="DK29" s="296">
        <v>9744</v>
      </c>
      <c r="DL29" s="297">
        <v>0</v>
      </c>
      <c r="DM29" s="295">
        <v>7366</v>
      </c>
      <c r="DN29" s="295">
        <v>141271</v>
      </c>
      <c r="DO29" s="295">
        <v>438762</v>
      </c>
      <c r="DP29" s="295">
        <v>647860</v>
      </c>
      <c r="DQ29" s="295">
        <v>406810</v>
      </c>
      <c r="DR29" s="298">
        <v>1642069</v>
      </c>
      <c r="DS29" s="301">
        <v>1651813</v>
      </c>
      <c r="DT29" s="294">
        <v>0</v>
      </c>
      <c r="DU29" s="295">
        <v>0</v>
      </c>
      <c r="DV29" s="296">
        <v>0</v>
      </c>
      <c r="DW29" s="300"/>
      <c r="DX29" s="295">
        <v>0</v>
      </c>
      <c r="DY29" s="295">
        <v>97576</v>
      </c>
      <c r="DZ29" s="295">
        <v>307172</v>
      </c>
      <c r="EA29" s="295">
        <v>630441</v>
      </c>
      <c r="EB29" s="295">
        <v>382616</v>
      </c>
      <c r="EC29" s="298">
        <v>1417805</v>
      </c>
      <c r="ED29" s="299">
        <v>1417805</v>
      </c>
      <c r="EE29" s="294">
        <v>0</v>
      </c>
      <c r="EF29" s="295">
        <v>0</v>
      </c>
      <c r="EG29" s="296">
        <v>0</v>
      </c>
      <c r="EH29" s="300"/>
      <c r="EI29" s="295">
        <v>343</v>
      </c>
      <c r="EJ29" s="295">
        <v>31276</v>
      </c>
      <c r="EK29" s="295">
        <v>54936</v>
      </c>
      <c r="EL29" s="295">
        <v>11536</v>
      </c>
      <c r="EM29" s="295">
        <v>588</v>
      </c>
      <c r="EN29" s="298">
        <v>98679</v>
      </c>
      <c r="EO29" s="299">
        <v>98679</v>
      </c>
      <c r="EP29" s="294">
        <v>0</v>
      </c>
      <c r="EQ29" s="295">
        <v>0</v>
      </c>
      <c r="ER29" s="296">
        <v>0</v>
      </c>
      <c r="ES29" s="300"/>
      <c r="ET29" s="295">
        <v>0</v>
      </c>
      <c r="EU29" s="295">
        <v>0</v>
      </c>
      <c r="EV29" s="295">
        <v>0</v>
      </c>
      <c r="EW29" s="295">
        <v>0</v>
      </c>
      <c r="EX29" s="295">
        <v>0</v>
      </c>
      <c r="EY29" s="298">
        <v>0</v>
      </c>
      <c r="EZ29" s="299">
        <v>0</v>
      </c>
      <c r="FA29" s="294">
        <v>0</v>
      </c>
      <c r="FB29" s="295">
        <v>0</v>
      </c>
      <c r="FC29" s="296">
        <v>0</v>
      </c>
      <c r="FD29" s="300"/>
      <c r="FE29" s="295">
        <v>0</v>
      </c>
      <c r="FF29" s="295">
        <v>0</v>
      </c>
      <c r="FG29" s="295">
        <v>189</v>
      </c>
      <c r="FH29" s="295">
        <v>0</v>
      </c>
      <c r="FI29" s="295">
        <v>392</v>
      </c>
      <c r="FJ29" s="298">
        <v>581</v>
      </c>
      <c r="FK29" s="299">
        <v>581</v>
      </c>
      <c r="FL29" s="294">
        <v>0</v>
      </c>
      <c r="FM29" s="295">
        <v>0</v>
      </c>
      <c r="FN29" s="296">
        <v>0</v>
      </c>
      <c r="FO29" s="300"/>
      <c r="FP29" s="295">
        <v>0</v>
      </c>
      <c r="FQ29" s="295">
        <v>0</v>
      </c>
      <c r="FR29" s="295">
        <v>0</v>
      </c>
      <c r="FS29" s="295">
        <v>0</v>
      </c>
      <c r="FT29" s="295">
        <v>0</v>
      </c>
      <c r="FU29" s="298">
        <v>0</v>
      </c>
      <c r="FV29" s="299">
        <v>0</v>
      </c>
      <c r="FW29" s="294">
        <v>0</v>
      </c>
      <c r="FX29" s="295">
        <v>9744</v>
      </c>
      <c r="FY29" s="296">
        <v>9744</v>
      </c>
      <c r="FZ29" s="297">
        <v>0</v>
      </c>
      <c r="GA29" s="295">
        <v>7023</v>
      </c>
      <c r="GB29" s="295">
        <v>12370</v>
      </c>
      <c r="GC29" s="295">
        <v>76444</v>
      </c>
      <c r="GD29" s="295">
        <v>5820</v>
      </c>
      <c r="GE29" s="295">
        <v>23214</v>
      </c>
      <c r="GF29" s="298">
        <v>124871</v>
      </c>
      <c r="GG29" s="299">
        <v>134615</v>
      </c>
      <c r="GH29" s="294">
        <v>0</v>
      </c>
      <c r="GI29" s="295">
        <v>0</v>
      </c>
      <c r="GJ29" s="296">
        <v>0</v>
      </c>
      <c r="GK29" s="297">
        <v>0</v>
      </c>
      <c r="GL29" s="295">
        <v>0</v>
      </c>
      <c r="GM29" s="295">
        <v>49</v>
      </c>
      <c r="GN29" s="295">
        <v>21</v>
      </c>
      <c r="GO29" s="295">
        <v>63</v>
      </c>
      <c r="GP29" s="295">
        <v>0</v>
      </c>
      <c r="GQ29" s="298">
        <v>133</v>
      </c>
      <c r="GR29" s="299">
        <v>133</v>
      </c>
      <c r="GS29" s="294">
        <v>0</v>
      </c>
      <c r="GT29" s="295">
        <v>0</v>
      </c>
      <c r="GU29" s="296">
        <v>0</v>
      </c>
      <c r="GV29" s="297">
        <v>0</v>
      </c>
      <c r="GW29" s="295">
        <v>0</v>
      </c>
      <c r="GX29" s="295">
        <v>0</v>
      </c>
      <c r="GY29" s="295">
        <v>0</v>
      </c>
      <c r="GZ29" s="295">
        <v>0</v>
      </c>
      <c r="HA29" s="295">
        <v>0</v>
      </c>
      <c r="HB29" s="298">
        <v>0</v>
      </c>
      <c r="HC29" s="299">
        <v>0</v>
      </c>
      <c r="HD29" s="294">
        <v>0</v>
      </c>
      <c r="HE29" s="295">
        <v>0</v>
      </c>
      <c r="HF29" s="296">
        <v>0</v>
      </c>
      <c r="HG29" s="300"/>
      <c r="HH29" s="295">
        <v>0</v>
      </c>
      <c r="HI29" s="295">
        <v>0</v>
      </c>
      <c r="HJ29" s="295">
        <v>0</v>
      </c>
      <c r="HK29" s="295">
        <v>0</v>
      </c>
      <c r="HL29" s="295">
        <v>0</v>
      </c>
      <c r="HM29" s="298">
        <v>0</v>
      </c>
      <c r="HN29" s="299">
        <v>0</v>
      </c>
      <c r="HO29" s="294">
        <v>0</v>
      </c>
      <c r="HP29" s="295">
        <v>11774</v>
      </c>
      <c r="HQ29" s="296">
        <v>11774</v>
      </c>
      <c r="HR29" s="297">
        <v>0</v>
      </c>
      <c r="HS29" s="295">
        <v>41850</v>
      </c>
      <c r="HT29" s="295">
        <v>283871</v>
      </c>
      <c r="HU29" s="295">
        <v>863678</v>
      </c>
      <c r="HV29" s="295">
        <v>1357210</v>
      </c>
      <c r="HW29" s="295">
        <v>691460</v>
      </c>
      <c r="HX29" s="298">
        <v>3238069</v>
      </c>
      <c r="HY29" s="299">
        <v>3249843</v>
      </c>
    </row>
    <row r="30" spans="2:233" ht="21" customHeight="1" x14ac:dyDescent="0.2">
      <c r="B30" s="292" t="s">
        <v>27</v>
      </c>
      <c r="C30" s="294">
        <v>0</v>
      </c>
      <c r="D30" s="295">
        <v>0</v>
      </c>
      <c r="E30" s="296">
        <v>0</v>
      </c>
      <c r="F30" s="297">
        <v>0</v>
      </c>
      <c r="G30" s="295">
        <v>34735</v>
      </c>
      <c r="H30" s="295">
        <v>145650</v>
      </c>
      <c r="I30" s="295">
        <v>511550</v>
      </c>
      <c r="J30" s="295">
        <v>541975</v>
      </c>
      <c r="K30" s="295">
        <v>374500</v>
      </c>
      <c r="L30" s="298">
        <v>1608410</v>
      </c>
      <c r="M30" s="299">
        <v>1608410</v>
      </c>
      <c r="N30" s="294">
        <v>0</v>
      </c>
      <c r="O30" s="295">
        <v>0</v>
      </c>
      <c r="P30" s="296">
        <v>0</v>
      </c>
      <c r="Q30" s="300"/>
      <c r="R30" s="295">
        <v>31920</v>
      </c>
      <c r="S30" s="295">
        <v>29540</v>
      </c>
      <c r="T30" s="295">
        <v>334675</v>
      </c>
      <c r="U30" s="295">
        <v>382990</v>
      </c>
      <c r="V30" s="295">
        <v>340200</v>
      </c>
      <c r="W30" s="298">
        <v>1119325</v>
      </c>
      <c r="X30" s="299">
        <v>1119325</v>
      </c>
      <c r="Y30" s="294">
        <v>0</v>
      </c>
      <c r="Z30" s="295">
        <v>0</v>
      </c>
      <c r="AA30" s="296">
        <v>0</v>
      </c>
      <c r="AB30" s="300"/>
      <c r="AC30" s="295">
        <v>2380</v>
      </c>
      <c r="AD30" s="295">
        <v>114225</v>
      </c>
      <c r="AE30" s="295">
        <v>107740</v>
      </c>
      <c r="AF30" s="295">
        <v>149175</v>
      </c>
      <c r="AG30" s="295">
        <v>34300</v>
      </c>
      <c r="AH30" s="298">
        <v>407820</v>
      </c>
      <c r="AI30" s="299">
        <v>407820</v>
      </c>
      <c r="AJ30" s="294">
        <v>0</v>
      </c>
      <c r="AK30" s="295">
        <v>0</v>
      </c>
      <c r="AL30" s="296">
        <v>0</v>
      </c>
      <c r="AM30" s="300"/>
      <c r="AN30" s="295">
        <v>0</v>
      </c>
      <c r="AO30" s="295">
        <v>0</v>
      </c>
      <c r="AP30" s="295">
        <v>0</v>
      </c>
      <c r="AQ30" s="295">
        <v>0</v>
      </c>
      <c r="AR30" s="295">
        <v>0</v>
      </c>
      <c r="AS30" s="298">
        <v>0</v>
      </c>
      <c r="AT30" s="299">
        <v>0</v>
      </c>
      <c r="AU30" s="294">
        <v>0</v>
      </c>
      <c r="AV30" s="295">
        <v>0</v>
      </c>
      <c r="AW30" s="296">
        <v>0</v>
      </c>
      <c r="AX30" s="300"/>
      <c r="AY30" s="295">
        <v>0</v>
      </c>
      <c r="AZ30" s="295">
        <v>0</v>
      </c>
      <c r="BA30" s="295">
        <v>0</v>
      </c>
      <c r="BB30" s="295">
        <v>0</v>
      </c>
      <c r="BC30" s="295">
        <v>0</v>
      </c>
      <c r="BD30" s="298">
        <v>0</v>
      </c>
      <c r="BE30" s="299">
        <v>0</v>
      </c>
      <c r="BF30" s="294">
        <v>0</v>
      </c>
      <c r="BG30" s="295">
        <v>0</v>
      </c>
      <c r="BH30" s="296">
        <v>0</v>
      </c>
      <c r="BI30" s="300"/>
      <c r="BJ30" s="295">
        <v>0</v>
      </c>
      <c r="BK30" s="295">
        <v>0</v>
      </c>
      <c r="BL30" s="295">
        <v>58515</v>
      </c>
      <c r="BM30" s="295">
        <v>9520</v>
      </c>
      <c r="BN30" s="295">
        <v>0</v>
      </c>
      <c r="BO30" s="298">
        <v>68035</v>
      </c>
      <c r="BP30" s="299">
        <v>68035</v>
      </c>
      <c r="BQ30" s="294">
        <v>0</v>
      </c>
      <c r="BR30" s="295">
        <v>0</v>
      </c>
      <c r="BS30" s="296">
        <v>0</v>
      </c>
      <c r="BT30" s="297">
        <v>0</v>
      </c>
      <c r="BU30" s="295">
        <v>435</v>
      </c>
      <c r="BV30" s="295">
        <v>1885</v>
      </c>
      <c r="BW30" s="295">
        <v>10620</v>
      </c>
      <c r="BX30" s="295">
        <v>0</v>
      </c>
      <c r="BY30" s="295">
        <v>0</v>
      </c>
      <c r="BZ30" s="298">
        <v>12940</v>
      </c>
      <c r="CA30" s="299">
        <v>12940</v>
      </c>
      <c r="CB30" s="294">
        <v>0</v>
      </c>
      <c r="CC30" s="295">
        <v>0</v>
      </c>
      <c r="CD30" s="296">
        <v>0</v>
      </c>
      <c r="CE30" s="297">
        <v>0</v>
      </c>
      <c r="CF30" s="295">
        <v>0</v>
      </c>
      <c r="CG30" s="295">
        <v>0</v>
      </c>
      <c r="CH30" s="295">
        <v>0</v>
      </c>
      <c r="CI30" s="295">
        <v>290</v>
      </c>
      <c r="CJ30" s="295">
        <v>0</v>
      </c>
      <c r="CK30" s="298">
        <v>290</v>
      </c>
      <c r="CL30" s="299">
        <v>290</v>
      </c>
      <c r="CM30" s="294">
        <v>0</v>
      </c>
      <c r="CN30" s="295">
        <v>0</v>
      </c>
      <c r="CO30" s="296">
        <v>0</v>
      </c>
      <c r="CP30" s="297">
        <v>0</v>
      </c>
      <c r="CQ30" s="295">
        <v>0</v>
      </c>
      <c r="CR30" s="295">
        <v>0</v>
      </c>
      <c r="CS30" s="295">
        <v>0</v>
      </c>
      <c r="CT30" s="295">
        <v>0</v>
      </c>
      <c r="CU30" s="295">
        <v>0</v>
      </c>
      <c r="CV30" s="298">
        <v>0</v>
      </c>
      <c r="CW30" s="299">
        <v>0</v>
      </c>
      <c r="CX30" s="294">
        <v>0</v>
      </c>
      <c r="CY30" s="295">
        <v>0</v>
      </c>
      <c r="CZ30" s="296">
        <v>0</v>
      </c>
      <c r="DA30" s="300"/>
      <c r="DB30" s="295">
        <v>0</v>
      </c>
      <c r="DC30" s="295">
        <v>0</v>
      </c>
      <c r="DD30" s="295">
        <v>0</v>
      </c>
      <c r="DE30" s="295">
        <v>0</v>
      </c>
      <c r="DF30" s="295">
        <v>0</v>
      </c>
      <c r="DG30" s="298">
        <v>0</v>
      </c>
      <c r="DH30" s="299">
        <v>0</v>
      </c>
      <c r="DI30" s="294">
        <v>0</v>
      </c>
      <c r="DJ30" s="295">
        <v>0</v>
      </c>
      <c r="DK30" s="296">
        <v>0</v>
      </c>
      <c r="DL30" s="297">
        <v>0</v>
      </c>
      <c r="DM30" s="295">
        <v>48588</v>
      </c>
      <c r="DN30" s="295">
        <v>62404</v>
      </c>
      <c r="DO30" s="295">
        <v>507998</v>
      </c>
      <c r="DP30" s="295">
        <v>553284</v>
      </c>
      <c r="DQ30" s="295">
        <v>288988</v>
      </c>
      <c r="DR30" s="298">
        <v>1461262</v>
      </c>
      <c r="DS30" s="301">
        <v>1461262</v>
      </c>
      <c r="DT30" s="294">
        <v>0</v>
      </c>
      <c r="DU30" s="295">
        <v>0</v>
      </c>
      <c r="DV30" s="296">
        <v>0</v>
      </c>
      <c r="DW30" s="300"/>
      <c r="DX30" s="295">
        <v>27160</v>
      </c>
      <c r="DY30" s="295">
        <v>13580</v>
      </c>
      <c r="DZ30" s="295">
        <v>329685</v>
      </c>
      <c r="EA30" s="295">
        <v>430117</v>
      </c>
      <c r="EB30" s="295">
        <v>279356</v>
      </c>
      <c r="EC30" s="298">
        <v>1079898</v>
      </c>
      <c r="ED30" s="299">
        <v>1079898</v>
      </c>
      <c r="EE30" s="294">
        <v>0</v>
      </c>
      <c r="EF30" s="295">
        <v>0</v>
      </c>
      <c r="EG30" s="296">
        <v>0</v>
      </c>
      <c r="EH30" s="300"/>
      <c r="EI30" s="295">
        <v>19488</v>
      </c>
      <c r="EJ30" s="295">
        <v>42714</v>
      </c>
      <c r="EK30" s="295">
        <v>53788</v>
      </c>
      <c r="EL30" s="295">
        <v>42749</v>
      </c>
      <c r="EM30" s="295">
        <v>9632</v>
      </c>
      <c r="EN30" s="298">
        <v>168371</v>
      </c>
      <c r="EO30" s="299">
        <v>168371</v>
      </c>
      <c r="EP30" s="294">
        <v>0</v>
      </c>
      <c r="EQ30" s="295">
        <v>0</v>
      </c>
      <c r="ER30" s="296">
        <v>0</v>
      </c>
      <c r="ES30" s="300"/>
      <c r="ET30" s="295">
        <v>0</v>
      </c>
      <c r="EU30" s="295">
        <v>0</v>
      </c>
      <c r="EV30" s="295">
        <v>0</v>
      </c>
      <c r="EW30" s="295">
        <v>0</v>
      </c>
      <c r="EX30" s="295">
        <v>0</v>
      </c>
      <c r="EY30" s="298">
        <v>0</v>
      </c>
      <c r="EZ30" s="299">
        <v>0</v>
      </c>
      <c r="FA30" s="294">
        <v>0</v>
      </c>
      <c r="FB30" s="295">
        <v>0</v>
      </c>
      <c r="FC30" s="296">
        <v>0</v>
      </c>
      <c r="FD30" s="300"/>
      <c r="FE30" s="295">
        <v>0</v>
      </c>
      <c r="FF30" s="295">
        <v>0</v>
      </c>
      <c r="FG30" s="295">
        <v>0</v>
      </c>
      <c r="FH30" s="295">
        <v>0</v>
      </c>
      <c r="FI30" s="295">
        <v>0</v>
      </c>
      <c r="FJ30" s="298">
        <v>0</v>
      </c>
      <c r="FK30" s="299">
        <v>0</v>
      </c>
      <c r="FL30" s="294">
        <v>0</v>
      </c>
      <c r="FM30" s="295">
        <v>0</v>
      </c>
      <c r="FN30" s="296">
        <v>0</v>
      </c>
      <c r="FO30" s="300"/>
      <c r="FP30" s="295">
        <v>0</v>
      </c>
      <c r="FQ30" s="295">
        <v>0</v>
      </c>
      <c r="FR30" s="295">
        <v>107680</v>
      </c>
      <c r="FS30" s="295">
        <v>77952</v>
      </c>
      <c r="FT30" s="295">
        <v>0</v>
      </c>
      <c r="FU30" s="298">
        <v>185632</v>
      </c>
      <c r="FV30" s="299">
        <v>185632</v>
      </c>
      <c r="FW30" s="294">
        <v>0</v>
      </c>
      <c r="FX30" s="295">
        <v>0</v>
      </c>
      <c r="FY30" s="296">
        <v>0</v>
      </c>
      <c r="FZ30" s="297">
        <v>0</v>
      </c>
      <c r="GA30" s="295">
        <v>1940</v>
      </c>
      <c r="GB30" s="295">
        <v>6110</v>
      </c>
      <c r="GC30" s="295">
        <v>16845</v>
      </c>
      <c r="GD30" s="295">
        <v>0</v>
      </c>
      <c r="GE30" s="295">
        <v>0</v>
      </c>
      <c r="GF30" s="298">
        <v>24895</v>
      </c>
      <c r="GG30" s="299">
        <v>24895</v>
      </c>
      <c r="GH30" s="294">
        <v>0</v>
      </c>
      <c r="GI30" s="295">
        <v>0</v>
      </c>
      <c r="GJ30" s="296">
        <v>0</v>
      </c>
      <c r="GK30" s="297">
        <v>0</v>
      </c>
      <c r="GL30" s="295">
        <v>0</v>
      </c>
      <c r="GM30" s="295">
        <v>0</v>
      </c>
      <c r="GN30" s="295">
        <v>0</v>
      </c>
      <c r="GO30" s="295">
        <v>2466</v>
      </c>
      <c r="GP30" s="295">
        <v>0</v>
      </c>
      <c r="GQ30" s="298">
        <v>2466</v>
      </c>
      <c r="GR30" s="299">
        <v>2466</v>
      </c>
      <c r="GS30" s="294">
        <v>0</v>
      </c>
      <c r="GT30" s="295">
        <v>0</v>
      </c>
      <c r="GU30" s="296">
        <v>0</v>
      </c>
      <c r="GV30" s="297">
        <v>0</v>
      </c>
      <c r="GW30" s="295">
        <v>0</v>
      </c>
      <c r="GX30" s="295">
        <v>0</v>
      </c>
      <c r="GY30" s="295">
        <v>0</v>
      </c>
      <c r="GZ30" s="295">
        <v>0</v>
      </c>
      <c r="HA30" s="295">
        <v>0</v>
      </c>
      <c r="HB30" s="298">
        <v>0</v>
      </c>
      <c r="HC30" s="299">
        <v>0</v>
      </c>
      <c r="HD30" s="294">
        <v>0</v>
      </c>
      <c r="HE30" s="295">
        <v>0</v>
      </c>
      <c r="HF30" s="296">
        <v>0</v>
      </c>
      <c r="HG30" s="300"/>
      <c r="HH30" s="295">
        <v>0</v>
      </c>
      <c r="HI30" s="295">
        <v>0</v>
      </c>
      <c r="HJ30" s="295">
        <v>0</v>
      </c>
      <c r="HK30" s="295">
        <v>0</v>
      </c>
      <c r="HL30" s="295">
        <v>0</v>
      </c>
      <c r="HM30" s="298">
        <v>0</v>
      </c>
      <c r="HN30" s="299">
        <v>0</v>
      </c>
      <c r="HO30" s="294">
        <v>0</v>
      </c>
      <c r="HP30" s="295">
        <v>0</v>
      </c>
      <c r="HQ30" s="296">
        <v>0</v>
      </c>
      <c r="HR30" s="297">
        <v>0</v>
      </c>
      <c r="HS30" s="295">
        <v>83323</v>
      </c>
      <c r="HT30" s="295">
        <v>208054</v>
      </c>
      <c r="HU30" s="295">
        <v>1019548</v>
      </c>
      <c r="HV30" s="295">
        <v>1095259</v>
      </c>
      <c r="HW30" s="295">
        <v>663488</v>
      </c>
      <c r="HX30" s="298">
        <v>3069672</v>
      </c>
      <c r="HY30" s="299">
        <v>3069672</v>
      </c>
    </row>
    <row r="31" spans="2:233" ht="21" customHeight="1" x14ac:dyDescent="0.2">
      <c r="B31" s="292" t="s">
        <v>28</v>
      </c>
      <c r="C31" s="294">
        <v>0</v>
      </c>
      <c r="D31" s="295">
        <v>0</v>
      </c>
      <c r="E31" s="296">
        <v>0</v>
      </c>
      <c r="F31" s="297">
        <v>0</v>
      </c>
      <c r="G31" s="295">
        <v>0</v>
      </c>
      <c r="H31" s="295">
        <v>30100</v>
      </c>
      <c r="I31" s="295">
        <v>218350</v>
      </c>
      <c r="J31" s="295">
        <v>204780</v>
      </c>
      <c r="K31" s="295">
        <v>83670</v>
      </c>
      <c r="L31" s="298">
        <v>536900</v>
      </c>
      <c r="M31" s="299">
        <v>536900</v>
      </c>
      <c r="N31" s="294">
        <v>0</v>
      </c>
      <c r="O31" s="295">
        <v>0</v>
      </c>
      <c r="P31" s="296">
        <v>0</v>
      </c>
      <c r="Q31" s="300"/>
      <c r="R31" s="295">
        <v>0</v>
      </c>
      <c r="S31" s="295">
        <v>27720</v>
      </c>
      <c r="T31" s="295">
        <v>167580</v>
      </c>
      <c r="U31" s="295">
        <v>135750</v>
      </c>
      <c r="V31" s="295">
        <v>77140</v>
      </c>
      <c r="W31" s="298">
        <v>408190</v>
      </c>
      <c r="X31" s="299">
        <v>408190</v>
      </c>
      <c r="Y31" s="294">
        <v>0</v>
      </c>
      <c r="Z31" s="295">
        <v>0</v>
      </c>
      <c r="AA31" s="296">
        <v>0</v>
      </c>
      <c r="AB31" s="300"/>
      <c r="AC31" s="295">
        <v>0</v>
      </c>
      <c r="AD31" s="295">
        <v>2380</v>
      </c>
      <c r="AE31" s="295">
        <v>46230</v>
      </c>
      <c r="AF31" s="295">
        <v>29540</v>
      </c>
      <c r="AG31" s="295">
        <v>0</v>
      </c>
      <c r="AH31" s="298">
        <v>78150</v>
      </c>
      <c r="AI31" s="299">
        <v>78150</v>
      </c>
      <c r="AJ31" s="294">
        <v>0</v>
      </c>
      <c r="AK31" s="295">
        <v>0</v>
      </c>
      <c r="AL31" s="296">
        <v>0</v>
      </c>
      <c r="AM31" s="300"/>
      <c r="AN31" s="295">
        <v>0</v>
      </c>
      <c r="AO31" s="295">
        <v>0</v>
      </c>
      <c r="AP31" s="295">
        <v>0</v>
      </c>
      <c r="AQ31" s="295">
        <v>0</v>
      </c>
      <c r="AR31" s="295">
        <v>0</v>
      </c>
      <c r="AS31" s="298">
        <v>0</v>
      </c>
      <c r="AT31" s="299">
        <v>0</v>
      </c>
      <c r="AU31" s="294">
        <v>0</v>
      </c>
      <c r="AV31" s="295">
        <v>0</v>
      </c>
      <c r="AW31" s="296">
        <v>0</v>
      </c>
      <c r="AX31" s="300"/>
      <c r="AY31" s="295">
        <v>0</v>
      </c>
      <c r="AZ31" s="295">
        <v>0</v>
      </c>
      <c r="BA31" s="295">
        <v>0</v>
      </c>
      <c r="BB31" s="295">
        <v>0</v>
      </c>
      <c r="BC31" s="295">
        <v>0</v>
      </c>
      <c r="BD31" s="298">
        <v>0</v>
      </c>
      <c r="BE31" s="299">
        <v>0</v>
      </c>
      <c r="BF31" s="294">
        <v>0</v>
      </c>
      <c r="BG31" s="295">
        <v>0</v>
      </c>
      <c r="BH31" s="296">
        <v>0</v>
      </c>
      <c r="BI31" s="300"/>
      <c r="BJ31" s="295">
        <v>0</v>
      </c>
      <c r="BK31" s="295">
        <v>0</v>
      </c>
      <c r="BL31" s="295">
        <v>2380</v>
      </c>
      <c r="BM31" s="295">
        <v>0</v>
      </c>
      <c r="BN31" s="295">
        <v>0</v>
      </c>
      <c r="BO31" s="298">
        <v>2380</v>
      </c>
      <c r="BP31" s="299">
        <v>2380</v>
      </c>
      <c r="BQ31" s="294">
        <v>0</v>
      </c>
      <c r="BR31" s="295">
        <v>0</v>
      </c>
      <c r="BS31" s="296">
        <v>0</v>
      </c>
      <c r="BT31" s="297">
        <v>0</v>
      </c>
      <c r="BU31" s="295">
        <v>0</v>
      </c>
      <c r="BV31" s="295">
        <v>0</v>
      </c>
      <c r="BW31" s="295">
        <v>2160</v>
      </c>
      <c r="BX31" s="295">
        <v>39490</v>
      </c>
      <c r="BY31" s="295">
        <v>160</v>
      </c>
      <c r="BZ31" s="298">
        <v>41810</v>
      </c>
      <c r="CA31" s="299">
        <v>41810</v>
      </c>
      <c r="CB31" s="294">
        <v>0</v>
      </c>
      <c r="CC31" s="295">
        <v>0</v>
      </c>
      <c r="CD31" s="296">
        <v>0</v>
      </c>
      <c r="CE31" s="297">
        <v>0</v>
      </c>
      <c r="CF31" s="295">
        <v>0</v>
      </c>
      <c r="CG31" s="295">
        <v>0</v>
      </c>
      <c r="CH31" s="295">
        <v>0</v>
      </c>
      <c r="CI31" s="295">
        <v>0</v>
      </c>
      <c r="CJ31" s="295">
        <v>6370</v>
      </c>
      <c r="CK31" s="298">
        <v>6370</v>
      </c>
      <c r="CL31" s="299">
        <v>6370</v>
      </c>
      <c r="CM31" s="294">
        <v>0</v>
      </c>
      <c r="CN31" s="295">
        <v>0</v>
      </c>
      <c r="CO31" s="296">
        <v>0</v>
      </c>
      <c r="CP31" s="297">
        <v>0</v>
      </c>
      <c r="CQ31" s="295">
        <v>0</v>
      </c>
      <c r="CR31" s="295">
        <v>0</v>
      </c>
      <c r="CS31" s="295">
        <v>0</v>
      </c>
      <c r="CT31" s="295">
        <v>0</v>
      </c>
      <c r="CU31" s="295">
        <v>0</v>
      </c>
      <c r="CV31" s="298">
        <v>0</v>
      </c>
      <c r="CW31" s="299">
        <v>0</v>
      </c>
      <c r="CX31" s="294">
        <v>0</v>
      </c>
      <c r="CY31" s="295">
        <v>0</v>
      </c>
      <c r="CZ31" s="296">
        <v>0</v>
      </c>
      <c r="DA31" s="300"/>
      <c r="DB31" s="295">
        <v>0</v>
      </c>
      <c r="DC31" s="295">
        <v>0</v>
      </c>
      <c r="DD31" s="295">
        <v>0</v>
      </c>
      <c r="DE31" s="295">
        <v>0</v>
      </c>
      <c r="DF31" s="295">
        <v>0</v>
      </c>
      <c r="DG31" s="298">
        <v>0</v>
      </c>
      <c r="DH31" s="299">
        <v>0</v>
      </c>
      <c r="DI31" s="294">
        <v>0</v>
      </c>
      <c r="DJ31" s="295">
        <v>0</v>
      </c>
      <c r="DK31" s="296">
        <v>0</v>
      </c>
      <c r="DL31" s="297">
        <v>0</v>
      </c>
      <c r="DM31" s="295">
        <v>0</v>
      </c>
      <c r="DN31" s="295">
        <v>32648</v>
      </c>
      <c r="DO31" s="295">
        <v>156064</v>
      </c>
      <c r="DP31" s="295">
        <v>148279</v>
      </c>
      <c r="DQ31" s="295">
        <v>81472</v>
      </c>
      <c r="DR31" s="298">
        <v>418463</v>
      </c>
      <c r="DS31" s="301">
        <v>418463</v>
      </c>
      <c r="DT31" s="294">
        <v>0</v>
      </c>
      <c r="DU31" s="295">
        <v>0</v>
      </c>
      <c r="DV31" s="296">
        <v>0</v>
      </c>
      <c r="DW31" s="300"/>
      <c r="DX31" s="295">
        <v>0</v>
      </c>
      <c r="DY31" s="295">
        <v>13160</v>
      </c>
      <c r="DZ31" s="295">
        <v>123368</v>
      </c>
      <c r="EA31" s="295">
        <v>123538</v>
      </c>
      <c r="EB31" s="295">
        <v>70168</v>
      </c>
      <c r="EC31" s="298">
        <v>330234</v>
      </c>
      <c r="ED31" s="299">
        <v>330234</v>
      </c>
      <c r="EE31" s="294">
        <v>0</v>
      </c>
      <c r="EF31" s="295">
        <v>0</v>
      </c>
      <c r="EG31" s="296">
        <v>0</v>
      </c>
      <c r="EH31" s="300"/>
      <c r="EI31" s="295">
        <v>0</v>
      </c>
      <c r="EJ31" s="295">
        <v>19488</v>
      </c>
      <c r="EK31" s="295">
        <v>518</v>
      </c>
      <c r="EL31" s="295">
        <v>196</v>
      </c>
      <c r="EM31" s="295">
        <v>0</v>
      </c>
      <c r="EN31" s="298">
        <v>20202</v>
      </c>
      <c r="EO31" s="299">
        <v>20202</v>
      </c>
      <c r="EP31" s="294">
        <v>0</v>
      </c>
      <c r="EQ31" s="295">
        <v>0</v>
      </c>
      <c r="ER31" s="296">
        <v>0</v>
      </c>
      <c r="ES31" s="300"/>
      <c r="ET31" s="295">
        <v>0</v>
      </c>
      <c r="EU31" s="295">
        <v>0</v>
      </c>
      <c r="EV31" s="295">
        <v>0</v>
      </c>
      <c r="EW31" s="295">
        <v>0</v>
      </c>
      <c r="EX31" s="295">
        <v>0</v>
      </c>
      <c r="EY31" s="298">
        <v>0</v>
      </c>
      <c r="EZ31" s="299">
        <v>0</v>
      </c>
      <c r="FA31" s="294">
        <v>0</v>
      </c>
      <c r="FB31" s="295">
        <v>0</v>
      </c>
      <c r="FC31" s="296">
        <v>0</v>
      </c>
      <c r="FD31" s="300"/>
      <c r="FE31" s="295">
        <v>0</v>
      </c>
      <c r="FF31" s="295">
        <v>0</v>
      </c>
      <c r="FG31" s="295">
        <v>0</v>
      </c>
      <c r="FH31" s="295">
        <v>0</v>
      </c>
      <c r="FI31" s="295">
        <v>0</v>
      </c>
      <c r="FJ31" s="298">
        <v>0</v>
      </c>
      <c r="FK31" s="299">
        <v>0</v>
      </c>
      <c r="FL31" s="294">
        <v>0</v>
      </c>
      <c r="FM31" s="295">
        <v>0</v>
      </c>
      <c r="FN31" s="296">
        <v>0</v>
      </c>
      <c r="FO31" s="300"/>
      <c r="FP31" s="295">
        <v>0</v>
      </c>
      <c r="FQ31" s="295">
        <v>0</v>
      </c>
      <c r="FR31" s="295">
        <v>19488</v>
      </c>
      <c r="FS31" s="295">
        <v>0</v>
      </c>
      <c r="FT31" s="295">
        <v>0</v>
      </c>
      <c r="FU31" s="298">
        <v>19488</v>
      </c>
      <c r="FV31" s="299">
        <v>19488</v>
      </c>
      <c r="FW31" s="294">
        <v>0</v>
      </c>
      <c r="FX31" s="295">
        <v>0</v>
      </c>
      <c r="FY31" s="296">
        <v>0</v>
      </c>
      <c r="FZ31" s="297">
        <v>0</v>
      </c>
      <c r="GA31" s="295">
        <v>0</v>
      </c>
      <c r="GB31" s="295">
        <v>0</v>
      </c>
      <c r="GC31" s="295">
        <v>12690</v>
      </c>
      <c r="GD31" s="295">
        <v>24545</v>
      </c>
      <c r="GE31" s="295">
        <v>1880</v>
      </c>
      <c r="GF31" s="298">
        <v>39115</v>
      </c>
      <c r="GG31" s="299">
        <v>39115</v>
      </c>
      <c r="GH31" s="294">
        <v>0</v>
      </c>
      <c r="GI31" s="295">
        <v>0</v>
      </c>
      <c r="GJ31" s="296">
        <v>0</v>
      </c>
      <c r="GK31" s="297">
        <v>0</v>
      </c>
      <c r="GL31" s="295">
        <v>0</v>
      </c>
      <c r="GM31" s="295">
        <v>0</v>
      </c>
      <c r="GN31" s="295">
        <v>0</v>
      </c>
      <c r="GO31" s="295">
        <v>0</v>
      </c>
      <c r="GP31" s="295">
        <v>9424</v>
      </c>
      <c r="GQ31" s="298">
        <v>9424</v>
      </c>
      <c r="GR31" s="299">
        <v>9424</v>
      </c>
      <c r="GS31" s="294">
        <v>0</v>
      </c>
      <c r="GT31" s="295">
        <v>0</v>
      </c>
      <c r="GU31" s="296">
        <v>0</v>
      </c>
      <c r="GV31" s="297">
        <v>0</v>
      </c>
      <c r="GW31" s="295">
        <v>0</v>
      </c>
      <c r="GX31" s="295">
        <v>0</v>
      </c>
      <c r="GY31" s="295">
        <v>0</v>
      </c>
      <c r="GZ31" s="295">
        <v>0</v>
      </c>
      <c r="HA31" s="295">
        <v>0</v>
      </c>
      <c r="HB31" s="298">
        <v>0</v>
      </c>
      <c r="HC31" s="299">
        <v>0</v>
      </c>
      <c r="HD31" s="294">
        <v>0</v>
      </c>
      <c r="HE31" s="295">
        <v>0</v>
      </c>
      <c r="HF31" s="296">
        <v>0</v>
      </c>
      <c r="HG31" s="300"/>
      <c r="HH31" s="295">
        <v>0</v>
      </c>
      <c r="HI31" s="295">
        <v>0</v>
      </c>
      <c r="HJ31" s="295">
        <v>0</v>
      </c>
      <c r="HK31" s="295">
        <v>0</v>
      </c>
      <c r="HL31" s="295">
        <v>0</v>
      </c>
      <c r="HM31" s="298">
        <v>0</v>
      </c>
      <c r="HN31" s="299">
        <v>0</v>
      </c>
      <c r="HO31" s="294">
        <v>0</v>
      </c>
      <c r="HP31" s="295">
        <v>0</v>
      </c>
      <c r="HQ31" s="296">
        <v>0</v>
      </c>
      <c r="HR31" s="297">
        <v>0</v>
      </c>
      <c r="HS31" s="295">
        <v>0</v>
      </c>
      <c r="HT31" s="295">
        <v>62748</v>
      </c>
      <c r="HU31" s="295">
        <v>374414</v>
      </c>
      <c r="HV31" s="295">
        <v>353059</v>
      </c>
      <c r="HW31" s="295">
        <v>165142</v>
      </c>
      <c r="HX31" s="298">
        <v>955363</v>
      </c>
      <c r="HY31" s="299">
        <v>955363</v>
      </c>
    </row>
    <row r="32" spans="2:233" ht="21" customHeight="1" x14ac:dyDescent="0.2">
      <c r="B32" s="292" t="s">
        <v>29</v>
      </c>
      <c r="C32" s="294">
        <v>0</v>
      </c>
      <c r="D32" s="295">
        <v>0</v>
      </c>
      <c r="E32" s="296">
        <v>0</v>
      </c>
      <c r="F32" s="297">
        <v>0</v>
      </c>
      <c r="G32" s="295">
        <v>4690</v>
      </c>
      <c r="H32" s="295">
        <v>67170</v>
      </c>
      <c r="I32" s="295">
        <v>281578</v>
      </c>
      <c r="J32" s="295">
        <v>475445</v>
      </c>
      <c r="K32" s="295">
        <v>139350</v>
      </c>
      <c r="L32" s="298">
        <v>968233</v>
      </c>
      <c r="M32" s="299">
        <v>968233</v>
      </c>
      <c r="N32" s="294">
        <v>0</v>
      </c>
      <c r="O32" s="295">
        <v>0</v>
      </c>
      <c r="P32" s="296">
        <v>0</v>
      </c>
      <c r="Q32" s="300"/>
      <c r="R32" s="295">
        <v>0</v>
      </c>
      <c r="S32" s="295">
        <v>32060</v>
      </c>
      <c r="T32" s="295">
        <v>121470</v>
      </c>
      <c r="U32" s="295">
        <v>238265</v>
      </c>
      <c r="V32" s="295">
        <v>88620</v>
      </c>
      <c r="W32" s="298">
        <v>480415</v>
      </c>
      <c r="X32" s="299">
        <v>480415</v>
      </c>
      <c r="Y32" s="294">
        <v>0</v>
      </c>
      <c r="Z32" s="295">
        <v>0</v>
      </c>
      <c r="AA32" s="296">
        <v>0</v>
      </c>
      <c r="AB32" s="300"/>
      <c r="AC32" s="295">
        <v>2295</v>
      </c>
      <c r="AD32" s="295">
        <v>24640</v>
      </c>
      <c r="AE32" s="295">
        <v>74060</v>
      </c>
      <c r="AF32" s="295">
        <v>101080</v>
      </c>
      <c r="AG32" s="295">
        <v>27020</v>
      </c>
      <c r="AH32" s="298">
        <v>229095</v>
      </c>
      <c r="AI32" s="299">
        <v>229095</v>
      </c>
      <c r="AJ32" s="294">
        <v>0</v>
      </c>
      <c r="AK32" s="295">
        <v>0</v>
      </c>
      <c r="AL32" s="296">
        <v>0</v>
      </c>
      <c r="AM32" s="300"/>
      <c r="AN32" s="295">
        <v>0</v>
      </c>
      <c r="AO32" s="295">
        <v>0</v>
      </c>
      <c r="AP32" s="295">
        <v>0</v>
      </c>
      <c r="AQ32" s="295">
        <v>0</v>
      </c>
      <c r="AR32" s="295">
        <v>0</v>
      </c>
      <c r="AS32" s="298">
        <v>0</v>
      </c>
      <c r="AT32" s="299">
        <v>0</v>
      </c>
      <c r="AU32" s="294">
        <v>0</v>
      </c>
      <c r="AV32" s="295">
        <v>0</v>
      </c>
      <c r="AW32" s="296">
        <v>0</v>
      </c>
      <c r="AX32" s="300"/>
      <c r="AY32" s="295">
        <v>0</v>
      </c>
      <c r="AZ32" s="295">
        <v>0</v>
      </c>
      <c r="BA32" s="295">
        <v>0</v>
      </c>
      <c r="BB32" s="295">
        <v>0</v>
      </c>
      <c r="BC32" s="295">
        <v>0</v>
      </c>
      <c r="BD32" s="298">
        <v>0</v>
      </c>
      <c r="BE32" s="299">
        <v>0</v>
      </c>
      <c r="BF32" s="294">
        <v>0</v>
      </c>
      <c r="BG32" s="295">
        <v>0</v>
      </c>
      <c r="BH32" s="296">
        <v>0</v>
      </c>
      <c r="BI32" s="300"/>
      <c r="BJ32" s="295">
        <v>0</v>
      </c>
      <c r="BK32" s="295">
        <v>0</v>
      </c>
      <c r="BL32" s="295">
        <v>68600</v>
      </c>
      <c r="BM32" s="295">
        <v>132345</v>
      </c>
      <c r="BN32" s="295">
        <v>22260</v>
      </c>
      <c r="BO32" s="298">
        <v>223205</v>
      </c>
      <c r="BP32" s="299">
        <v>223205</v>
      </c>
      <c r="BQ32" s="294">
        <v>0</v>
      </c>
      <c r="BR32" s="295">
        <v>0</v>
      </c>
      <c r="BS32" s="296">
        <v>0</v>
      </c>
      <c r="BT32" s="297">
        <v>0</v>
      </c>
      <c r="BU32" s="295">
        <v>2395</v>
      </c>
      <c r="BV32" s="295">
        <v>8740</v>
      </c>
      <c r="BW32" s="295">
        <v>17448</v>
      </c>
      <c r="BX32" s="295">
        <v>3755</v>
      </c>
      <c r="BY32" s="295">
        <v>1450</v>
      </c>
      <c r="BZ32" s="298">
        <v>33788</v>
      </c>
      <c r="CA32" s="299">
        <v>33788</v>
      </c>
      <c r="CB32" s="294">
        <v>0</v>
      </c>
      <c r="CC32" s="295">
        <v>0</v>
      </c>
      <c r="CD32" s="296">
        <v>0</v>
      </c>
      <c r="CE32" s="297">
        <v>0</v>
      </c>
      <c r="CF32" s="295">
        <v>0</v>
      </c>
      <c r="CG32" s="295">
        <v>1730</v>
      </c>
      <c r="CH32" s="295">
        <v>0</v>
      </c>
      <c r="CI32" s="295">
        <v>0</v>
      </c>
      <c r="CJ32" s="295">
        <v>0</v>
      </c>
      <c r="CK32" s="298">
        <v>1730</v>
      </c>
      <c r="CL32" s="299">
        <v>1730</v>
      </c>
      <c r="CM32" s="294">
        <v>0</v>
      </c>
      <c r="CN32" s="295">
        <v>0</v>
      </c>
      <c r="CO32" s="296">
        <v>0</v>
      </c>
      <c r="CP32" s="297">
        <v>0</v>
      </c>
      <c r="CQ32" s="295">
        <v>0</v>
      </c>
      <c r="CR32" s="295">
        <v>0</v>
      </c>
      <c r="CS32" s="295">
        <v>0</v>
      </c>
      <c r="CT32" s="295">
        <v>0</v>
      </c>
      <c r="CU32" s="295">
        <v>0</v>
      </c>
      <c r="CV32" s="298">
        <v>0</v>
      </c>
      <c r="CW32" s="299">
        <v>0</v>
      </c>
      <c r="CX32" s="294">
        <v>0</v>
      </c>
      <c r="CY32" s="295">
        <v>0</v>
      </c>
      <c r="CZ32" s="296">
        <v>0</v>
      </c>
      <c r="DA32" s="300"/>
      <c r="DB32" s="295">
        <v>0</v>
      </c>
      <c r="DC32" s="295">
        <v>0</v>
      </c>
      <c r="DD32" s="295">
        <v>0</v>
      </c>
      <c r="DE32" s="295">
        <v>0</v>
      </c>
      <c r="DF32" s="295">
        <v>0</v>
      </c>
      <c r="DG32" s="298">
        <v>0</v>
      </c>
      <c r="DH32" s="299">
        <v>0</v>
      </c>
      <c r="DI32" s="294">
        <v>0</v>
      </c>
      <c r="DJ32" s="295">
        <v>0</v>
      </c>
      <c r="DK32" s="296">
        <v>0</v>
      </c>
      <c r="DL32" s="297">
        <v>0</v>
      </c>
      <c r="DM32" s="295">
        <v>3419</v>
      </c>
      <c r="DN32" s="295">
        <v>39181</v>
      </c>
      <c r="DO32" s="295">
        <v>271494</v>
      </c>
      <c r="DP32" s="295">
        <v>364937</v>
      </c>
      <c r="DQ32" s="295">
        <v>109130</v>
      </c>
      <c r="DR32" s="298">
        <v>788161</v>
      </c>
      <c r="DS32" s="301">
        <v>788161</v>
      </c>
      <c r="DT32" s="294">
        <v>0</v>
      </c>
      <c r="DU32" s="295">
        <v>0</v>
      </c>
      <c r="DV32" s="296">
        <v>0</v>
      </c>
      <c r="DW32" s="300"/>
      <c r="DX32" s="295">
        <v>0</v>
      </c>
      <c r="DY32" s="295">
        <v>23940</v>
      </c>
      <c r="DZ32" s="295">
        <v>92398</v>
      </c>
      <c r="EA32" s="295">
        <v>218769</v>
      </c>
      <c r="EB32" s="295">
        <v>84168</v>
      </c>
      <c r="EC32" s="298">
        <v>419275</v>
      </c>
      <c r="ED32" s="299">
        <v>419275</v>
      </c>
      <c r="EE32" s="294">
        <v>0</v>
      </c>
      <c r="EF32" s="295">
        <v>0</v>
      </c>
      <c r="EG32" s="296">
        <v>0</v>
      </c>
      <c r="EH32" s="300"/>
      <c r="EI32" s="295">
        <v>196</v>
      </c>
      <c r="EJ32" s="295">
        <v>392</v>
      </c>
      <c r="EK32" s="295">
        <v>9604</v>
      </c>
      <c r="EL32" s="295">
        <v>1176</v>
      </c>
      <c r="EM32" s="295">
        <v>560</v>
      </c>
      <c r="EN32" s="298">
        <v>11928</v>
      </c>
      <c r="EO32" s="299">
        <v>11928</v>
      </c>
      <c r="EP32" s="294">
        <v>0</v>
      </c>
      <c r="EQ32" s="295">
        <v>0</v>
      </c>
      <c r="ER32" s="296">
        <v>0</v>
      </c>
      <c r="ES32" s="300"/>
      <c r="ET32" s="295">
        <v>0</v>
      </c>
      <c r="EU32" s="295">
        <v>0</v>
      </c>
      <c r="EV32" s="295">
        <v>0</v>
      </c>
      <c r="EW32" s="295">
        <v>0</v>
      </c>
      <c r="EX32" s="295">
        <v>0</v>
      </c>
      <c r="EY32" s="298">
        <v>0</v>
      </c>
      <c r="EZ32" s="299">
        <v>0</v>
      </c>
      <c r="FA32" s="294">
        <v>0</v>
      </c>
      <c r="FB32" s="295">
        <v>0</v>
      </c>
      <c r="FC32" s="296">
        <v>0</v>
      </c>
      <c r="FD32" s="300"/>
      <c r="FE32" s="295">
        <v>0</v>
      </c>
      <c r="FF32" s="295">
        <v>0</v>
      </c>
      <c r="FG32" s="295">
        <v>0</v>
      </c>
      <c r="FH32" s="295">
        <v>0</v>
      </c>
      <c r="FI32" s="295">
        <v>0</v>
      </c>
      <c r="FJ32" s="298">
        <v>0</v>
      </c>
      <c r="FK32" s="299">
        <v>0</v>
      </c>
      <c r="FL32" s="294">
        <v>0</v>
      </c>
      <c r="FM32" s="295">
        <v>0</v>
      </c>
      <c r="FN32" s="296">
        <v>0</v>
      </c>
      <c r="FO32" s="300"/>
      <c r="FP32" s="295">
        <v>0</v>
      </c>
      <c r="FQ32" s="295">
        <v>0</v>
      </c>
      <c r="FR32" s="295">
        <v>144368</v>
      </c>
      <c r="FS32" s="295">
        <v>137904</v>
      </c>
      <c r="FT32" s="295">
        <v>19488</v>
      </c>
      <c r="FU32" s="298">
        <v>301760</v>
      </c>
      <c r="FV32" s="299">
        <v>301760</v>
      </c>
      <c r="FW32" s="294">
        <v>0</v>
      </c>
      <c r="FX32" s="295">
        <v>0</v>
      </c>
      <c r="FY32" s="296">
        <v>0</v>
      </c>
      <c r="FZ32" s="297">
        <v>0</v>
      </c>
      <c r="GA32" s="295">
        <v>3223</v>
      </c>
      <c r="GB32" s="295">
        <v>12343</v>
      </c>
      <c r="GC32" s="295">
        <v>25124</v>
      </c>
      <c r="GD32" s="295">
        <v>7088</v>
      </c>
      <c r="GE32" s="295">
        <v>4914</v>
      </c>
      <c r="GF32" s="298">
        <v>52692</v>
      </c>
      <c r="GG32" s="299">
        <v>52692</v>
      </c>
      <c r="GH32" s="294">
        <v>0</v>
      </c>
      <c r="GI32" s="295">
        <v>0</v>
      </c>
      <c r="GJ32" s="296">
        <v>0</v>
      </c>
      <c r="GK32" s="297">
        <v>0</v>
      </c>
      <c r="GL32" s="295">
        <v>0</v>
      </c>
      <c r="GM32" s="295">
        <v>2506</v>
      </c>
      <c r="GN32" s="295">
        <v>0</v>
      </c>
      <c r="GO32" s="295">
        <v>0</v>
      </c>
      <c r="GP32" s="295">
        <v>0</v>
      </c>
      <c r="GQ32" s="298">
        <v>2506</v>
      </c>
      <c r="GR32" s="299">
        <v>2506</v>
      </c>
      <c r="GS32" s="294">
        <v>0</v>
      </c>
      <c r="GT32" s="295">
        <v>0</v>
      </c>
      <c r="GU32" s="296">
        <v>0</v>
      </c>
      <c r="GV32" s="297">
        <v>0</v>
      </c>
      <c r="GW32" s="295">
        <v>0</v>
      </c>
      <c r="GX32" s="295">
        <v>0</v>
      </c>
      <c r="GY32" s="295">
        <v>0</v>
      </c>
      <c r="GZ32" s="295">
        <v>0</v>
      </c>
      <c r="HA32" s="295">
        <v>0</v>
      </c>
      <c r="HB32" s="298">
        <v>0</v>
      </c>
      <c r="HC32" s="299">
        <v>0</v>
      </c>
      <c r="HD32" s="294">
        <v>0</v>
      </c>
      <c r="HE32" s="295">
        <v>0</v>
      </c>
      <c r="HF32" s="296">
        <v>0</v>
      </c>
      <c r="HG32" s="300"/>
      <c r="HH32" s="295">
        <v>0</v>
      </c>
      <c r="HI32" s="295">
        <v>0</v>
      </c>
      <c r="HJ32" s="295">
        <v>0</v>
      </c>
      <c r="HK32" s="295">
        <v>0</v>
      </c>
      <c r="HL32" s="295">
        <v>0</v>
      </c>
      <c r="HM32" s="298">
        <v>0</v>
      </c>
      <c r="HN32" s="299">
        <v>0</v>
      </c>
      <c r="HO32" s="294">
        <v>0</v>
      </c>
      <c r="HP32" s="295">
        <v>0</v>
      </c>
      <c r="HQ32" s="296">
        <v>0</v>
      </c>
      <c r="HR32" s="297">
        <v>0</v>
      </c>
      <c r="HS32" s="295">
        <v>8109</v>
      </c>
      <c r="HT32" s="295">
        <v>106351</v>
      </c>
      <c r="HU32" s="295">
        <v>553072</v>
      </c>
      <c r="HV32" s="295">
        <v>840382</v>
      </c>
      <c r="HW32" s="295">
        <v>248480</v>
      </c>
      <c r="HX32" s="298">
        <v>1756394</v>
      </c>
      <c r="HY32" s="299">
        <v>1756394</v>
      </c>
    </row>
    <row r="33" spans="2:233" ht="21" customHeight="1" x14ac:dyDescent="0.2">
      <c r="B33" s="292" t="s">
        <v>30</v>
      </c>
      <c r="C33" s="294">
        <v>0</v>
      </c>
      <c r="D33" s="295">
        <v>0</v>
      </c>
      <c r="E33" s="296">
        <v>0</v>
      </c>
      <c r="F33" s="297">
        <v>0</v>
      </c>
      <c r="G33" s="295">
        <v>59435</v>
      </c>
      <c r="H33" s="295">
        <v>26370</v>
      </c>
      <c r="I33" s="295">
        <v>279210</v>
      </c>
      <c r="J33" s="295">
        <v>202493</v>
      </c>
      <c r="K33" s="295">
        <v>201740</v>
      </c>
      <c r="L33" s="298">
        <v>769248</v>
      </c>
      <c r="M33" s="299">
        <v>769248</v>
      </c>
      <c r="N33" s="294">
        <v>0</v>
      </c>
      <c r="O33" s="295">
        <v>0</v>
      </c>
      <c r="P33" s="296">
        <v>0</v>
      </c>
      <c r="Q33" s="300"/>
      <c r="R33" s="295">
        <v>2380</v>
      </c>
      <c r="S33" s="295">
        <v>2380</v>
      </c>
      <c r="T33" s="295">
        <v>204270</v>
      </c>
      <c r="U33" s="295">
        <v>119898</v>
      </c>
      <c r="V33" s="295">
        <v>169820</v>
      </c>
      <c r="W33" s="298">
        <v>498748</v>
      </c>
      <c r="X33" s="299">
        <v>498748</v>
      </c>
      <c r="Y33" s="294">
        <v>0</v>
      </c>
      <c r="Z33" s="295">
        <v>0</v>
      </c>
      <c r="AA33" s="296">
        <v>0</v>
      </c>
      <c r="AB33" s="300"/>
      <c r="AC33" s="295">
        <v>54180</v>
      </c>
      <c r="AD33" s="295">
        <v>22685</v>
      </c>
      <c r="AE33" s="295">
        <v>41580</v>
      </c>
      <c r="AF33" s="295">
        <v>78820</v>
      </c>
      <c r="AG33" s="295">
        <v>2380</v>
      </c>
      <c r="AH33" s="298">
        <v>199645</v>
      </c>
      <c r="AI33" s="299">
        <v>199645</v>
      </c>
      <c r="AJ33" s="294">
        <v>0</v>
      </c>
      <c r="AK33" s="295">
        <v>0</v>
      </c>
      <c r="AL33" s="296">
        <v>0</v>
      </c>
      <c r="AM33" s="300"/>
      <c r="AN33" s="295">
        <v>0</v>
      </c>
      <c r="AO33" s="295">
        <v>0</v>
      </c>
      <c r="AP33" s="295">
        <v>0</v>
      </c>
      <c r="AQ33" s="295">
        <v>0</v>
      </c>
      <c r="AR33" s="295">
        <v>0</v>
      </c>
      <c r="AS33" s="298">
        <v>0</v>
      </c>
      <c r="AT33" s="299">
        <v>0</v>
      </c>
      <c r="AU33" s="294">
        <v>0</v>
      </c>
      <c r="AV33" s="295">
        <v>0</v>
      </c>
      <c r="AW33" s="296">
        <v>0</v>
      </c>
      <c r="AX33" s="300"/>
      <c r="AY33" s="295">
        <v>0</v>
      </c>
      <c r="AZ33" s="295">
        <v>0</v>
      </c>
      <c r="BA33" s="295">
        <v>32060</v>
      </c>
      <c r="BB33" s="295">
        <v>0</v>
      </c>
      <c r="BC33" s="295">
        <v>29540</v>
      </c>
      <c r="BD33" s="298">
        <v>61600</v>
      </c>
      <c r="BE33" s="299">
        <v>61600</v>
      </c>
      <c r="BF33" s="294">
        <v>0</v>
      </c>
      <c r="BG33" s="295">
        <v>0</v>
      </c>
      <c r="BH33" s="296">
        <v>0</v>
      </c>
      <c r="BI33" s="300"/>
      <c r="BJ33" s="295">
        <v>0</v>
      </c>
      <c r="BK33" s="295">
        <v>0</v>
      </c>
      <c r="BL33" s="295">
        <v>0</v>
      </c>
      <c r="BM33" s="295">
        <v>0</v>
      </c>
      <c r="BN33" s="295">
        <v>0</v>
      </c>
      <c r="BO33" s="298">
        <v>0</v>
      </c>
      <c r="BP33" s="299">
        <v>0</v>
      </c>
      <c r="BQ33" s="294">
        <v>0</v>
      </c>
      <c r="BR33" s="295">
        <v>0</v>
      </c>
      <c r="BS33" s="296">
        <v>0</v>
      </c>
      <c r="BT33" s="297">
        <v>0</v>
      </c>
      <c r="BU33" s="295">
        <v>2875</v>
      </c>
      <c r="BV33" s="295">
        <v>1305</v>
      </c>
      <c r="BW33" s="295">
        <v>0</v>
      </c>
      <c r="BX33" s="295">
        <v>3775</v>
      </c>
      <c r="BY33" s="295">
        <v>0</v>
      </c>
      <c r="BZ33" s="298">
        <v>7955</v>
      </c>
      <c r="CA33" s="299">
        <v>7955</v>
      </c>
      <c r="CB33" s="294">
        <v>0</v>
      </c>
      <c r="CC33" s="295">
        <v>0</v>
      </c>
      <c r="CD33" s="296">
        <v>0</v>
      </c>
      <c r="CE33" s="297">
        <v>0</v>
      </c>
      <c r="CF33" s="295">
        <v>0</v>
      </c>
      <c r="CG33" s="295">
        <v>0</v>
      </c>
      <c r="CH33" s="295">
        <v>1300</v>
      </c>
      <c r="CI33" s="295">
        <v>0</v>
      </c>
      <c r="CJ33" s="295">
        <v>0</v>
      </c>
      <c r="CK33" s="298">
        <v>1300</v>
      </c>
      <c r="CL33" s="299">
        <v>1300</v>
      </c>
      <c r="CM33" s="294">
        <v>0</v>
      </c>
      <c r="CN33" s="295">
        <v>0</v>
      </c>
      <c r="CO33" s="296">
        <v>0</v>
      </c>
      <c r="CP33" s="297">
        <v>0</v>
      </c>
      <c r="CQ33" s="295">
        <v>0</v>
      </c>
      <c r="CR33" s="295">
        <v>0</v>
      </c>
      <c r="CS33" s="295">
        <v>0</v>
      </c>
      <c r="CT33" s="295">
        <v>0</v>
      </c>
      <c r="CU33" s="295">
        <v>0</v>
      </c>
      <c r="CV33" s="298">
        <v>0</v>
      </c>
      <c r="CW33" s="299">
        <v>0</v>
      </c>
      <c r="CX33" s="294">
        <v>0</v>
      </c>
      <c r="CY33" s="295">
        <v>0</v>
      </c>
      <c r="CZ33" s="296">
        <v>0</v>
      </c>
      <c r="DA33" s="300"/>
      <c r="DB33" s="295">
        <v>0</v>
      </c>
      <c r="DC33" s="295">
        <v>0</v>
      </c>
      <c r="DD33" s="295">
        <v>0</v>
      </c>
      <c r="DE33" s="295">
        <v>0</v>
      </c>
      <c r="DF33" s="295">
        <v>0</v>
      </c>
      <c r="DG33" s="298">
        <v>0</v>
      </c>
      <c r="DH33" s="299">
        <v>0</v>
      </c>
      <c r="DI33" s="294">
        <v>0</v>
      </c>
      <c r="DJ33" s="295">
        <v>0</v>
      </c>
      <c r="DK33" s="296">
        <v>0</v>
      </c>
      <c r="DL33" s="297">
        <v>0</v>
      </c>
      <c r="DM33" s="295">
        <v>70575</v>
      </c>
      <c r="DN33" s="295">
        <v>23639</v>
      </c>
      <c r="DO33" s="295">
        <v>327524</v>
      </c>
      <c r="DP33" s="295">
        <v>208527</v>
      </c>
      <c r="DQ33" s="295">
        <v>183512</v>
      </c>
      <c r="DR33" s="298">
        <v>813777</v>
      </c>
      <c r="DS33" s="301">
        <v>813777</v>
      </c>
      <c r="DT33" s="294">
        <v>0</v>
      </c>
      <c r="DU33" s="295">
        <v>0</v>
      </c>
      <c r="DV33" s="296">
        <v>0</v>
      </c>
      <c r="DW33" s="300"/>
      <c r="DX33" s="295">
        <v>19488</v>
      </c>
      <c r="DY33" s="295">
        <v>13580</v>
      </c>
      <c r="DZ33" s="295">
        <v>274936</v>
      </c>
      <c r="EA33" s="295">
        <v>195812</v>
      </c>
      <c r="EB33" s="295">
        <v>173292</v>
      </c>
      <c r="EC33" s="298">
        <v>677108</v>
      </c>
      <c r="ED33" s="299">
        <v>677108</v>
      </c>
      <c r="EE33" s="294">
        <v>0</v>
      </c>
      <c r="EF33" s="295">
        <v>0</v>
      </c>
      <c r="EG33" s="296">
        <v>0</v>
      </c>
      <c r="EH33" s="300"/>
      <c r="EI33" s="295">
        <v>32592</v>
      </c>
      <c r="EJ33" s="295">
        <v>1986</v>
      </c>
      <c r="EK33" s="295">
        <v>39676</v>
      </c>
      <c r="EL33" s="295">
        <v>980</v>
      </c>
      <c r="EM33" s="295">
        <v>10024</v>
      </c>
      <c r="EN33" s="298">
        <v>85258</v>
      </c>
      <c r="EO33" s="299">
        <v>85258</v>
      </c>
      <c r="EP33" s="294">
        <v>0</v>
      </c>
      <c r="EQ33" s="295">
        <v>0</v>
      </c>
      <c r="ER33" s="296">
        <v>0</v>
      </c>
      <c r="ES33" s="300"/>
      <c r="ET33" s="295">
        <v>0</v>
      </c>
      <c r="EU33" s="295">
        <v>0</v>
      </c>
      <c r="EV33" s="295">
        <v>0</v>
      </c>
      <c r="EW33" s="295">
        <v>0</v>
      </c>
      <c r="EX33" s="295">
        <v>0</v>
      </c>
      <c r="EY33" s="298">
        <v>0</v>
      </c>
      <c r="EZ33" s="299">
        <v>0</v>
      </c>
      <c r="FA33" s="294">
        <v>0</v>
      </c>
      <c r="FB33" s="295">
        <v>0</v>
      </c>
      <c r="FC33" s="296">
        <v>0</v>
      </c>
      <c r="FD33" s="300"/>
      <c r="FE33" s="295">
        <v>0</v>
      </c>
      <c r="FF33" s="295">
        <v>0</v>
      </c>
      <c r="FG33" s="295">
        <v>10556</v>
      </c>
      <c r="FH33" s="295">
        <v>0</v>
      </c>
      <c r="FI33" s="295">
        <v>196</v>
      </c>
      <c r="FJ33" s="298">
        <v>10752</v>
      </c>
      <c r="FK33" s="299">
        <v>10752</v>
      </c>
      <c r="FL33" s="294">
        <v>0</v>
      </c>
      <c r="FM33" s="295">
        <v>0</v>
      </c>
      <c r="FN33" s="296">
        <v>0</v>
      </c>
      <c r="FO33" s="300"/>
      <c r="FP33" s="295">
        <v>0</v>
      </c>
      <c r="FQ33" s="295">
        <v>0</v>
      </c>
      <c r="FR33" s="295">
        <v>0</v>
      </c>
      <c r="FS33" s="295">
        <v>0</v>
      </c>
      <c r="FT33" s="295">
        <v>0</v>
      </c>
      <c r="FU33" s="298">
        <v>0</v>
      </c>
      <c r="FV33" s="299">
        <v>0</v>
      </c>
      <c r="FW33" s="294">
        <v>0</v>
      </c>
      <c r="FX33" s="295">
        <v>0</v>
      </c>
      <c r="FY33" s="296">
        <v>0</v>
      </c>
      <c r="FZ33" s="297">
        <v>0</v>
      </c>
      <c r="GA33" s="295">
        <v>18495</v>
      </c>
      <c r="GB33" s="295">
        <v>8073</v>
      </c>
      <c r="GC33" s="295">
        <v>0</v>
      </c>
      <c r="GD33" s="295">
        <v>11735</v>
      </c>
      <c r="GE33" s="295">
        <v>0</v>
      </c>
      <c r="GF33" s="298">
        <v>38303</v>
      </c>
      <c r="GG33" s="299">
        <v>38303</v>
      </c>
      <c r="GH33" s="294">
        <v>0</v>
      </c>
      <c r="GI33" s="295">
        <v>0</v>
      </c>
      <c r="GJ33" s="296">
        <v>0</v>
      </c>
      <c r="GK33" s="297">
        <v>0</v>
      </c>
      <c r="GL33" s="295">
        <v>0</v>
      </c>
      <c r="GM33" s="295">
        <v>0</v>
      </c>
      <c r="GN33" s="295">
        <v>2356</v>
      </c>
      <c r="GO33" s="295">
        <v>0</v>
      </c>
      <c r="GP33" s="295">
        <v>0</v>
      </c>
      <c r="GQ33" s="298">
        <v>2356</v>
      </c>
      <c r="GR33" s="299">
        <v>2356</v>
      </c>
      <c r="GS33" s="294">
        <v>0</v>
      </c>
      <c r="GT33" s="295">
        <v>0</v>
      </c>
      <c r="GU33" s="296">
        <v>0</v>
      </c>
      <c r="GV33" s="297">
        <v>0</v>
      </c>
      <c r="GW33" s="295">
        <v>0</v>
      </c>
      <c r="GX33" s="295">
        <v>0</v>
      </c>
      <c r="GY33" s="295">
        <v>0</v>
      </c>
      <c r="GZ33" s="295">
        <v>0</v>
      </c>
      <c r="HA33" s="295">
        <v>0</v>
      </c>
      <c r="HB33" s="298">
        <v>0</v>
      </c>
      <c r="HC33" s="299">
        <v>0</v>
      </c>
      <c r="HD33" s="294">
        <v>0</v>
      </c>
      <c r="HE33" s="295">
        <v>0</v>
      </c>
      <c r="HF33" s="296">
        <v>0</v>
      </c>
      <c r="HG33" s="300"/>
      <c r="HH33" s="295">
        <v>0</v>
      </c>
      <c r="HI33" s="295">
        <v>0</v>
      </c>
      <c r="HJ33" s="295">
        <v>0</v>
      </c>
      <c r="HK33" s="295">
        <v>0</v>
      </c>
      <c r="HL33" s="295">
        <v>0</v>
      </c>
      <c r="HM33" s="298">
        <v>0</v>
      </c>
      <c r="HN33" s="299">
        <v>0</v>
      </c>
      <c r="HO33" s="294">
        <v>0</v>
      </c>
      <c r="HP33" s="295">
        <v>0</v>
      </c>
      <c r="HQ33" s="296">
        <v>0</v>
      </c>
      <c r="HR33" s="297">
        <v>0</v>
      </c>
      <c r="HS33" s="295">
        <v>130010</v>
      </c>
      <c r="HT33" s="295">
        <v>50009</v>
      </c>
      <c r="HU33" s="295">
        <v>606734</v>
      </c>
      <c r="HV33" s="295">
        <v>411020</v>
      </c>
      <c r="HW33" s="295">
        <v>385252</v>
      </c>
      <c r="HX33" s="298">
        <v>1583025</v>
      </c>
      <c r="HY33" s="299">
        <v>1583025</v>
      </c>
    </row>
    <row r="34" spans="2:233" ht="21" customHeight="1" x14ac:dyDescent="0.2">
      <c r="B34" s="292" t="s">
        <v>31</v>
      </c>
      <c r="C34" s="294">
        <v>0</v>
      </c>
      <c r="D34" s="295">
        <v>0</v>
      </c>
      <c r="E34" s="296">
        <v>0</v>
      </c>
      <c r="F34" s="297">
        <v>0</v>
      </c>
      <c r="G34" s="295">
        <v>29645</v>
      </c>
      <c r="H34" s="295">
        <v>128050</v>
      </c>
      <c r="I34" s="295">
        <v>276143</v>
      </c>
      <c r="J34" s="295">
        <v>208880</v>
      </c>
      <c r="K34" s="295">
        <v>93920</v>
      </c>
      <c r="L34" s="298">
        <v>736638</v>
      </c>
      <c r="M34" s="299">
        <v>736638</v>
      </c>
      <c r="N34" s="294">
        <v>0</v>
      </c>
      <c r="O34" s="295">
        <v>0</v>
      </c>
      <c r="P34" s="296">
        <v>0</v>
      </c>
      <c r="Q34" s="300"/>
      <c r="R34" s="295">
        <v>0</v>
      </c>
      <c r="S34" s="295">
        <v>57075</v>
      </c>
      <c r="T34" s="295">
        <v>257483</v>
      </c>
      <c r="U34" s="295">
        <v>113920</v>
      </c>
      <c r="V34" s="295">
        <v>93920</v>
      </c>
      <c r="W34" s="298">
        <v>522398</v>
      </c>
      <c r="X34" s="299">
        <v>522398</v>
      </c>
      <c r="Y34" s="294">
        <v>0</v>
      </c>
      <c r="Z34" s="295">
        <v>0</v>
      </c>
      <c r="AA34" s="296">
        <v>0</v>
      </c>
      <c r="AB34" s="300"/>
      <c r="AC34" s="295">
        <v>0</v>
      </c>
      <c r="AD34" s="295">
        <v>56560</v>
      </c>
      <c r="AE34" s="295">
        <v>4760</v>
      </c>
      <c r="AF34" s="295">
        <v>60300</v>
      </c>
      <c r="AG34" s="295">
        <v>0</v>
      </c>
      <c r="AH34" s="298">
        <v>121620</v>
      </c>
      <c r="AI34" s="299">
        <v>121620</v>
      </c>
      <c r="AJ34" s="294">
        <v>0</v>
      </c>
      <c r="AK34" s="295">
        <v>0</v>
      </c>
      <c r="AL34" s="296">
        <v>0</v>
      </c>
      <c r="AM34" s="300"/>
      <c r="AN34" s="295">
        <v>0</v>
      </c>
      <c r="AO34" s="295">
        <v>0</v>
      </c>
      <c r="AP34" s="295">
        <v>0</v>
      </c>
      <c r="AQ34" s="295">
        <v>0</v>
      </c>
      <c r="AR34" s="295">
        <v>0</v>
      </c>
      <c r="AS34" s="298">
        <v>0</v>
      </c>
      <c r="AT34" s="299">
        <v>0</v>
      </c>
      <c r="AU34" s="294">
        <v>0</v>
      </c>
      <c r="AV34" s="295">
        <v>0</v>
      </c>
      <c r="AW34" s="296">
        <v>0</v>
      </c>
      <c r="AX34" s="300"/>
      <c r="AY34" s="295">
        <v>28485</v>
      </c>
      <c r="AZ34" s="295">
        <v>0</v>
      </c>
      <c r="BA34" s="295">
        <v>0</v>
      </c>
      <c r="BB34" s="295">
        <v>28485</v>
      </c>
      <c r="BC34" s="295">
        <v>0</v>
      </c>
      <c r="BD34" s="298">
        <v>56970</v>
      </c>
      <c r="BE34" s="299">
        <v>56970</v>
      </c>
      <c r="BF34" s="294">
        <v>0</v>
      </c>
      <c r="BG34" s="295">
        <v>0</v>
      </c>
      <c r="BH34" s="296">
        <v>0</v>
      </c>
      <c r="BI34" s="300"/>
      <c r="BJ34" s="295">
        <v>0</v>
      </c>
      <c r="BK34" s="295">
        <v>0</v>
      </c>
      <c r="BL34" s="295">
        <v>0</v>
      </c>
      <c r="BM34" s="295">
        <v>0</v>
      </c>
      <c r="BN34" s="295">
        <v>0</v>
      </c>
      <c r="BO34" s="298">
        <v>0</v>
      </c>
      <c r="BP34" s="299">
        <v>0</v>
      </c>
      <c r="BQ34" s="294">
        <v>0</v>
      </c>
      <c r="BR34" s="295">
        <v>0</v>
      </c>
      <c r="BS34" s="296">
        <v>0</v>
      </c>
      <c r="BT34" s="297">
        <v>0</v>
      </c>
      <c r="BU34" s="295">
        <v>1160</v>
      </c>
      <c r="BV34" s="295">
        <v>13980</v>
      </c>
      <c r="BW34" s="295">
        <v>13900</v>
      </c>
      <c r="BX34" s="295">
        <v>6175</v>
      </c>
      <c r="BY34" s="295">
        <v>0</v>
      </c>
      <c r="BZ34" s="298">
        <v>35215</v>
      </c>
      <c r="CA34" s="299">
        <v>35215</v>
      </c>
      <c r="CB34" s="294">
        <v>0</v>
      </c>
      <c r="CC34" s="295">
        <v>0</v>
      </c>
      <c r="CD34" s="296">
        <v>0</v>
      </c>
      <c r="CE34" s="297">
        <v>0</v>
      </c>
      <c r="CF34" s="295">
        <v>0</v>
      </c>
      <c r="CG34" s="295">
        <v>435</v>
      </c>
      <c r="CH34" s="295">
        <v>0</v>
      </c>
      <c r="CI34" s="295">
        <v>0</v>
      </c>
      <c r="CJ34" s="295">
        <v>0</v>
      </c>
      <c r="CK34" s="298">
        <v>435</v>
      </c>
      <c r="CL34" s="299">
        <v>435</v>
      </c>
      <c r="CM34" s="294">
        <v>0</v>
      </c>
      <c r="CN34" s="295">
        <v>0</v>
      </c>
      <c r="CO34" s="296">
        <v>0</v>
      </c>
      <c r="CP34" s="297">
        <v>0</v>
      </c>
      <c r="CQ34" s="295">
        <v>0</v>
      </c>
      <c r="CR34" s="295">
        <v>0</v>
      </c>
      <c r="CS34" s="295">
        <v>0</v>
      </c>
      <c r="CT34" s="295">
        <v>0</v>
      </c>
      <c r="CU34" s="295">
        <v>0</v>
      </c>
      <c r="CV34" s="298">
        <v>0</v>
      </c>
      <c r="CW34" s="299">
        <v>0</v>
      </c>
      <c r="CX34" s="294">
        <v>0</v>
      </c>
      <c r="CY34" s="295">
        <v>0</v>
      </c>
      <c r="CZ34" s="296">
        <v>0</v>
      </c>
      <c r="DA34" s="300"/>
      <c r="DB34" s="295">
        <v>0</v>
      </c>
      <c r="DC34" s="295">
        <v>0</v>
      </c>
      <c r="DD34" s="295">
        <v>0</v>
      </c>
      <c r="DE34" s="295">
        <v>0</v>
      </c>
      <c r="DF34" s="295">
        <v>0</v>
      </c>
      <c r="DG34" s="298">
        <v>0</v>
      </c>
      <c r="DH34" s="299">
        <v>0</v>
      </c>
      <c r="DI34" s="294">
        <v>0</v>
      </c>
      <c r="DJ34" s="295">
        <v>0</v>
      </c>
      <c r="DK34" s="296">
        <v>0</v>
      </c>
      <c r="DL34" s="297">
        <v>0</v>
      </c>
      <c r="DM34" s="295">
        <v>3699</v>
      </c>
      <c r="DN34" s="295">
        <v>66878</v>
      </c>
      <c r="DO34" s="295">
        <v>320545</v>
      </c>
      <c r="DP34" s="295">
        <v>257717</v>
      </c>
      <c r="DQ34" s="295">
        <v>134304</v>
      </c>
      <c r="DR34" s="298">
        <v>783143</v>
      </c>
      <c r="DS34" s="301">
        <v>783143</v>
      </c>
      <c r="DT34" s="294">
        <v>0</v>
      </c>
      <c r="DU34" s="295">
        <v>0</v>
      </c>
      <c r="DV34" s="296">
        <v>0</v>
      </c>
      <c r="DW34" s="300"/>
      <c r="DX34" s="295">
        <v>0</v>
      </c>
      <c r="DY34" s="295">
        <v>49213</v>
      </c>
      <c r="DZ34" s="295">
        <v>300491</v>
      </c>
      <c r="EA34" s="295">
        <v>214512</v>
      </c>
      <c r="EB34" s="295">
        <v>134304</v>
      </c>
      <c r="EC34" s="298">
        <v>698520</v>
      </c>
      <c r="ED34" s="299">
        <v>698520</v>
      </c>
      <c r="EE34" s="294">
        <v>0</v>
      </c>
      <c r="EF34" s="295">
        <v>0</v>
      </c>
      <c r="EG34" s="296">
        <v>0</v>
      </c>
      <c r="EH34" s="300"/>
      <c r="EI34" s="295">
        <v>0</v>
      </c>
      <c r="EJ34" s="295">
        <v>756</v>
      </c>
      <c r="EK34" s="295">
        <v>392</v>
      </c>
      <c r="EL34" s="295">
        <v>1092</v>
      </c>
      <c r="EM34" s="295">
        <v>0</v>
      </c>
      <c r="EN34" s="298">
        <v>2240</v>
      </c>
      <c r="EO34" s="299">
        <v>2240</v>
      </c>
      <c r="EP34" s="294">
        <v>0</v>
      </c>
      <c r="EQ34" s="295">
        <v>0</v>
      </c>
      <c r="ER34" s="296">
        <v>0</v>
      </c>
      <c r="ES34" s="300"/>
      <c r="ET34" s="295">
        <v>0</v>
      </c>
      <c r="EU34" s="295">
        <v>0</v>
      </c>
      <c r="EV34" s="295">
        <v>0</v>
      </c>
      <c r="EW34" s="295">
        <v>0</v>
      </c>
      <c r="EX34" s="295">
        <v>0</v>
      </c>
      <c r="EY34" s="298">
        <v>0</v>
      </c>
      <c r="EZ34" s="299">
        <v>0</v>
      </c>
      <c r="FA34" s="294">
        <v>0</v>
      </c>
      <c r="FB34" s="295">
        <v>0</v>
      </c>
      <c r="FC34" s="296">
        <v>0</v>
      </c>
      <c r="FD34" s="300"/>
      <c r="FE34" s="295">
        <v>189</v>
      </c>
      <c r="FF34" s="295">
        <v>0</v>
      </c>
      <c r="FG34" s="295">
        <v>0</v>
      </c>
      <c r="FH34" s="295">
        <v>31806</v>
      </c>
      <c r="FI34" s="295">
        <v>0</v>
      </c>
      <c r="FJ34" s="298">
        <v>31995</v>
      </c>
      <c r="FK34" s="299">
        <v>31995</v>
      </c>
      <c r="FL34" s="294">
        <v>0</v>
      </c>
      <c r="FM34" s="295">
        <v>0</v>
      </c>
      <c r="FN34" s="296">
        <v>0</v>
      </c>
      <c r="FO34" s="300"/>
      <c r="FP34" s="295">
        <v>0</v>
      </c>
      <c r="FQ34" s="295">
        <v>0</v>
      </c>
      <c r="FR34" s="295">
        <v>0</v>
      </c>
      <c r="FS34" s="295">
        <v>0</v>
      </c>
      <c r="FT34" s="295">
        <v>0</v>
      </c>
      <c r="FU34" s="298">
        <v>0</v>
      </c>
      <c r="FV34" s="299">
        <v>0</v>
      </c>
      <c r="FW34" s="294">
        <v>0</v>
      </c>
      <c r="FX34" s="295">
        <v>0</v>
      </c>
      <c r="FY34" s="296">
        <v>0</v>
      </c>
      <c r="FZ34" s="297">
        <v>0</v>
      </c>
      <c r="GA34" s="295">
        <v>3510</v>
      </c>
      <c r="GB34" s="295">
        <v>15477</v>
      </c>
      <c r="GC34" s="295">
        <v>19662</v>
      </c>
      <c r="GD34" s="295">
        <v>10307</v>
      </c>
      <c r="GE34" s="295">
        <v>0</v>
      </c>
      <c r="GF34" s="298">
        <v>48956</v>
      </c>
      <c r="GG34" s="299">
        <v>48956</v>
      </c>
      <c r="GH34" s="294">
        <v>0</v>
      </c>
      <c r="GI34" s="295">
        <v>0</v>
      </c>
      <c r="GJ34" s="296">
        <v>0</v>
      </c>
      <c r="GK34" s="297">
        <v>0</v>
      </c>
      <c r="GL34" s="295">
        <v>0</v>
      </c>
      <c r="GM34" s="295">
        <v>1432</v>
      </c>
      <c r="GN34" s="295">
        <v>0</v>
      </c>
      <c r="GO34" s="295">
        <v>0</v>
      </c>
      <c r="GP34" s="295">
        <v>0</v>
      </c>
      <c r="GQ34" s="298">
        <v>1432</v>
      </c>
      <c r="GR34" s="299">
        <v>1432</v>
      </c>
      <c r="GS34" s="294">
        <v>0</v>
      </c>
      <c r="GT34" s="295">
        <v>0</v>
      </c>
      <c r="GU34" s="296">
        <v>0</v>
      </c>
      <c r="GV34" s="297">
        <v>0</v>
      </c>
      <c r="GW34" s="295">
        <v>0</v>
      </c>
      <c r="GX34" s="295">
        <v>0</v>
      </c>
      <c r="GY34" s="295">
        <v>0</v>
      </c>
      <c r="GZ34" s="295">
        <v>0</v>
      </c>
      <c r="HA34" s="295">
        <v>0</v>
      </c>
      <c r="HB34" s="298">
        <v>0</v>
      </c>
      <c r="HC34" s="299">
        <v>0</v>
      </c>
      <c r="HD34" s="294">
        <v>0</v>
      </c>
      <c r="HE34" s="295">
        <v>0</v>
      </c>
      <c r="HF34" s="296">
        <v>0</v>
      </c>
      <c r="HG34" s="300"/>
      <c r="HH34" s="295">
        <v>0</v>
      </c>
      <c r="HI34" s="295">
        <v>0</v>
      </c>
      <c r="HJ34" s="295">
        <v>0</v>
      </c>
      <c r="HK34" s="295">
        <v>0</v>
      </c>
      <c r="HL34" s="295">
        <v>0</v>
      </c>
      <c r="HM34" s="298">
        <v>0</v>
      </c>
      <c r="HN34" s="299">
        <v>0</v>
      </c>
      <c r="HO34" s="294">
        <v>0</v>
      </c>
      <c r="HP34" s="295">
        <v>0</v>
      </c>
      <c r="HQ34" s="296">
        <v>0</v>
      </c>
      <c r="HR34" s="297">
        <v>0</v>
      </c>
      <c r="HS34" s="295">
        <v>33344</v>
      </c>
      <c r="HT34" s="295">
        <v>194928</v>
      </c>
      <c r="HU34" s="295">
        <v>596688</v>
      </c>
      <c r="HV34" s="295">
        <v>466597</v>
      </c>
      <c r="HW34" s="295">
        <v>228224</v>
      </c>
      <c r="HX34" s="298">
        <v>1519781</v>
      </c>
      <c r="HY34" s="299">
        <v>1519781</v>
      </c>
    </row>
    <row r="35" spans="2:233" ht="21" customHeight="1" x14ac:dyDescent="0.2">
      <c r="B35" s="292" t="s">
        <v>32</v>
      </c>
      <c r="C35" s="294">
        <v>0</v>
      </c>
      <c r="D35" s="295">
        <v>0</v>
      </c>
      <c r="E35" s="296">
        <v>0</v>
      </c>
      <c r="F35" s="297">
        <v>0</v>
      </c>
      <c r="G35" s="295">
        <v>61600</v>
      </c>
      <c r="H35" s="295">
        <v>53593</v>
      </c>
      <c r="I35" s="295">
        <v>424405</v>
      </c>
      <c r="J35" s="295">
        <v>340870</v>
      </c>
      <c r="K35" s="295">
        <v>179542</v>
      </c>
      <c r="L35" s="298">
        <v>1060010</v>
      </c>
      <c r="M35" s="299">
        <v>1060010</v>
      </c>
      <c r="N35" s="294">
        <v>0</v>
      </c>
      <c r="O35" s="295">
        <v>0</v>
      </c>
      <c r="P35" s="296">
        <v>0</v>
      </c>
      <c r="Q35" s="300"/>
      <c r="R35" s="295">
        <v>32060</v>
      </c>
      <c r="S35" s="295">
        <v>0</v>
      </c>
      <c r="T35" s="295">
        <v>93295</v>
      </c>
      <c r="U35" s="295">
        <v>197540</v>
      </c>
      <c r="V35" s="295">
        <v>90190</v>
      </c>
      <c r="W35" s="298">
        <v>413085</v>
      </c>
      <c r="X35" s="299">
        <v>413085</v>
      </c>
      <c r="Y35" s="294">
        <v>0</v>
      </c>
      <c r="Z35" s="295">
        <v>0</v>
      </c>
      <c r="AA35" s="296">
        <v>0</v>
      </c>
      <c r="AB35" s="300"/>
      <c r="AC35" s="295">
        <v>29540</v>
      </c>
      <c r="AD35" s="295">
        <v>42155</v>
      </c>
      <c r="AE35" s="295">
        <v>58940</v>
      </c>
      <c r="AF35" s="295">
        <v>129775</v>
      </c>
      <c r="AG35" s="295">
        <v>32060</v>
      </c>
      <c r="AH35" s="298">
        <v>292470</v>
      </c>
      <c r="AI35" s="299">
        <v>292470</v>
      </c>
      <c r="AJ35" s="294">
        <v>0</v>
      </c>
      <c r="AK35" s="295">
        <v>0</v>
      </c>
      <c r="AL35" s="296">
        <v>0</v>
      </c>
      <c r="AM35" s="300"/>
      <c r="AN35" s="295">
        <v>0</v>
      </c>
      <c r="AO35" s="295">
        <v>0</v>
      </c>
      <c r="AP35" s="295">
        <v>0</v>
      </c>
      <c r="AQ35" s="295">
        <v>0</v>
      </c>
      <c r="AR35" s="295">
        <v>0</v>
      </c>
      <c r="AS35" s="298">
        <v>0</v>
      </c>
      <c r="AT35" s="299">
        <v>0</v>
      </c>
      <c r="AU35" s="294">
        <v>0</v>
      </c>
      <c r="AV35" s="295">
        <v>0</v>
      </c>
      <c r="AW35" s="296">
        <v>0</v>
      </c>
      <c r="AX35" s="300"/>
      <c r="AY35" s="295">
        <v>0</v>
      </c>
      <c r="AZ35" s="295">
        <v>0</v>
      </c>
      <c r="BA35" s="295">
        <v>0</v>
      </c>
      <c r="BB35" s="295">
        <v>0</v>
      </c>
      <c r="BC35" s="295">
        <v>29540</v>
      </c>
      <c r="BD35" s="298">
        <v>29540</v>
      </c>
      <c r="BE35" s="299">
        <v>29540</v>
      </c>
      <c r="BF35" s="294">
        <v>0</v>
      </c>
      <c r="BG35" s="295">
        <v>0</v>
      </c>
      <c r="BH35" s="296">
        <v>0</v>
      </c>
      <c r="BI35" s="300"/>
      <c r="BJ35" s="295">
        <v>0</v>
      </c>
      <c r="BK35" s="295">
        <v>0</v>
      </c>
      <c r="BL35" s="295">
        <v>241525</v>
      </c>
      <c r="BM35" s="295">
        <v>9520</v>
      </c>
      <c r="BN35" s="295">
        <v>22260</v>
      </c>
      <c r="BO35" s="298">
        <v>273305</v>
      </c>
      <c r="BP35" s="299">
        <v>273305</v>
      </c>
      <c r="BQ35" s="294">
        <v>0</v>
      </c>
      <c r="BR35" s="295">
        <v>0</v>
      </c>
      <c r="BS35" s="296">
        <v>0</v>
      </c>
      <c r="BT35" s="297">
        <v>0</v>
      </c>
      <c r="BU35" s="295">
        <v>0</v>
      </c>
      <c r="BV35" s="295">
        <v>11438</v>
      </c>
      <c r="BW35" s="295">
        <v>30355</v>
      </c>
      <c r="BX35" s="295">
        <v>3770</v>
      </c>
      <c r="BY35" s="295">
        <v>5492</v>
      </c>
      <c r="BZ35" s="298">
        <v>51055</v>
      </c>
      <c r="CA35" s="299">
        <v>51055</v>
      </c>
      <c r="CB35" s="294">
        <v>0</v>
      </c>
      <c r="CC35" s="295">
        <v>0</v>
      </c>
      <c r="CD35" s="296">
        <v>0</v>
      </c>
      <c r="CE35" s="297">
        <v>0</v>
      </c>
      <c r="CF35" s="295">
        <v>0</v>
      </c>
      <c r="CG35" s="295">
        <v>0</v>
      </c>
      <c r="CH35" s="295">
        <v>290</v>
      </c>
      <c r="CI35" s="295">
        <v>265</v>
      </c>
      <c r="CJ35" s="295">
        <v>0</v>
      </c>
      <c r="CK35" s="298">
        <v>555</v>
      </c>
      <c r="CL35" s="299">
        <v>555</v>
      </c>
      <c r="CM35" s="294">
        <v>0</v>
      </c>
      <c r="CN35" s="295">
        <v>0</v>
      </c>
      <c r="CO35" s="296">
        <v>0</v>
      </c>
      <c r="CP35" s="297">
        <v>0</v>
      </c>
      <c r="CQ35" s="295">
        <v>0</v>
      </c>
      <c r="CR35" s="295">
        <v>0</v>
      </c>
      <c r="CS35" s="295">
        <v>0</v>
      </c>
      <c r="CT35" s="295">
        <v>0</v>
      </c>
      <c r="CU35" s="295">
        <v>0</v>
      </c>
      <c r="CV35" s="298">
        <v>0</v>
      </c>
      <c r="CW35" s="299">
        <v>0</v>
      </c>
      <c r="CX35" s="294">
        <v>0</v>
      </c>
      <c r="CY35" s="295">
        <v>0</v>
      </c>
      <c r="CZ35" s="296">
        <v>0</v>
      </c>
      <c r="DA35" s="300"/>
      <c r="DB35" s="295">
        <v>0</v>
      </c>
      <c r="DC35" s="295">
        <v>0</v>
      </c>
      <c r="DD35" s="295">
        <v>0</v>
      </c>
      <c r="DE35" s="295">
        <v>0</v>
      </c>
      <c r="DF35" s="295">
        <v>0</v>
      </c>
      <c r="DG35" s="298">
        <v>0</v>
      </c>
      <c r="DH35" s="299">
        <v>0</v>
      </c>
      <c r="DI35" s="294">
        <v>0</v>
      </c>
      <c r="DJ35" s="295">
        <v>0</v>
      </c>
      <c r="DK35" s="296">
        <v>0</v>
      </c>
      <c r="DL35" s="297">
        <v>0</v>
      </c>
      <c r="DM35" s="295">
        <v>24136</v>
      </c>
      <c r="DN35" s="295">
        <v>23232</v>
      </c>
      <c r="DO35" s="295">
        <v>328371</v>
      </c>
      <c r="DP35" s="295">
        <v>315977</v>
      </c>
      <c r="DQ35" s="295">
        <v>154921</v>
      </c>
      <c r="DR35" s="298">
        <v>846637</v>
      </c>
      <c r="DS35" s="301">
        <v>846637</v>
      </c>
      <c r="DT35" s="294">
        <v>0</v>
      </c>
      <c r="DU35" s="295">
        <v>0</v>
      </c>
      <c r="DV35" s="296">
        <v>0</v>
      </c>
      <c r="DW35" s="300"/>
      <c r="DX35" s="295">
        <v>23940</v>
      </c>
      <c r="DY35" s="295">
        <v>0</v>
      </c>
      <c r="DZ35" s="295">
        <v>119504</v>
      </c>
      <c r="EA35" s="295">
        <v>239092</v>
      </c>
      <c r="EB35" s="295">
        <v>118821</v>
      </c>
      <c r="EC35" s="298">
        <v>501357</v>
      </c>
      <c r="ED35" s="299">
        <v>501357</v>
      </c>
      <c r="EE35" s="294">
        <v>0</v>
      </c>
      <c r="EF35" s="295">
        <v>0</v>
      </c>
      <c r="EG35" s="296">
        <v>0</v>
      </c>
      <c r="EH35" s="300"/>
      <c r="EI35" s="295">
        <v>196</v>
      </c>
      <c r="EJ35" s="295">
        <v>252</v>
      </c>
      <c r="EK35" s="295">
        <v>13939</v>
      </c>
      <c r="EL35" s="295">
        <v>22702</v>
      </c>
      <c r="EM35" s="295">
        <v>10556</v>
      </c>
      <c r="EN35" s="298">
        <v>47645</v>
      </c>
      <c r="EO35" s="299">
        <v>47645</v>
      </c>
      <c r="EP35" s="294">
        <v>0</v>
      </c>
      <c r="EQ35" s="295">
        <v>0</v>
      </c>
      <c r="ER35" s="296">
        <v>0</v>
      </c>
      <c r="ES35" s="300"/>
      <c r="ET35" s="295">
        <v>0</v>
      </c>
      <c r="EU35" s="295">
        <v>0</v>
      </c>
      <c r="EV35" s="295">
        <v>0</v>
      </c>
      <c r="EW35" s="295">
        <v>0</v>
      </c>
      <c r="EX35" s="295">
        <v>0</v>
      </c>
      <c r="EY35" s="298">
        <v>0</v>
      </c>
      <c r="EZ35" s="299">
        <v>0</v>
      </c>
      <c r="FA35" s="294">
        <v>0</v>
      </c>
      <c r="FB35" s="295">
        <v>0</v>
      </c>
      <c r="FC35" s="296">
        <v>0</v>
      </c>
      <c r="FD35" s="300"/>
      <c r="FE35" s="295">
        <v>0</v>
      </c>
      <c r="FF35" s="295">
        <v>0</v>
      </c>
      <c r="FG35" s="295">
        <v>0</v>
      </c>
      <c r="FH35" s="295">
        <v>0</v>
      </c>
      <c r="FI35" s="295">
        <v>196</v>
      </c>
      <c r="FJ35" s="298">
        <v>196</v>
      </c>
      <c r="FK35" s="299">
        <v>196</v>
      </c>
      <c r="FL35" s="294">
        <v>0</v>
      </c>
      <c r="FM35" s="295">
        <v>0</v>
      </c>
      <c r="FN35" s="296">
        <v>0</v>
      </c>
      <c r="FO35" s="300"/>
      <c r="FP35" s="295">
        <v>0</v>
      </c>
      <c r="FQ35" s="295">
        <v>0</v>
      </c>
      <c r="FR35" s="295">
        <v>167507</v>
      </c>
      <c r="FS35" s="295">
        <v>39312</v>
      </c>
      <c r="FT35" s="295">
        <v>9828</v>
      </c>
      <c r="FU35" s="298">
        <v>216647</v>
      </c>
      <c r="FV35" s="299">
        <v>216647</v>
      </c>
      <c r="FW35" s="294">
        <v>0</v>
      </c>
      <c r="FX35" s="295">
        <v>0</v>
      </c>
      <c r="FY35" s="296">
        <v>0</v>
      </c>
      <c r="FZ35" s="297">
        <v>0</v>
      </c>
      <c r="GA35" s="295">
        <v>0</v>
      </c>
      <c r="GB35" s="295">
        <v>22980</v>
      </c>
      <c r="GC35" s="295">
        <v>25989</v>
      </c>
      <c r="GD35" s="295">
        <v>13797</v>
      </c>
      <c r="GE35" s="295">
        <v>15520</v>
      </c>
      <c r="GF35" s="298">
        <v>78286</v>
      </c>
      <c r="GG35" s="299">
        <v>78286</v>
      </c>
      <c r="GH35" s="294">
        <v>0</v>
      </c>
      <c r="GI35" s="295">
        <v>0</v>
      </c>
      <c r="GJ35" s="296">
        <v>0</v>
      </c>
      <c r="GK35" s="297">
        <v>0</v>
      </c>
      <c r="GL35" s="295">
        <v>0</v>
      </c>
      <c r="GM35" s="295">
        <v>0</v>
      </c>
      <c r="GN35" s="295">
        <v>1432</v>
      </c>
      <c r="GO35" s="295">
        <v>1074</v>
      </c>
      <c r="GP35" s="295">
        <v>0</v>
      </c>
      <c r="GQ35" s="298">
        <v>2506</v>
      </c>
      <c r="GR35" s="299">
        <v>2506</v>
      </c>
      <c r="GS35" s="294">
        <v>0</v>
      </c>
      <c r="GT35" s="295">
        <v>0</v>
      </c>
      <c r="GU35" s="296">
        <v>0</v>
      </c>
      <c r="GV35" s="297">
        <v>0</v>
      </c>
      <c r="GW35" s="295">
        <v>0</v>
      </c>
      <c r="GX35" s="295">
        <v>0</v>
      </c>
      <c r="GY35" s="295">
        <v>0</v>
      </c>
      <c r="GZ35" s="295">
        <v>0</v>
      </c>
      <c r="HA35" s="295">
        <v>0</v>
      </c>
      <c r="HB35" s="298">
        <v>0</v>
      </c>
      <c r="HC35" s="299">
        <v>0</v>
      </c>
      <c r="HD35" s="294">
        <v>0</v>
      </c>
      <c r="HE35" s="295">
        <v>0</v>
      </c>
      <c r="HF35" s="296">
        <v>0</v>
      </c>
      <c r="HG35" s="300"/>
      <c r="HH35" s="295">
        <v>0</v>
      </c>
      <c r="HI35" s="295">
        <v>0</v>
      </c>
      <c r="HJ35" s="295">
        <v>0</v>
      </c>
      <c r="HK35" s="295">
        <v>0</v>
      </c>
      <c r="HL35" s="295">
        <v>0</v>
      </c>
      <c r="HM35" s="298">
        <v>0</v>
      </c>
      <c r="HN35" s="299">
        <v>0</v>
      </c>
      <c r="HO35" s="294">
        <v>0</v>
      </c>
      <c r="HP35" s="295">
        <v>0</v>
      </c>
      <c r="HQ35" s="296">
        <v>0</v>
      </c>
      <c r="HR35" s="297">
        <v>0</v>
      </c>
      <c r="HS35" s="295">
        <v>85736</v>
      </c>
      <c r="HT35" s="295">
        <v>76825</v>
      </c>
      <c r="HU35" s="295">
        <v>752776</v>
      </c>
      <c r="HV35" s="295">
        <v>656847</v>
      </c>
      <c r="HW35" s="295">
        <v>334463</v>
      </c>
      <c r="HX35" s="298">
        <v>1906647</v>
      </c>
      <c r="HY35" s="299">
        <v>1906647</v>
      </c>
    </row>
    <row r="36" spans="2:233" ht="21" customHeight="1" x14ac:dyDescent="0.2">
      <c r="B36" s="292" t="s">
        <v>33</v>
      </c>
      <c r="C36" s="294">
        <v>0</v>
      </c>
      <c r="D36" s="295">
        <v>0</v>
      </c>
      <c r="E36" s="296">
        <v>0</v>
      </c>
      <c r="F36" s="297">
        <v>0</v>
      </c>
      <c r="G36" s="295">
        <v>79665</v>
      </c>
      <c r="H36" s="295">
        <v>146065</v>
      </c>
      <c r="I36" s="295">
        <v>377810</v>
      </c>
      <c r="J36" s="295">
        <v>537255</v>
      </c>
      <c r="K36" s="295">
        <v>333480</v>
      </c>
      <c r="L36" s="298">
        <v>1474275</v>
      </c>
      <c r="M36" s="299">
        <v>1474275</v>
      </c>
      <c r="N36" s="294">
        <v>0</v>
      </c>
      <c r="O36" s="295">
        <v>0</v>
      </c>
      <c r="P36" s="296">
        <v>0</v>
      </c>
      <c r="Q36" s="300"/>
      <c r="R36" s="295">
        <v>0</v>
      </c>
      <c r="S36" s="295">
        <v>24640</v>
      </c>
      <c r="T36" s="295">
        <v>224405</v>
      </c>
      <c r="U36" s="295">
        <v>359235</v>
      </c>
      <c r="V36" s="295">
        <v>206520</v>
      </c>
      <c r="W36" s="298">
        <v>814800</v>
      </c>
      <c r="X36" s="299">
        <v>814800</v>
      </c>
      <c r="Y36" s="294">
        <v>0</v>
      </c>
      <c r="Z36" s="295">
        <v>0</v>
      </c>
      <c r="AA36" s="296">
        <v>0</v>
      </c>
      <c r="AB36" s="300"/>
      <c r="AC36" s="295">
        <v>56560</v>
      </c>
      <c r="AD36" s="295">
        <v>59820</v>
      </c>
      <c r="AE36" s="295">
        <v>125055</v>
      </c>
      <c r="AF36" s="295">
        <v>125300</v>
      </c>
      <c r="AG36" s="295">
        <v>34300</v>
      </c>
      <c r="AH36" s="298">
        <v>401035</v>
      </c>
      <c r="AI36" s="299">
        <v>401035</v>
      </c>
      <c r="AJ36" s="294">
        <v>0</v>
      </c>
      <c r="AK36" s="295">
        <v>0</v>
      </c>
      <c r="AL36" s="296">
        <v>0</v>
      </c>
      <c r="AM36" s="300"/>
      <c r="AN36" s="295">
        <v>0</v>
      </c>
      <c r="AO36" s="295">
        <v>0</v>
      </c>
      <c r="AP36" s="295">
        <v>0</v>
      </c>
      <c r="AQ36" s="295">
        <v>0</v>
      </c>
      <c r="AR36" s="295">
        <v>0</v>
      </c>
      <c r="AS36" s="298">
        <v>0</v>
      </c>
      <c r="AT36" s="299">
        <v>0</v>
      </c>
      <c r="AU36" s="294">
        <v>0</v>
      </c>
      <c r="AV36" s="295">
        <v>0</v>
      </c>
      <c r="AW36" s="296">
        <v>0</v>
      </c>
      <c r="AX36" s="300"/>
      <c r="AY36" s="295">
        <v>22260</v>
      </c>
      <c r="AZ36" s="295">
        <v>59080</v>
      </c>
      <c r="BA36" s="295">
        <v>24640</v>
      </c>
      <c r="BB36" s="295">
        <v>32060</v>
      </c>
      <c r="BC36" s="295">
        <v>59080</v>
      </c>
      <c r="BD36" s="298">
        <v>197120</v>
      </c>
      <c r="BE36" s="299">
        <v>197120</v>
      </c>
      <c r="BF36" s="294">
        <v>0</v>
      </c>
      <c r="BG36" s="295">
        <v>0</v>
      </c>
      <c r="BH36" s="296">
        <v>0</v>
      </c>
      <c r="BI36" s="300"/>
      <c r="BJ36" s="295">
        <v>0</v>
      </c>
      <c r="BK36" s="295">
        <v>0</v>
      </c>
      <c r="BL36" s="295">
        <v>0</v>
      </c>
      <c r="BM36" s="295">
        <v>0</v>
      </c>
      <c r="BN36" s="295">
        <v>0</v>
      </c>
      <c r="BO36" s="298">
        <v>0</v>
      </c>
      <c r="BP36" s="299">
        <v>0</v>
      </c>
      <c r="BQ36" s="294">
        <v>0</v>
      </c>
      <c r="BR36" s="295">
        <v>0</v>
      </c>
      <c r="BS36" s="296">
        <v>0</v>
      </c>
      <c r="BT36" s="297">
        <v>0</v>
      </c>
      <c r="BU36" s="295">
        <v>0</v>
      </c>
      <c r="BV36" s="295">
        <v>2525</v>
      </c>
      <c r="BW36" s="295">
        <v>3710</v>
      </c>
      <c r="BX36" s="295">
        <v>19960</v>
      </c>
      <c r="BY36" s="295">
        <v>33075</v>
      </c>
      <c r="BZ36" s="298">
        <v>59270</v>
      </c>
      <c r="CA36" s="299">
        <v>59270</v>
      </c>
      <c r="CB36" s="294">
        <v>0</v>
      </c>
      <c r="CC36" s="295">
        <v>0</v>
      </c>
      <c r="CD36" s="296">
        <v>0</v>
      </c>
      <c r="CE36" s="297">
        <v>0</v>
      </c>
      <c r="CF36" s="295">
        <v>845</v>
      </c>
      <c r="CG36" s="295">
        <v>0</v>
      </c>
      <c r="CH36" s="295">
        <v>0</v>
      </c>
      <c r="CI36" s="295">
        <v>700</v>
      </c>
      <c r="CJ36" s="295">
        <v>505</v>
      </c>
      <c r="CK36" s="298">
        <v>2050</v>
      </c>
      <c r="CL36" s="299">
        <v>2050</v>
      </c>
      <c r="CM36" s="294">
        <v>0</v>
      </c>
      <c r="CN36" s="295">
        <v>0</v>
      </c>
      <c r="CO36" s="296">
        <v>0</v>
      </c>
      <c r="CP36" s="297">
        <v>0</v>
      </c>
      <c r="CQ36" s="295">
        <v>0</v>
      </c>
      <c r="CR36" s="295">
        <v>0</v>
      </c>
      <c r="CS36" s="295">
        <v>0</v>
      </c>
      <c r="CT36" s="295">
        <v>0</v>
      </c>
      <c r="CU36" s="295">
        <v>0</v>
      </c>
      <c r="CV36" s="298">
        <v>0</v>
      </c>
      <c r="CW36" s="299">
        <v>0</v>
      </c>
      <c r="CX36" s="294">
        <v>0</v>
      </c>
      <c r="CY36" s="295">
        <v>0</v>
      </c>
      <c r="CZ36" s="296">
        <v>0</v>
      </c>
      <c r="DA36" s="300"/>
      <c r="DB36" s="295">
        <v>0</v>
      </c>
      <c r="DC36" s="295">
        <v>0</v>
      </c>
      <c r="DD36" s="295">
        <v>0</v>
      </c>
      <c r="DE36" s="295">
        <v>0</v>
      </c>
      <c r="DF36" s="295">
        <v>0</v>
      </c>
      <c r="DG36" s="298">
        <v>0</v>
      </c>
      <c r="DH36" s="299">
        <v>0</v>
      </c>
      <c r="DI36" s="294">
        <v>0</v>
      </c>
      <c r="DJ36" s="295">
        <v>0</v>
      </c>
      <c r="DK36" s="296">
        <v>0</v>
      </c>
      <c r="DL36" s="297">
        <v>0</v>
      </c>
      <c r="DM36" s="295">
        <v>1029</v>
      </c>
      <c r="DN36" s="295">
        <v>59593</v>
      </c>
      <c r="DO36" s="295">
        <v>302060</v>
      </c>
      <c r="DP36" s="295">
        <v>421506</v>
      </c>
      <c r="DQ36" s="295">
        <v>204398</v>
      </c>
      <c r="DR36" s="298">
        <v>988586</v>
      </c>
      <c r="DS36" s="301">
        <v>988586</v>
      </c>
      <c r="DT36" s="294">
        <v>0</v>
      </c>
      <c r="DU36" s="295">
        <v>0</v>
      </c>
      <c r="DV36" s="296">
        <v>0</v>
      </c>
      <c r="DW36" s="300"/>
      <c r="DX36" s="295">
        <v>0</v>
      </c>
      <c r="DY36" s="295">
        <v>33068</v>
      </c>
      <c r="DZ36" s="295">
        <v>276809</v>
      </c>
      <c r="EA36" s="295">
        <v>378264</v>
      </c>
      <c r="EB36" s="295">
        <v>171200</v>
      </c>
      <c r="EC36" s="298">
        <v>859341</v>
      </c>
      <c r="ED36" s="299">
        <v>859341</v>
      </c>
      <c r="EE36" s="294">
        <v>0</v>
      </c>
      <c r="EF36" s="295">
        <v>0</v>
      </c>
      <c r="EG36" s="296">
        <v>0</v>
      </c>
      <c r="EH36" s="300"/>
      <c r="EI36" s="295">
        <v>784</v>
      </c>
      <c r="EJ36" s="295">
        <v>11214</v>
      </c>
      <c r="EK36" s="295">
        <v>21700</v>
      </c>
      <c r="EL36" s="295">
        <v>1372</v>
      </c>
      <c r="EM36" s="295">
        <v>392</v>
      </c>
      <c r="EN36" s="298">
        <v>35462</v>
      </c>
      <c r="EO36" s="299">
        <v>35462</v>
      </c>
      <c r="EP36" s="294">
        <v>0</v>
      </c>
      <c r="EQ36" s="295">
        <v>0</v>
      </c>
      <c r="ER36" s="296">
        <v>0</v>
      </c>
      <c r="ES36" s="300"/>
      <c r="ET36" s="295">
        <v>0</v>
      </c>
      <c r="EU36" s="295">
        <v>0</v>
      </c>
      <c r="EV36" s="295">
        <v>0</v>
      </c>
      <c r="EW36" s="295">
        <v>0</v>
      </c>
      <c r="EX36" s="295">
        <v>0</v>
      </c>
      <c r="EY36" s="298">
        <v>0</v>
      </c>
      <c r="EZ36" s="299">
        <v>0</v>
      </c>
      <c r="FA36" s="294">
        <v>0</v>
      </c>
      <c r="FB36" s="295">
        <v>0</v>
      </c>
      <c r="FC36" s="296">
        <v>0</v>
      </c>
      <c r="FD36" s="300"/>
      <c r="FE36" s="295">
        <v>196</v>
      </c>
      <c r="FF36" s="295">
        <v>11144</v>
      </c>
      <c r="FG36" s="295">
        <v>392</v>
      </c>
      <c r="FH36" s="295">
        <v>10556</v>
      </c>
      <c r="FI36" s="295">
        <v>392</v>
      </c>
      <c r="FJ36" s="298">
        <v>22680</v>
      </c>
      <c r="FK36" s="299">
        <v>22680</v>
      </c>
      <c r="FL36" s="294">
        <v>0</v>
      </c>
      <c r="FM36" s="295">
        <v>0</v>
      </c>
      <c r="FN36" s="296">
        <v>0</v>
      </c>
      <c r="FO36" s="300"/>
      <c r="FP36" s="295">
        <v>0</v>
      </c>
      <c r="FQ36" s="295">
        <v>0</v>
      </c>
      <c r="FR36" s="295">
        <v>0</v>
      </c>
      <c r="FS36" s="295">
        <v>0</v>
      </c>
      <c r="FT36" s="295">
        <v>0</v>
      </c>
      <c r="FU36" s="298">
        <v>0</v>
      </c>
      <c r="FV36" s="299">
        <v>0</v>
      </c>
      <c r="FW36" s="294">
        <v>0</v>
      </c>
      <c r="FX36" s="295">
        <v>0</v>
      </c>
      <c r="FY36" s="296">
        <v>0</v>
      </c>
      <c r="FZ36" s="297">
        <v>0</v>
      </c>
      <c r="GA36" s="295">
        <v>0</v>
      </c>
      <c r="GB36" s="295">
        <v>4167</v>
      </c>
      <c r="GC36" s="295">
        <v>3159</v>
      </c>
      <c r="GD36" s="295">
        <v>31272</v>
      </c>
      <c r="GE36" s="295">
        <v>32400</v>
      </c>
      <c r="GF36" s="298">
        <v>70998</v>
      </c>
      <c r="GG36" s="299">
        <v>70998</v>
      </c>
      <c r="GH36" s="294">
        <v>0</v>
      </c>
      <c r="GI36" s="295">
        <v>0</v>
      </c>
      <c r="GJ36" s="296">
        <v>0</v>
      </c>
      <c r="GK36" s="297">
        <v>0</v>
      </c>
      <c r="GL36" s="295">
        <v>49</v>
      </c>
      <c r="GM36" s="295">
        <v>0</v>
      </c>
      <c r="GN36" s="295">
        <v>0</v>
      </c>
      <c r="GO36" s="295">
        <v>42</v>
      </c>
      <c r="GP36" s="295">
        <v>14</v>
      </c>
      <c r="GQ36" s="298">
        <v>105</v>
      </c>
      <c r="GR36" s="299">
        <v>105</v>
      </c>
      <c r="GS36" s="294">
        <v>0</v>
      </c>
      <c r="GT36" s="295">
        <v>0</v>
      </c>
      <c r="GU36" s="296">
        <v>0</v>
      </c>
      <c r="GV36" s="297">
        <v>0</v>
      </c>
      <c r="GW36" s="295">
        <v>0</v>
      </c>
      <c r="GX36" s="295">
        <v>0</v>
      </c>
      <c r="GY36" s="295">
        <v>0</v>
      </c>
      <c r="GZ36" s="295">
        <v>0</v>
      </c>
      <c r="HA36" s="295">
        <v>0</v>
      </c>
      <c r="HB36" s="298">
        <v>0</v>
      </c>
      <c r="HC36" s="299">
        <v>0</v>
      </c>
      <c r="HD36" s="294">
        <v>0</v>
      </c>
      <c r="HE36" s="295">
        <v>0</v>
      </c>
      <c r="HF36" s="296">
        <v>0</v>
      </c>
      <c r="HG36" s="300"/>
      <c r="HH36" s="295">
        <v>0</v>
      </c>
      <c r="HI36" s="295">
        <v>0</v>
      </c>
      <c r="HJ36" s="295">
        <v>0</v>
      </c>
      <c r="HK36" s="295">
        <v>0</v>
      </c>
      <c r="HL36" s="295">
        <v>0</v>
      </c>
      <c r="HM36" s="298">
        <v>0</v>
      </c>
      <c r="HN36" s="299">
        <v>0</v>
      </c>
      <c r="HO36" s="294">
        <v>0</v>
      </c>
      <c r="HP36" s="295">
        <v>0</v>
      </c>
      <c r="HQ36" s="296">
        <v>0</v>
      </c>
      <c r="HR36" s="297">
        <v>0</v>
      </c>
      <c r="HS36" s="295">
        <v>80694</v>
      </c>
      <c r="HT36" s="295">
        <v>205658</v>
      </c>
      <c r="HU36" s="295">
        <v>679870</v>
      </c>
      <c r="HV36" s="295">
        <v>958761</v>
      </c>
      <c r="HW36" s="295">
        <v>537878</v>
      </c>
      <c r="HX36" s="298">
        <v>2462861</v>
      </c>
      <c r="HY36" s="299">
        <v>2462861</v>
      </c>
    </row>
    <row r="37" spans="2:233" ht="21" customHeight="1" x14ac:dyDescent="0.2">
      <c r="B37" s="292" t="s">
        <v>34</v>
      </c>
      <c r="C37" s="294">
        <v>0</v>
      </c>
      <c r="D37" s="295">
        <v>0</v>
      </c>
      <c r="E37" s="296">
        <v>0</v>
      </c>
      <c r="F37" s="297">
        <v>0</v>
      </c>
      <c r="G37" s="295">
        <v>22260</v>
      </c>
      <c r="H37" s="295">
        <v>90545</v>
      </c>
      <c r="I37" s="295">
        <v>91015</v>
      </c>
      <c r="J37" s="295">
        <v>302070</v>
      </c>
      <c r="K37" s="295">
        <v>128755</v>
      </c>
      <c r="L37" s="298">
        <v>634645</v>
      </c>
      <c r="M37" s="299">
        <v>634645</v>
      </c>
      <c r="N37" s="294">
        <v>0</v>
      </c>
      <c r="O37" s="295">
        <v>0</v>
      </c>
      <c r="P37" s="296">
        <v>0</v>
      </c>
      <c r="Q37" s="300"/>
      <c r="R37" s="295">
        <v>0</v>
      </c>
      <c r="S37" s="295">
        <v>0</v>
      </c>
      <c r="T37" s="295">
        <v>36680</v>
      </c>
      <c r="U37" s="295">
        <v>246120</v>
      </c>
      <c r="V37" s="295">
        <v>126375</v>
      </c>
      <c r="W37" s="298">
        <v>409175</v>
      </c>
      <c r="X37" s="299">
        <v>409175</v>
      </c>
      <c r="Y37" s="294">
        <v>0</v>
      </c>
      <c r="Z37" s="295">
        <v>0</v>
      </c>
      <c r="AA37" s="296">
        <v>0</v>
      </c>
      <c r="AB37" s="300"/>
      <c r="AC37" s="295">
        <v>22260</v>
      </c>
      <c r="AD37" s="295">
        <v>58485</v>
      </c>
      <c r="AE37" s="295">
        <v>54045</v>
      </c>
      <c r="AF37" s="295">
        <v>30255</v>
      </c>
      <c r="AG37" s="295">
        <v>2380</v>
      </c>
      <c r="AH37" s="298">
        <v>167425</v>
      </c>
      <c r="AI37" s="299">
        <v>167425</v>
      </c>
      <c r="AJ37" s="294">
        <v>0</v>
      </c>
      <c r="AK37" s="295">
        <v>0</v>
      </c>
      <c r="AL37" s="296">
        <v>0</v>
      </c>
      <c r="AM37" s="300"/>
      <c r="AN37" s="295">
        <v>0</v>
      </c>
      <c r="AO37" s="295">
        <v>0</v>
      </c>
      <c r="AP37" s="295">
        <v>0</v>
      </c>
      <c r="AQ37" s="295">
        <v>0</v>
      </c>
      <c r="AR37" s="295">
        <v>0</v>
      </c>
      <c r="AS37" s="298">
        <v>0</v>
      </c>
      <c r="AT37" s="299">
        <v>0</v>
      </c>
      <c r="AU37" s="294">
        <v>0</v>
      </c>
      <c r="AV37" s="295">
        <v>0</v>
      </c>
      <c r="AW37" s="296">
        <v>0</v>
      </c>
      <c r="AX37" s="300"/>
      <c r="AY37" s="295">
        <v>0</v>
      </c>
      <c r="AZ37" s="295">
        <v>32060</v>
      </c>
      <c r="BA37" s="295">
        <v>0</v>
      </c>
      <c r="BB37" s="295">
        <v>20260</v>
      </c>
      <c r="BC37" s="295">
        <v>0</v>
      </c>
      <c r="BD37" s="298">
        <v>52320</v>
      </c>
      <c r="BE37" s="299">
        <v>52320</v>
      </c>
      <c r="BF37" s="294">
        <v>0</v>
      </c>
      <c r="BG37" s="295">
        <v>0</v>
      </c>
      <c r="BH37" s="296">
        <v>0</v>
      </c>
      <c r="BI37" s="300"/>
      <c r="BJ37" s="295">
        <v>0</v>
      </c>
      <c r="BK37" s="295">
        <v>0</v>
      </c>
      <c r="BL37" s="295">
        <v>0</v>
      </c>
      <c r="BM37" s="295">
        <v>0</v>
      </c>
      <c r="BN37" s="295">
        <v>0</v>
      </c>
      <c r="BO37" s="298">
        <v>0</v>
      </c>
      <c r="BP37" s="299">
        <v>0</v>
      </c>
      <c r="BQ37" s="294">
        <v>0</v>
      </c>
      <c r="BR37" s="295">
        <v>0</v>
      </c>
      <c r="BS37" s="296">
        <v>0</v>
      </c>
      <c r="BT37" s="297">
        <v>0</v>
      </c>
      <c r="BU37" s="295">
        <v>0</v>
      </c>
      <c r="BV37" s="295">
        <v>0</v>
      </c>
      <c r="BW37" s="295">
        <v>290</v>
      </c>
      <c r="BX37" s="295">
        <v>0</v>
      </c>
      <c r="BY37" s="295">
        <v>0</v>
      </c>
      <c r="BZ37" s="298">
        <v>290</v>
      </c>
      <c r="CA37" s="299">
        <v>290</v>
      </c>
      <c r="CB37" s="294">
        <v>0</v>
      </c>
      <c r="CC37" s="295">
        <v>0</v>
      </c>
      <c r="CD37" s="296">
        <v>0</v>
      </c>
      <c r="CE37" s="297">
        <v>0</v>
      </c>
      <c r="CF37" s="295">
        <v>0</v>
      </c>
      <c r="CG37" s="295">
        <v>0</v>
      </c>
      <c r="CH37" s="295">
        <v>0</v>
      </c>
      <c r="CI37" s="295">
        <v>5435</v>
      </c>
      <c r="CJ37" s="295">
        <v>0</v>
      </c>
      <c r="CK37" s="298">
        <v>5435</v>
      </c>
      <c r="CL37" s="299">
        <v>5435</v>
      </c>
      <c r="CM37" s="294">
        <v>0</v>
      </c>
      <c r="CN37" s="295">
        <v>0</v>
      </c>
      <c r="CO37" s="296">
        <v>0</v>
      </c>
      <c r="CP37" s="297">
        <v>0</v>
      </c>
      <c r="CQ37" s="295">
        <v>0</v>
      </c>
      <c r="CR37" s="295">
        <v>0</v>
      </c>
      <c r="CS37" s="295">
        <v>0</v>
      </c>
      <c r="CT37" s="295">
        <v>0</v>
      </c>
      <c r="CU37" s="295">
        <v>0</v>
      </c>
      <c r="CV37" s="298">
        <v>0</v>
      </c>
      <c r="CW37" s="299">
        <v>0</v>
      </c>
      <c r="CX37" s="294">
        <v>0</v>
      </c>
      <c r="CY37" s="295">
        <v>0</v>
      </c>
      <c r="CZ37" s="296">
        <v>0</v>
      </c>
      <c r="DA37" s="300"/>
      <c r="DB37" s="295">
        <v>0</v>
      </c>
      <c r="DC37" s="295">
        <v>0</v>
      </c>
      <c r="DD37" s="295">
        <v>0</v>
      </c>
      <c r="DE37" s="295">
        <v>0</v>
      </c>
      <c r="DF37" s="295">
        <v>0</v>
      </c>
      <c r="DG37" s="298">
        <v>0</v>
      </c>
      <c r="DH37" s="299">
        <v>0</v>
      </c>
      <c r="DI37" s="294">
        <v>0</v>
      </c>
      <c r="DJ37" s="295">
        <v>0</v>
      </c>
      <c r="DK37" s="296">
        <v>0</v>
      </c>
      <c r="DL37" s="297">
        <v>0</v>
      </c>
      <c r="DM37" s="295">
        <v>168</v>
      </c>
      <c r="DN37" s="295">
        <v>21658</v>
      </c>
      <c r="DO37" s="295">
        <v>95457</v>
      </c>
      <c r="DP37" s="295">
        <v>266378</v>
      </c>
      <c r="DQ37" s="295">
        <v>151460</v>
      </c>
      <c r="DR37" s="298">
        <v>535121</v>
      </c>
      <c r="DS37" s="301">
        <v>535121</v>
      </c>
      <c r="DT37" s="294">
        <v>0</v>
      </c>
      <c r="DU37" s="295">
        <v>0</v>
      </c>
      <c r="DV37" s="296">
        <v>0</v>
      </c>
      <c r="DW37" s="300"/>
      <c r="DX37" s="295">
        <v>0</v>
      </c>
      <c r="DY37" s="295">
        <v>0</v>
      </c>
      <c r="DZ37" s="295">
        <v>91672</v>
      </c>
      <c r="EA37" s="295">
        <v>265440</v>
      </c>
      <c r="EB37" s="295">
        <v>151264</v>
      </c>
      <c r="EC37" s="298">
        <v>508376</v>
      </c>
      <c r="ED37" s="299">
        <v>508376</v>
      </c>
      <c r="EE37" s="294">
        <v>0</v>
      </c>
      <c r="EF37" s="295">
        <v>0</v>
      </c>
      <c r="EG37" s="296">
        <v>0</v>
      </c>
      <c r="EH37" s="300"/>
      <c r="EI37" s="295">
        <v>168</v>
      </c>
      <c r="EJ37" s="295">
        <v>11102</v>
      </c>
      <c r="EK37" s="295">
        <v>1001</v>
      </c>
      <c r="EL37" s="295">
        <v>686</v>
      </c>
      <c r="EM37" s="295">
        <v>196</v>
      </c>
      <c r="EN37" s="298">
        <v>13153</v>
      </c>
      <c r="EO37" s="299">
        <v>13153</v>
      </c>
      <c r="EP37" s="294">
        <v>0</v>
      </c>
      <c r="EQ37" s="295">
        <v>0</v>
      </c>
      <c r="ER37" s="296">
        <v>0</v>
      </c>
      <c r="ES37" s="300"/>
      <c r="ET37" s="295">
        <v>0</v>
      </c>
      <c r="EU37" s="295">
        <v>0</v>
      </c>
      <c r="EV37" s="295">
        <v>0</v>
      </c>
      <c r="EW37" s="295">
        <v>0</v>
      </c>
      <c r="EX37" s="295">
        <v>0</v>
      </c>
      <c r="EY37" s="298">
        <v>0</v>
      </c>
      <c r="EZ37" s="299">
        <v>0</v>
      </c>
      <c r="FA37" s="294">
        <v>0</v>
      </c>
      <c r="FB37" s="295">
        <v>0</v>
      </c>
      <c r="FC37" s="296">
        <v>0</v>
      </c>
      <c r="FD37" s="300"/>
      <c r="FE37" s="295">
        <v>0</v>
      </c>
      <c r="FF37" s="295">
        <v>10556</v>
      </c>
      <c r="FG37" s="295">
        <v>0</v>
      </c>
      <c r="FH37" s="295">
        <v>196</v>
      </c>
      <c r="FI37" s="295">
        <v>0</v>
      </c>
      <c r="FJ37" s="298">
        <v>10752</v>
      </c>
      <c r="FK37" s="299">
        <v>10752</v>
      </c>
      <c r="FL37" s="294">
        <v>0</v>
      </c>
      <c r="FM37" s="295">
        <v>0</v>
      </c>
      <c r="FN37" s="296">
        <v>0</v>
      </c>
      <c r="FO37" s="300"/>
      <c r="FP37" s="295">
        <v>0</v>
      </c>
      <c r="FQ37" s="295">
        <v>0</v>
      </c>
      <c r="FR37" s="295">
        <v>0</v>
      </c>
      <c r="FS37" s="295">
        <v>0</v>
      </c>
      <c r="FT37" s="295">
        <v>0</v>
      </c>
      <c r="FU37" s="298">
        <v>0</v>
      </c>
      <c r="FV37" s="299">
        <v>0</v>
      </c>
      <c r="FW37" s="294">
        <v>0</v>
      </c>
      <c r="FX37" s="295">
        <v>0</v>
      </c>
      <c r="FY37" s="296">
        <v>0</v>
      </c>
      <c r="FZ37" s="297">
        <v>0</v>
      </c>
      <c r="GA37" s="295">
        <v>0</v>
      </c>
      <c r="GB37" s="295">
        <v>0</v>
      </c>
      <c r="GC37" s="295">
        <v>2784</v>
      </c>
      <c r="GD37" s="295">
        <v>0</v>
      </c>
      <c r="GE37" s="295">
        <v>0</v>
      </c>
      <c r="GF37" s="298">
        <v>2784</v>
      </c>
      <c r="GG37" s="299">
        <v>2784</v>
      </c>
      <c r="GH37" s="294">
        <v>0</v>
      </c>
      <c r="GI37" s="295">
        <v>0</v>
      </c>
      <c r="GJ37" s="296">
        <v>0</v>
      </c>
      <c r="GK37" s="297">
        <v>0</v>
      </c>
      <c r="GL37" s="295">
        <v>0</v>
      </c>
      <c r="GM37" s="295">
        <v>0</v>
      </c>
      <c r="GN37" s="295">
        <v>0</v>
      </c>
      <c r="GO37" s="295">
        <v>56</v>
      </c>
      <c r="GP37" s="295">
        <v>0</v>
      </c>
      <c r="GQ37" s="298">
        <v>56</v>
      </c>
      <c r="GR37" s="299">
        <v>56</v>
      </c>
      <c r="GS37" s="294">
        <v>0</v>
      </c>
      <c r="GT37" s="295">
        <v>0</v>
      </c>
      <c r="GU37" s="296">
        <v>0</v>
      </c>
      <c r="GV37" s="297">
        <v>0</v>
      </c>
      <c r="GW37" s="295">
        <v>0</v>
      </c>
      <c r="GX37" s="295">
        <v>0</v>
      </c>
      <c r="GY37" s="295">
        <v>0</v>
      </c>
      <c r="GZ37" s="295">
        <v>0</v>
      </c>
      <c r="HA37" s="295">
        <v>0</v>
      </c>
      <c r="HB37" s="298">
        <v>0</v>
      </c>
      <c r="HC37" s="299">
        <v>0</v>
      </c>
      <c r="HD37" s="294">
        <v>0</v>
      </c>
      <c r="HE37" s="295">
        <v>0</v>
      </c>
      <c r="HF37" s="296">
        <v>0</v>
      </c>
      <c r="HG37" s="300"/>
      <c r="HH37" s="295">
        <v>0</v>
      </c>
      <c r="HI37" s="295">
        <v>0</v>
      </c>
      <c r="HJ37" s="295">
        <v>0</v>
      </c>
      <c r="HK37" s="295">
        <v>0</v>
      </c>
      <c r="HL37" s="295">
        <v>0</v>
      </c>
      <c r="HM37" s="298">
        <v>0</v>
      </c>
      <c r="HN37" s="299">
        <v>0</v>
      </c>
      <c r="HO37" s="294">
        <v>0</v>
      </c>
      <c r="HP37" s="295">
        <v>0</v>
      </c>
      <c r="HQ37" s="296">
        <v>0</v>
      </c>
      <c r="HR37" s="297">
        <v>0</v>
      </c>
      <c r="HS37" s="295">
        <v>22428</v>
      </c>
      <c r="HT37" s="295">
        <v>112203</v>
      </c>
      <c r="HU37" s="295">
        <v>186472</v>
      </c>
      <c r="HV37" s="295">
        <v>568448</v>
      </c>
      <c r="HW37" s="295">
        <v>280215</v>
      </c>
      <c r="HX37" s="298">
        <v>1169766</v>
      </c>
      <c r="HY37" s="299">
        <v>1169766</v>
      </c>
    </row>
    <row r="38" spans="2:233" ht="21" customHeight="1" x14ac:dyDescent="0.2">
      <c r="B38" s="292" t="s">
        <v>35</v>
      </c>
      <c r="C38" s="294">
        <v>0</v>
      </c>
      <c r="D38" s="295">
        <v>0</v>
      </c>
      <c r="E38" s="296">
        <v>0</v>
      </c>
      <c r="F38" s="297">
        <v>0</v>
      </c>
      <c r="G38" s="295">
        <v>250220</v>
      </c>
      <c r="H38" s="295">
        <v>219115</v>
      </c>
      <c r="I38" s="295">
        <v>588755</v>
      </c>
      <c r="J38" s="295">
        <v>527182</v>
      </c>
      <c r="K38" s="295">
        <v>428235</v>
      </c>
      <c r="L38" s="298">
        <v>2013507</v>
      </c>
      <c r="M38" s="299">
        <v>2013507</v>
      </c>
      <c r="N38" s="294">
        <v>0</v>
      </c>
      <c r="O38" s="295">
        <v>0</v>
      </c>
      <c r="P38" s="296">
        <v>0</v>
      </c>
      <c r="Q38" s="300"/>
      <c r="R38" s="295">
        <v>2380</v>
      </c>
      <c r="S38" s="295">
        <v>51800</v>
      </c>
      <c r="T38" s="295">
        <v>283980</v>
      </c>
      <c r="U38" s="295">
        <v>300770</v>
      </c>
      <c r="V38" s="295">
        <v>271440</v>
      </c>
      <c r="W38" s="298">
        <v>910370</v>
      </c>
      <c r="X38" s="299">
        <v>910370</v>
      </c>
      <c r="Y38" s="294">
        <v>0</v>
      </c>
      <c r="Z38" s="295">
        <v>0</v>
      </c>
      <c r="AA38" s="296">
        <v>0</v>
      </c>
      <c r="AB38" s="300"/>
      <c r="AC38" s="295">
        <v>177540</v>
      </c>
      <c r="AD38" s="295">
        <v>160295</v>
      </c>
      <c r="AE38" s="295">
        <v>230950</v>
      </c>
      <c r="AF38" s="295">
        <v>148965</v>
      </c>
      <c r="AG38" s="295">
        <v>0</v>
      </c>
      <c r="AH38" s="298">
        <v>717750</v>
      </c>
      <c r="AI38" s="299">
        <v>717750</v>
      </c>
      <c r="AJ38" s="294">
        <v>0</v>
      </c>
      <c r="AK38" s="295">
        <v>0</v>
      </c>
      <c r="AL38" s="296">
        <v>0</v>
      </c>
      <c r="AM38" s="300"/>
      <c r="AN38" s="295">
        <v>0</v>
      </c>
      <c r="AO38" s="295">
        <v>0</v>
      </c>
      <c r="AP38" s="295">
        <v>0</v>
      </c>
      <c r="AQ38" s="295">
        <v>0</v>
      </c>
      <c r="AR38" s="295">
        <v>0</v>
      </c>
      <c r="AS38" s="298">
        <v>0</v>
      </c>
      <c r="AT38" s="299">
        <v>0</v>
      </c>
      <c r="AU38" s="294">
        <v>0</v>
      </c>
      <c r="AV38" s="295">
        <v>0</v>
      </c>
      <c r="AW38" s="296">
        <v>0</v>
      </c>
      <c r="AX38" s="300"/>
      <c r="AY38" s="295">
        <v>62835</v>
      </c>
      <c r="AZ38" s="295">
        <v>1445</v>
      </c>
      <c r="BA38" s="295">
        <v>64120</v>
      </c>
      <c r="BB38" s="295">
        <v>54320</v>
      </c>
      <c r="BC38" s="295">
        <v>152880</v>
      </c>
      <c r="BD38" s="298">
        <v>335600</v>
      </c>
      <c r="BE38" s="299">
        <v>335600</v>
      </c>
      <c r="BF38" s="294">
        <v>0</v>
      </c>
      <c r="BG38" s="295">
        <v>0</v>
      </c>
      <c r="BH38" s="296">
        <v>0</v>
      </c>
      <c r="BI38" s="300"/>
      <c r="BJ38" s="295">
        <v>0</v>
      </c>
      <c r="BK38" s="295">
        <v>0</v>
      </c>
      <c r="BL38" s="295">
        <v>0</v>
      </c>
      <c r="BM38" s="295">
        <v>0</v>
      </c>
      <c r="BN38" s="295">
        <v>0</v>
      </c>
      <c r="BO38" s="298">
        <v>0</v>
      </c>
      <c r="BP38" s="299">
        <v>0</v>
      </c>
      <c r="BQ38" s="294">
        <v>0</v>
      </c>
      <c r="BR38" s="295">
        <v>0</v>
      </c>
      <c r="BS38" s="296">
        <v>0</v>
      </c>
      <c r="BT38" s="297">
        <v>0</v>
      </c>
      <c r="BU38" s="295">
        <v>7465</v>
      </c>
      <c r="BV38" s="295">
        <v>2905</v>
      </c>
      <c r="BW38" s="295">
        <v>8455</v>
      </c>
      <c r="BX38" s="295">
        <v>23127</v>
      </c>
      <c r="BY38" s="295">
        <v>3915</v>
      </c>
      <c r="BZ38" s="298">
        <v>45867</v>
      </c>
      <c r="CA38" s="299">
        <v>45867</v>
      </c>
      <c r="CB38" s="294">
        <v>0</v>
      </c>
      <c r="CC38" s="295">
        <v>0</v>
      </c>
      <c r="CD38" s="296">
        <v>0</v>
      </c>
      <c r="CE38" s="297">
        <v>0</v>
      </c>
      <c r="CF38" s="295">
        <v>0</v>
      </c>
      <c r="CG38" s="295">
        <v>2670</v>
      </c>
      <c r="CH38" s="295">
        <v>1250</v>
      </c>
      <c r="CI38" s="295">
        <v>0</v>
      </c>
      <c r="CJ38" s="295">
        <v>0</v>
      </c>
      <c r="CK38" s="298">
        <v>3920</v>
      </c>
      <c r="CL38" s="299">
        <v>3920</v>
      </c>
      <c r="CM38" s="294">
        <v>0</v>
      </c>
      <c r="CN38" s="295">
        <v>0</v>
      </c>
      <c r="CO38" s="296">
        <v>0</v>
      </c>
      <c r="CP38" s="297">
        <v>0</v>
      </c>
      <c r="CQ38" s="295">
        <v>0</v>
      </c>
      <c r="CR38" s="295">
        <v>0</v>
      </c>
      <c r="CS38" s="295">
        <v>0</v>
      </c>
      <c r="CT38" s="295">
        <v>0</v>
      </c>
      <c r="CU38" s="295">
        <v>0</v>
      </c>
      <c r="CV38" s="298">
        <v>0</v>
      </c>
      <c r="CW38" s="299">
        <v>0</v>
      </c>
      <c r="CX38" s="294">
        <v>0</v>
      </c>
      <c r="CY38" s="295">
        <v>0</v>
      </c>
      <c r="CZ38" s="296">
        <v>0</v>
      </c>
      <c r="DA38" s="300"/>
      <c r="DB38" s="295">
        <v>0</v>
      </c>
      <c r="DC38" s="295">
        <v>0</v>
      </c>
      <c r="DD38" s="295">
        <v>0</v>
      </c>
      <c r="DE38" s="295">
        <v>0</v>
      </c>
      <c r="DF38" s="295">
        <v>0</v>
      </c>
      <c r="DG38" s="298">
        <v>0</v>
      </c>
      <c r="DH38" s="299">
        <v>0</v>
      </c>
      <c r="DI38" s="294">
        <v>0</v>
      </c>
      <c r="DJ38" s="295">
        <v>0</v>
      </c>
      <c r="DK38" s="296">
        <v>0</v>
      </c>
      <c r="DL38" s="297">
        <v>0</v>
      </c>
      <c r="DM38" s="295">
        <v>53184</v>
      </c>
      <c r="DN38" s="295">
        <v>52662</v>
      </c>
      <c r="DO38" s="295">
        <v>391193</v>
      </c>
      <c r="DP38" s="295">
        <v>360096</v>
      </c>
      <c r="DQ38" s="295">
        <v>284017</v>
      </c>
      <c r="DR38" s="298">
        <v>1141152</v>
      </c>
      <c r="DS38" s="301">
        <v>1141152</v>
      </c>
      <c r="DT38" s="294">
        <v>0</v>
      </c>
      <c r="DU38" s="295">
        <v>0</v>
      </c>
      <c r="DV38" s="296">
        <v>0</v>
      </c>
      <c r="DW38" s="300"/>
      <c r="DX38" s="295">
        <v>13580</v>
      </c>
      <c r="DY38" s="295">
        <v>33068</v>
      </c>
      <c r="DZ38" s="295">
        <v>358948</v>
      </c>
      <c r="EA38" s="295">
        <v>302229</v>
      </c>
      <c r="EB38" s="295">
        <v>228306</v>
      </c>
      <c r="EC38" s="298">
        <v>936131</v>
      </c>
      <c r="ED38" s="299">
        <v>936131</v>
      </c>
      <c r="EE38" s="294">
        <v>0</v>
      </c>
      <c r="EF38" s="295">
        <v>0</v>
      </c>
      <c r="EG38" s="296">
        <v>0</v>
      </c>
      <c r="EH38" s="300"/>
      <c r="EI38" s="295">
        <v>17246</v>
      </c>
      <c r="EJ38" s="295">
        <v>2149</v>
      </c>
      <c r="EK38" s="295">
        <v>1890</v>
      </c>
      <c r="EL38" s="295">
        <v>1589</v>
      </c>
      <c r="EM38" s="295">
        <v>0</v>
      </c>
      <c r="EN38" s="298">
        <v>22874</v>
      </c>
      <c r="EO38" s="299">
        <v>22874</v>
      </c>
      <c r="EP38" s="294">
        <v>0</v>
      </c>
      <c r="EQ38" s="295">
        <v>0</v>
      </c>
      <c r="ER38" s="296">
        <v>0</v>
      </c>
      <c r="ES38" s="300"/>
      <c r="ET38" s="295">
        <v>0</v>
      </c>
      <c r="EU38" s="295">
        <v>0</v>
      </c>
      <c r="EV38" s="295">
        <v>0</v>
      </c>
      <c r="EW38" s="295">
        <v>0</v>
      </c>
      <c r="EX38" s="295">
        <v>0</v>
      </c>
      <c r="EY38" s="298">
        <v>0</v>
      </c>
      <c r="EZ38" s="299">
        <v>0</v>
      </c>
      <c r="FA38" s="294">
        <v>0</v>
      </c>
      <c r="FB38" s="295">
        <v>0</v>
      </c>
      <c r="FC38" s="296">
        <v>0</v>
      </c>
      <c r="FD38" s="300"/>
      <c r="FE38" s="295">
        <v>10948</v>
      </c>
      <c r="FF38" s="295">
        <v>119</v>
      </c>
      <c r="FG38" s="295">
        <v>21112</v>
      </c>
      <c r="FH38" s="295">
        <v>10752</v>
      </c>
      <c r="FI38" s="295">
        <v>42616</v>
      </c>
      <c r="FJ38" s="298">
        <v>85547</v>
      </c>
      <c r="FK38" s="299">
        <v>85547</v>
      </c>
      <c r="FL38" s="294">
        <v>0</v>
      </c>
      <c r="FM38" s="295">
        <v>0</v>
      </c>
      <c r="FN38" s="296">
        <v>0</v>
      </c>
      <c r="FO38" s="300"/>
      <c r="FP38" s="295">
        <v>0</v>
      </c>
      <c r="FQ38" s="295">
        <v>0</v>
      </c>
      <c r="FR38" s="295">
        <v>0</v>
      </c>
      <c r="FS38" s="295">
        <v>0</v>
      </c>
      <c r="FT38" s="295">
        <v>0</v>
      </c>
      <c r="FU38" s="298">
        <v>0</v>
      </c>
      <c r="FV38" s="299">
        <v>0</v>
      </c>
      <c r="FW38" s="294">
        <v>0</v>
      </c>
      <c r="FX38" s="295">
        <v>0</v>
      </c>
      <c r="FY38" s="296">
        <v>0</v>
      </c>
      <c r="FZ38" s="297">
        <v>0</v>
      </c>
      <c r="GA38" s="295">
        <v>11410</v>
      </c>
      <c r="GB38" s="295">
        <v>15016</v>
      </c>
      <c r="GC38" s="295">
        <v>9215</v>
      </c>
      <c r="GD38" s="295">
        <v>45526</v>
      </c>
      <c r="GE38" s="295">
        <v>13095</v>
      </c>
      <c r="GF38" s="298">
        <v>94262</v>
      </c>
      <c r="GG38" s="299">
        <v>94262</v>
      </c>
      <c r="GH38" s="294">
        <v>0</v>
      </c>
      <c r="GI38" s="295">
        <v>0</v>
      </c>
      <c r="GJ38" s="296">
        <v>0</v>
      </c>
      <c r="GK38" s="297">
        <v>0</v>
      </c>
      <c r="GL38" s="295">
        <v>0</v>
      </c>
      <c r="GM38" s="295">
        <v>2310</v>
      </c>
      <c r="GN38" s="295">
        <v>28</v>
      </c>
      <c r="GO38" s="295">
        <v>0</v>
      </c>
      <c r="GP38" s="295">
        <v>0</v>
      </c>
      <c r="GQ38" s="298">
        <v>2338</v>
      </c>
      <c r="GR38" s="299">
        <v>2338</v>
      </c>
      <c r="GS38" s="294">
        <v>0</v>
      </c>
      <c r="GT38" s="295">
        <v>0</v>
      </c>
      <c r="GU38" s="296">
        <v>0</v>
      </c>
      <c r="GV38" s="297">
        <v>0</v>
      </c>
      <c r="GW38" s="295">
        <v>0</v>
      </c>
      <c r="GX38" s="295">
        <v>0</v>
      </c>
      <c r="GY38" s="295">
        <v>0</v>
      </c>
      <c r="GZ38" s="295">
        <v>0</v>
      </c>
      <c r="HA38" s="295">
        <v>0</v>
      </c>
      <c r="HB38" s="298">
        <v>0</v>
      </c>
      <c r="HC38" s="299">
        <v>0</v>
      </c>
      <c r="HD38" s="294">
        <v>0</v>
      </c>
      <c r="HE38" s="295">
        <v>0</v>
      </c>
      <c r="HF38" s="296">
        <v>0</v>
      </c>
      <c r="HG38" s="300"/>
      <c r="HH38" s="295">
        <v>0</v>
      </c>
      <c r="HI38" s="295">
        <v>0</v>
      </c>
      <c r="HJ38" s="295">
        <v>0</v>
      </c>
      <c r="HK38" s="295">
        <v>0</v>
      </c>
      <c r="HL38" s="295">
        <v>0</v>
      </c>
      <c r="HM38" s="298">
        <v>0</v>
      </c>
      <c r="HN38" s="299">
        <v>0</v>
      </c>
      <c r="HO38" s="294">
        <v>0</v>
      </c>
      <c r="HP38" s="295">
        <v>0</v>
      </c>
      <c r="HQ38" s="296">
        <v>0</v>
      </c>
      <c r="HR38" s="297">
        <v>0</v>
      </c>
      <c r="HS38" s="295">
        <v>303404</v>
      </c>
      <c r="HT38" s="295">
        <v>271777</v>
      </c>
      <c r="HU38" s="295">
        <v>979948</v>
      </c>
      <c r="HV38" s="295">
        <v>887278</v>
      </c>
      <c r="HW38" s="295">
        <v>712252</v>
      </c>
      <c r="HX38" s="298">
        <v>3154659</v>
      </c>
      <c r="HY38" s="299">
        <v>3154659</v>
      </c>
    </row>
    <row r="39" spans="2:233" ht="21" customHeight="1" x14ac:dyDescent="0.2">
      <c r="B39" s="292" t="s">
        <v>36</v>
      </c>
      <c r="C39" s="294">
        <v>0</v>
      </c>
      <c r="D39" s="295">
        <v>0</v>
      </c>
      <c r="E39" s="296">
        <v>0</v>
      </c>
      <c r="F39" s="297">
        <v>0</v>
      </c>
      <c r="G39" s="295">
        <v>162490</v>
      </c>
      <c r="H39" s="295">
        <v>163630</v>
      </c>
      <c r="I39" s="295">
        <v>748812</v>
      </c>
      <c r="J39" s="295">
        <v>730080</v>
      </c>
      <c r="K39" s="295">
        <v>595145</v>
      </c>
      <c r="L39" s="298">
        <v>2400157</v>
      </c>
      <c r="M39" s="299">
        <v>2400157</v>
      </c>
      <c r="N39" s="294">
        <v>0</v>
      </c>
      <c r="O39" s="295">
        <v>0</v>
      </c>
      <c r="P39" s="296">
        <v>0</v>
      </c>
      <c r="Q39" s="300"/>
      <c r="R39" s="295">
        <v>0</v>
      </c>
      <c r="S39" s="295">
        <v>29540</v>
      </c>
      <c r="T39" s="295">
        <v>467840</v>
      </c>
      <c r="U39" s="295">
        <v>456460</v>
      </c>
      <c r="V39" s="295">
        <v>424170</v>
      </c>
      <c r="W39" s="298">
        <v>1378010</v>
      </c>
      <c r="X39" s="299">
        <v>1378010</v>
      </c>
      <c r="Y39" s="294">
        <v>0</v>
      </c>
      <c r="Z39" s="295">
        <v>0</v>
      </c>
      <c r="AA39" s="296">
        <v>0</v>
      </c>
      <c r="AB39" s="300"/>
      <c r="AC39" s="295">
        <v>148285</v>
      </c>
      <c r="AD39" s="295">
        <v>96605</v>
      </c>
      <c r="AE39" s="295">
        <v>276332</v>
      </c>
      <c r="AF39" s="295">
        <v>224400</v>
      </c>
      <c r="AG39" s="295">
        <v>167840</v>
      </c>
      <c r="AH39" s="298">
        <v>913462</v>
      </c>
      <c r="AI39" s="299">
        <v>913462</v>
      </c>
      <c r="AJ39" s="294">
        <v>0</v>
      </c>
      <c r="AK39" s="295">
        <v>0</v>
      </c>
      <c r="AL39" s="296">
        <v>0</v>
      </c>
      <c r="AM39" s="300"/>
      <c r="AN39" s="295">
        <v>0</v>
      </c>
      <c r="AO39" s="295">
        <v>0</v>
      </c>
      <c r="AP39" s="295">
        <v>0</v>
      </c>
      <c r="AQ39" s="295">
        <v>0</v>
      </c>
      <c r="AR39" s="295">
        <v>0</v>
      </c>
      <c r="AS39" s="298">
        <v>0</v>
      </c>
      <c r="AT39" s="299">
        <v>0</v>
      </c>
      <c r="AU39" s="294">
        <v>0</v>
      </c>
      <c r="AV39" s="295">
        <v>0</v>
      </c>
      <c r="AW39" s="296">
        <v>0</v>
      </c>
      <c r="AX39" s="300"/>
      <c r="AY39" s="295">
        <v>0</v>
      </c>
      <c r="AZ39" s="295">
        <v>0</v>
      </c>
      <c r="BA39" s="295">
        <v>0</v>
      </c>
      <c r="BB39" s="295">
        <v>46900</v>
      </c>
      <c r="BC39" s="295">
        <v>0</v>
      </c>
      <c r="BD39" s="298">
        <v>46900</v>
      </c>
      <c r="BE39" s="299">
        <v>46900</v>
      </c>
      <c r="BF39" s="294">
        <v>0</v>
      </c>
      <c r="BG39" s="295">
        <v>0</v>
      </c>
      <c r="BH39" s="296">
        <v>0</v>
      </c>
      <c r="BI39" s="300"/>
      <c r="BJ39" s="295">
        <v>0</v>
      </c>
      <c r="BK39" s="295">
        <v>0</v>
      </c>
      <c r="BL39" s="295">
        <v>0</v>
      </c>
      <c r="BM39" s="295">
        <v>0</v>
      </c>
      <c r="BN39" s="295">
        <v>0</v>
      </c>
      <c r="BO39" s="298">
        <v>0</v>
      </c>
      <c r="BP39" s="299">
        <v>0</v>
      </c>
      <c r="BQ39" s="294">
        <v>0</v>
      </c>
      <c r="BR39" s="295">
        <v>0</v>
      </c>
      <c r="BS39" s="296">
        <v>0</v>
      </c>
      <c r="BT39" s="297">
        <v>0</v>
      </c>
      <c r="BU39" s="295">
        <v>14205</v>
      </c>
      <c r="BV39" s="295">
        <v>37485</v>
      </c>
      <c r="BW39" s="295">
        <v>4640</v>
      </c>
      <c r="BX39" s="295">
        <v>1300</v>
      </c>
      <c r="BY39" s="295">
        <v>3135</v>
      </c>
      <c r="BZ39" s="298">
        <v>60765</v>
      </c>
      <c r="CA39" s="299">
        <v>60765</v>
      </c>
      <c r="CB39" s="294">
        <v>0</v>
      </c>
      <c r="CC39" s="295">
        <v>0</v>
      </c>
      <c r="CD39" s="296">
        <v>0</v>
      </c>
      <c r="CE39" s="297">
        <v>0</v>
      </c>
      <c r="CF39" s="295">
        <v>0</v>
      </c>
      <c r="CG39" s="295">
        <v>0</v>
      </c>
      <c r="CH39" s="295">
        <v>0</v>
      </c>
      <c r="CI39" s="295">
        <v>1020</v>
      </c>
      <c r="CJ39" s="295">
        <v>0</v>
      </c>
      <c r="CK39" s="298">
        <v>1020</v>
      </c>
      <c r="CL39" s="299">
        <v>1020</v>
      </c>
      <c r="CM39" s="294">
        <v>0</v>
      </c>
      <c r="CN39" s="295">
        <v>0</v>
      </c>
      <c r="CO39" s="296">
        <v>0</v>
      </c>
      <c r="CP39" s="297">
        <v>0</v>
      </c>
      <c r="CQ39" s="295">
        <v>0</v>
      </c>
      <c r="CR39" s="295">
        <v>0</v>
      </c>
      <c r="CS39" s="295">
        <v>0</v>
      </c>
      <c r="CT39" s="295">
        <v>0</v>
      </c>
      <c r="CU39" s="295">
        <v>0</v>
      </c>
      <c r="CV39" s="298">
        <v>0</v>
      </c>
      <c r="CW39" s="299">
        <v>0</v>
      </c>
      <c r="CX39" s="294">
        <v>0</v>
      </c>
      <c r="CY39" s="295">
        <v>0</v>
      </c>
      <c r="CZ39" s="296">
        <v>0</v>
      </c>
      <c r="DA39" s="300"/>
      <c r="DB39" s="295">
        <v>0</v>
      </c>
      <c r="DC39" s="295">
        <v>0</v>
      </c>
      <c r="DD39" s="295">
        <v>0</v>
      </c>
      <c r="DE39" s="295">
        <v>0</v>
      </c>
      <c r="DF39" s="295">
        <v>0</v>
      </c>
      <c r="DG39" s="298">
        <v>0</v>
      </c>
      <c r="DH39" s="299">
        <v>0</v>
      </c>
      <c r="DI39" s="294">
        <v>0</v>
      </c>
      <c r="DJ39" s="295">
        <v>0</v>
      </c>
      <c r="DK39" s="296">
        <v>0</v>
      </c>
      <c r="DL39" s="297">
        <v>0</v>
      </c>
      <c r="DM39" s="295">
        <v>52486</v>
      </c>
      <c r="DN39" s="295">
        <v>70223</v>
      </c>
      <c r="DO39" s="295">
        <v>571763</v>
      </c>
      <c r="DP39" s="295">
        <v>681002</v>
      </c>
      <c r="DQ39" s="295">
        <v>582915</v>
      </c>
      <c r="DR39" s="298">
        <v>1958389</v>
      </c>
      <c r="DS39" s="301">
        <v>1958389</v>
      </c>
      <c r="DT39" s="294">
        <v>0</v>
      </c>
      <c r="DU39" s="295">
        <v>0</v>
      </c>
      <c r="DV39" s="296">
        <v>0</v>
      </c>
      <c r="DW39" s="300"/>
      <c r="DX39" s="295">
        <v>0</v>
      </c>
      <c r="DY39" s="295">
        <v>13580</v>
      </c>
      <c r="DZ39" s="295">
        <v>532739</v>
      </c>
      <c r="EA39" s="295">
        <v>648497</v>
      </c>
      <c r="EB39" s="295">
        <v>574862</v>
      </c>
      <c r="EC39" s="298">
        <v>1769678</v>
      </c>
      <c r="ED39" s="299">
        <v>1769678</v>
      </c>
      <c r="EE39" s="294">
        <v>0</v>
      </c>
      <c r="EF39" s="295">
        <v>0</v>
      </c>
      <c r="EG39" s="296">
        <v>0</v>
      </c>
      <c r="EH39" s="300"/>
      <c r="EI39" s="295">
        <v>14650</v>
      </c>
      <c r="EJ39" s="295">
        <v>1428</v>
      </c>
      <c r="EK39" s="295">
        <v>14182</v>
      </c>
      <c r="EL39" s="295">
        <v>22785</v>
      </c>
      <c r="EM39" s="295">
        <v>2485</v>
      </c>
      <c r="EN39" s="298">
        <v>55530</v>
      </c>
      <c r="EO39" s="299">
        <v>55530</v>
      </c>
      <c r="EP39" s="294">
        <v>0</v>
      </c>
      <c r="EQ39" s="295">
        <v>0</v>
      </c>
      <c r="ER39" s="296">
        <v>0</v>
      </c>
      <c r="ES39" s="300"/>
      <c r="ET39" s="295">
        <v>0</v>
      </c>
      <c r="EU39" s="295">
        <v>0</v>
      </c>
      <c r="EV39" s="295">
        <v>0</v>
      </c>
      <c r="EW39" s="295">
        <v>0</v>
      </c>
      <c r="EX39" s="295">
        <v>0</v>
      </c>
      <c r="EY39" s="298">
        <v>0</v>
      </c>
      <c r="EZ39" s="299">
        <v>0</v>
      </c>
      <c r="FA39" s="294">
        <v>0</v>
      </c>
      <c r="FB39" s="295">
        <v>0</v>
      </c>
      <c r="FC39" s="296">
        <v>0</v>
      </c>
      <c r="FD39" s="300"/>
      <c r="FE39" s="295">
        <v>0</v>
      </c>
      <c r="FF39" s="295">
        <v>0</v>
      </c>
      <c r="FG39" s="295">
        <v>0</v>
      </c>
      <c r="FH39" s="295">
        <v>588</v>
      </c>
      <c r="FI39" s="295">
        <v>0</v>
      </c>
      <c r="FJ39" s="298">
        <v>588</v>
      </c>
      <c r="FK39" s="299">
        <v>588</v>
      </c>
      <c r="FL39" s="294">
        <v>0</v>
      </c>
      <c r="FM39" s="295">
        <v>0</v>
      </c>
      <c r="FN39" s="296">
        <v>0</v>
      </c>
      <c r="FO39" s="300"/>
      <c r="FP39" s="295">
        <v>0</v>
      </c>
      <c r="FQ39" s="295">
        <v>0</v>
      </c>
      <c r="FR39" s="295">
        <v>0</v>
      </c>
      <c r="FS39" s="295">
        <v>0</v>
      </c>
      <c r="FT39" s="295">
        <v>0</v>
      </c>
      <c r="FU39" s="298">
        <v>0</v>
      </c>
      <c r="FV39" s="299">
        <v>0</v>
      </c>
      <c r="FW39" s="294">
        <v>0</v>
      </c>
      <c r="FX39" s="295">
        <v>0</v>
      </c>
      <c r="FY39" s="296">
        <v>0</v>
      </c>
      <c r="FZ39" s="297">
        <v>0</v>
      </c>
      <c r="GA39" s="295">
        <v>37836</v>
      </c>
      <c r="GB39" s="295">
        <v>55215</v>
      </c>
      <c r="GC39" s="295">
        <v>24842</v>
      </c>
      <c r="GD39" s="295">
        <v>9048</v>
      </c>
      <c r="GE39" s="295">
        <v>5568</v>
      </c>
      <c r="GF39" s="298">
        <v>132509</v>
      </c>
      <c r="GG39" s="299">
        <v>132509</v>
      </c>
      <c r="GH39" s="294">
        <v>0</v>
      </c>
      <c r="GI39" s="295">
        <v>0</v>
      </c>
      <c r="GJ39" s="296">
        <v>0</v>
      </c>
      <c r="GK39" s="297">
        <v>0</v>
      </c>
      <c r="GL39" s="295">
        <v>0</v>
      </c>
      <c r="GM39" s="295">
        <v>0</v>
      </c>
      <c r="GN39" s="295">
        <v>0</v>
      </c>
      <c r="GO39" s="295">
        <v>84</v>
      </c>
      <c r="GP39" s="295">
        <v>0</v>
      </c>
      <c r="GQ39" s="298">
        <v>84</v>
      </c>
      <c r="GR39" s="299">
        <v>84</v>
      </c>
      <c r="GS39" s="294">
        <v>0</v>
      </c>
      <c r="GT39" s="295">
        <v>0</v>
      </c>
      <c r="GU39" s="296">
        <v>0</v>
      </c>
      <c r="GV39" s="297">
        <v>0</v>
      </c>
      <c r="GW39" s="295">
        <v>0</v>
      </c>
      <c r="GX39" s="295">
        <v>0</v>
      </c>
      <c r="GY39" s="295">
        <v>0</v>
      </c>
      <c r="GZ39" s="295">
        <v>0</v>
      </c>
      <c r="HA39" s="295">
        <v>0</v>
      </c>
      <c r="HB39" s="298">
        <v>0</v>
      </c>
      <c r="HC39" s="299">
        <v>0</v>
      </c>
      <c r="HD39" s="294">
        <v>0</v>
      </c>
      <c r="HE39" s="295">
        <v>0</v>
      </c>
      <c r="HF39" s="296">
        <v>0</v>
      </c>
      <c r="HG39" s="300"/>
      <c r="HH39" s="295">
        <v>0</v>
      </c>
      <c r="HI39" s="295">
        <v>0</v>
      </c>
      <c r="HJ39" s="295">
        <v>0</v>
      </c>
      <c r="HK39" s="295">
        <v>0</v>
      </c>
      <c r="HL39" s="295">
        <v>0</v>
      </c>
      <c r="HM39" s="298">
        <v>0</v>
      </c>
      <c r="HN39" s="299">
        <v>0</v>
      </c>
      <c r="HO39" s="294">
        <v>0</v>
      </c>
      <c r="HP39" s="295">
        <v>0</v>
      </c>
      <c r="HQ39" s="296">
        <v>0</v>
      </c>
      <c r="HR39" s="297">
        <v>0</v>
      </c>
      <c r="HS39" s="295">
        <v>214976</v>
      </c>
      <c r="HT39" s="295">
        <v>233853</v>
      </c>
      <c r="HU39" s="295">
        <v>1320575</v>
      </c>
      <c r="HV39" s="295">
        <v>1411082</v>
      </c>
      <c r="HW39" s="295">
        <v>1178060</v>
      </c>
      <c r="HX39" s="298">
        <v>4358546</v>
      </c>
      <c r="HY39" s="299">
        <v>4358546</v>
      </c>
    </row>
    <row r="40" spans="2:233" ht="21" customHeight="1" thickBot="1" x14ac:dyDescent="0.25">
      <c r="B40" s="293" t="s">
        <v>37</v>
      </c>
      <c r="C40" s="302">
        <v>0</v>
      </c>
      <c r="D40" s="303">
        <v>0</v>
      </c>
      <c r="E40" s="304">
        <v>0</v>
      </c>
      <c r="F40" s="305">
        <v>0</v>
      </c>
      <c r="G40" s="303">
        <v>1690</v>
      </c>
      <c r="H40" s="303">
        <v>0</v>
      </c>
      <c r="I40" s="303">
        <v>138460</v>
      </c>
      <c r="J40" s="303">
        <v>36685</v>
      </c>
      <c r="K40" s="303">
        <v>31920</v>
      </c>
      <c r="L40" s="306">
        <v>208755</v>
      </c>
      <c r="M40" s="307">
        <v>208755</v>
      </c>
      <c r="N40" s="302">
        <v>0</v>
      </c>
      <c r="O40" s="303">
        <v>0</v>
      </c>
      <c r="P40" s="304">
        <v>0</v>
      </c>
      <c r="Q40" s="308"/>
      <c r="R40" s="303">
        <v>0</v>
      </c>
      <c r="S40" s="303">
        <v>0</v>
      </c>
      <c r="T40" s="303">
        <v>68515</v>
      </c>
      <c r="U40" s="303">
        <v>2380</v>
      </c>
      <c r="V40" s="303">
        <v>31920</v>
      </c>
      <c r="W40" s="306">
        <v>102815</v>
      </c>
      <c r="X40" s="307">
        <v>102815</v>
      </c>
      <c r="Y40" s="302">
        <v>0</v>
      </c>
      <c r="Z40" s="303">
        <v>0</v>
      </c>
      <c r="AA40" s="304">
        <v>0</v>
      </c>
      <c r="AB40" s="308"/>
      <c r="AC40" s="303">
        <v>0</v>
      </c>
      <c r="AD40" s="303">
        <v>0</v>
      </c>
      <c r="AE40" s="303">
        <v>66105</v>
      </c>
      <c r="AF40" s="303">
        <v>34305</v>
      </c>
      <c r="AG40" s="303">
        <v>0</v>
      </c>
      <c r="AH40" s="306">
        <v>100410</v>
      </c>
      <c r="AI40" s="307">
        <v>100410</v>
      </c>
      <c r="AJ40" s="302">
        <v>0</v>
      </c>
      <c r="AK40" s="303">
        <v>0</v>
      </c>
      <c r="AL40" s="304">
        <v>0</v>
      </c>
      <c r="AM40" s="308"/>
      <c r="AN40" s="303">
        <v>0</v>
      </c>
      <c r="AO40" s="303">
        <v>0</v>
      </c>
      <c r="AP40" s="303">
        <v>0</v>
      </c>
      <c r="AQ40" s="303">
        <v>0</v>
      </c>
      <c r="AR40" s="303">
        <v>0</v>
      </c>
      <c r="AS40" s="306">
        <v>0</v>
      </c>
      <c r="AT40" s="307">
        <v>0</v>
      </c>
      <c r="AU40" s="302">
        <v>0</v>
      </c>
      <c r="AV40" s="303">
        <v>0</v>
      </c>
      <c r="AW40" s="304">
        <v>0</v>
      </c>
      <c r="AX40" s="308"/>
      <c r="AY40" s="303">
        <v>0</v>
      </c>
      <c r="AZ40" s="303">
        <v>0</v>
      </c>
      <c r="BA40" s="303">
        <v>0</v>
      </c>
      <c r="BB40" s="303">
        <v>0</v>
      </c>
      <c r="BC40" s="303">
        <v>0</v>
      </c>
      <c r="BD40" s="306">
        <v>0</v>
      </c>
      <c r="BE40" s="307">
        <v>0</v>
      </c>
      <c r="BF40" s="302">
        <v>0</v>
      </c>
      <c r="BG40" s="303">
        <v>0</v>
      </c>
      <c r="BH40" s="304">
        <v>0</v>
      </c>
      <c r="BI40" s="308"/>
      <c r="BJ40" s="303">
        <v>0</v>
      </c>
      <c r="BK40" s="303">
        <v>0</v>
      </c>
      <c r="BL40" s="303">
        <v>0</v>
      </c>
      <c r="BM40" s="303">
        <v>0</v>
      </c>
      <c r="BN40" s="303">
        <v>0</v>
      </c>
      <c r="BO40" s="306">
        <v>0</v>
      </c>
      <c r="BP40" s="307">
        <v>0</v>
      </c>
      <c r="BQ40" s="302">
        <v>0</v>
      </c>
      <c r="BR40" s="303">
        <v>0</v>
      </c>
      <c r="BS40" s="304">
        <v>0</v>
      </c>
      <c r="BT40" s="305">
        <v>0</v>
      </c>
      <c r="BU40" s="303">
        <v>0</v>
      </c>
      <c r="BV40" s="303">
        <v>0</v>
      </c>
      <c r="BW40" s="303">
        <v>3840</v>
      </c>
      <c r="BX40" s="303">
        <v>0</v>
      </c>
      <c r="BY40" s="303">
        <v>0</v>
      </c>
      <c r="BZ40" s="306">
        <v>3840</v>
      </c>
      <c r="CA40" s="307">
        <v>3840</v>
      </c>
      <c r="CB40" s="302">
        <v>0</v>
      </c>
      <c r="CC40" s="303">
        <v>0</v>
      </c>
      <c r="CD40" s="304">
        <v>0</v>
      </c>
      <c r="CE40" s="305">
        <v>0</v>
      </c>
      <c r="CF40" s="303">
        <v>1690</v>
      </c>
      <c r="CG40" s="303">
        <v>0</v>
      </c>
      <c r="CH40" s="303">
        <v>0</v>
      </c>
      <c r="CI40" s="303">
        <v>0</v>
      </c>
      <c r="CJ40" s="303">
        <v>0</v>
      </c>
      <c r="CK40" s="306">
        <v>1690</v>
      </c>
      <c r="CL40" s="307">
        <v>1690</v>
      </c>
      <c r="CM40" s="302">
        <v>0</v>
      </c>
      <c r="CN40" s="303">
        <v>0</v>
      </c>
      <c r="CO40" s="304">
        <v>0</v>
      </c>
      <c r="CP40" s="305">
        <v>0</v>
      </c>
      <c r="CQ40" s="303">
        <v>0</v>
      </c>
      <c r="CR40" s="303">
        <v>0</v>
      </c>
      <c r="CS40" s="303">
        <v>0</v>
      </c>
      <c r="CT40" s="303">
        <v>0</v>
      </c>
      <c r="CU40" s="303">
        <v>0</v>
      </c>
      <c r="CV40" s="306">
        <v>0</v>
      </c>
      <c r="CW40" s="307">
        <v>0</v>
      </c>
      <c r="CX40" s="302">
        <v>0</v>
      </c>
      <c r="CY40" s="303">
        <v>0</v>
      </c>
      <c r="CZ40" s="304">
        <v>0</v>
      </c>
      <c r="DA40" s="308"/>
      <c r="DB40" s="303">
        <v>0</v>
      </c>
      <c r="DC40" s="303">
        <v>0</v>
      </c>
      <c r="DD40" s="303">
        <v>0</v>
      </c>
      <c r="DE40" s="303">
        <v>0</v>
      </c>
      <c r="DF40" s="303">
        <v>0</v>
      </c>
      <c r="DG40" s="306">
        <v>0</v>
      </c>
      <c r="DH40" s="307">
        <v>0</v>
      </c>
      <c r="DI40" s="302">
        <v>0</v>
      </c>
      <c r="DJ40" s="303">
        <v>0</v>
      </c>
      <c r="DK40" s="304">
        <v>0</v>
      </c>
      <c r="DL40" s="305">
        <v>0</v>
      </c>
      <c r="DM40" s="303">
        <v>14</v>
      </c>
      <c r="DN40" s="303">
        <v>0</v>
      </c>
      <c r="DO40" s="303">
        <v>131427</v>
      </c>
      <c r="DP40" s="303">
        <v>13993</v>
      </c>
      <c r="DQ40" s="303">
        <v>27160</v>
      </c>
      <c r="DR40" s="306">
        <v>172594</v>
      </c>
      <c r="DS40" s="309">
        <v>172594</v>
      </c>
      <c r="DT40" s="302">
        <v>0</v>
      </c>
      <c r="DU40" s="303">
        <v>0</v>
      </c>
      <c r="DV40" s="304">
        <v>0</v>
      </c>
      <c r="DW40" s="308"/>
      <c r="DX40" s="303">
        <v>0</v>
      </c>
      <c r="DY40" s="303">
        <v>0</v>
      </c>
      <c r="DZ40" s="303">
        <v>118832</v>
      </c>
      <c r="EA40" s="303">
        <v>13580</v>
      </c>
      <c r="EB40" s="303">
        <v>27160</v>
      </c>
      <c r="EC40" s="306">
        <v>159572</v>
      </c>
      <c r="ED40" s="307">
        <v>159572</v>
      </c>
      <c r="EE40" s="302">
        <v>0</v>
      </c>
      <c r="EF40" s="303">
        <v>0</v>
      </c>
      <c r="EG40" s="304">
        <v>0</v>
      </c>
      <c r="EH40" s="308"/>
      <c r="EI40" s="303">
        <v>0</v>
      </c>
      <c r="EJ40" s="303">
        <v>0</v>
      </c>
      <c r="EK40" s="303">
        <v>700</v>
      </c>
      <c r="EL40" s="303">
        <v>413</v>
      </c>
      <c r="EM40" s="303">
        <v>0</v>
      </c>
      <c r="EN40" s="306">
        <v>1113</v>
      </c>
      <c r="EO40" s="307">
        <v>1113</v>
      </c>
      <c r="EP40" s="302">
        <v>0</v>
      </c>
      <c r="EQ40" s="303">
        <v>0</v>
      </c>
      <c r="ER40" s="304">
        <v>0</v>
      </c>
      <c r="ES40" s="308"/>
      <c r="ET40" s="303">
        <v>0</v>
      </c>
      <c r="EU40" s="303">
        <v>0</v>
      </c>
      <c r="EV40" s="303">
        <v>0</v>
      </c>
      <c r="EW40" s="303">
        <v>0</v>
      </c>
      <c r="EX40" s="303">
        <v>0</v>
      </c>
      <c r="EY40" s="306">
        <v>0</v>
      </c>
      <c r="EZ40" s="307">
        <v>0</v>
      </c>
      <c r="FA40" s="302">
        <v>0</v>
      </c>
      <c r="FB40" s="303">
        <v>0</v>
      </c>
      <c r="FC40" s="304">
        <v>0</v>
      </c>
      <c r="FD40" s="308"/>
      <c r="FE40" s="303">
        <v>0</v>
      </c>
      <c r="FF40" s="303">
        <v>0</v>
      </c>
      <c r="FG40" s="303">
        <v>0</v>
      </c>
      <c r="FH40" s="303">
        <v>0</v>
      </c>
      <c r="FI40" s="303">
        <v>0</v>
      </c>
      <c r="FJ40" s="306">
        <v>0</v>
      </c>
      <c r="FK40" s="307">
        <v>0</v>
      </c>
      <c r="FL40" s="302">
        <v>0</v>
      </c>
      <c r="FM40" s="303">
        <v>0</v>
      </c>
      <c r="FN40" s="304">
        <v>0</v>
      </c>
      <c r="FO40" s="308"/>
      <c r="FP40" s="303">
        <v>0</v>
      </c>
      <c r="FQ40" s="303">
        <v>0</v>
      </c>
      <c r="FR40" s="303">
        <v>0</v>
      </c>
      <c r="FS40" s="303">
        <v>0</v>
      </c>
      <c r="FT40" s="303">
        <v>0</v>
      </c>
      <c r="FU40" s="306">
        <v>0</v>
      </c>
      <c r="FV40" s="307">
        <v>0</v>
      </c>
      <c r="FW40" s="302">
        <v>0</v>
      </c>
      <c r="FX40" s="303">
        <v>0</v>
      </c>
      <c r="FY40" s="304">
        <v>0</v>
      </c>
      <c r="FZ40" s="305">
        <v>0</v>
      </c>
      <c r="GA40" s="303">
        <v>0</v>
      </c>
      <c r="GB40" s="303">
        <v>0</v>
      </c>
      <c r="GC40" s="303">
        <v>11895</v>
      </c>
      <c r="GD40" s="303">
        <v>0</v>
      </c>
      <c r="GE40" s="303">
        <v>0</v>
      </c>
      <c r="GF40" s="306">
        <v>11895</v>
      </c>
      <c r="GG40" s="307">
        <v>11895</v>
      </c>
      <c r="GH40" s="302">
        <v>0</v>
      </c>
      <c r="GI40" s="303">
        <v>0</v>
      </c>
      <c r="GJ40" s="304">
        <v>0</v>
      </c>
      <c r="GK40" s="305">
        <v>0</v>
      </c>
      <c r="GL40" s="303">
        <v>14</v>
      </c>
      <c r="GM40" s="303">
        <v>0</v>
      </c>
      <c r="GN40" s="303">
        <v>0</v>
      </c>
      <c r="GO40" s="303">
        <v>0</v>
      </c>
      <c r="GP40" s="303">
        <v>0</v>
      </c>
      <c r="GQ40" s="306">
        <v>14</v>
      </c>
      <c r="GR40" s="307">
        <v>14</v>
      </c>
      <c r="GS40" s="302">
        <v>0</v>
      </c>
      <c r="GT40" s="303">
        <v>0</v>
      </c>
      <c r="GU40" s="304">
        <v>0</v>
      </c>
      <c r="GV40" s="305">
        <v>0</v>
      </c>
      <c r="GW40" s="303">
        <v>0</v>
      </c>
      <c r="GX40" s="303">
        <v>0</v>
      </c>
      <c r="GY40" s="303">
        <v>0</v>
      </c>
      <c r="GZ40" s="303">
        <v>0</v>
      </c>
      <c r="HA40" s="303">
        <v>0</v>
      </c>
      <c r="HB40" s="306">
        <v>0</v>
      </c>
      <c r="HC40" s="307">
        <v>0</v>
      </c>
      <c r="HD40" s="302">
        <v>0</v>
      </c>
      <c r="HE40" s="303">
        <v>0</v>
      </c>
      <c r="HF40" s="304">
        <v>0</v>
      </c>
      <c r="HG40" s="308"/>
      <c r="HH40" s="303">
        <v>0</v>
      </c>
      <c r="HI40" s="303">
        <v>0</v>
      </c>
      <c r="HJ40" s="303">
        <v>0</v>
      </c>
      <c r="HK40" s="303">
        <v>0</v>
      </c>
      <c r="HL40" s="303">
        <v>0</v>
      </c>
      <c r="HM40" s="306">
        <v>0</v>
      </c>
      <c r="HN40" s="307">
        <v>0</v>
      </c>
      <c r="HO40" s="302">
        <v>0</v>
      </c>
      <c r="HP40" s="303">
        <v>0</v>
      </c>
      <c r="HQ40" s="304">
        <v>0</v>
      </c>
      <c r="HR40" s="305">
        <v>0</v>
      </c>
      <c r="HS40" s="303">
        <v>1704</v>
      </c>
      <c r="HT40" s="303">
        <v>0</v>
      </c>
      <c r="HU40" s="303">
        <v>269887</v>
      </c>
      <c r="HV40" s="303">
        <v>50678</v>
      </c>
      <c r="HW40" s="303">
        <v>59080</v>
      </c>
      <c r="HX40" s="306">
        <v>381349</v>
      </c>
      <c r="HY40" s="307">
        <v>381349</v>
      </c>
    </row>
    <row r="41" spans="2:233" x14ac:dyDescent="0.2">
      <c r="B41" s="1" t="s">
        <v>84</v>
      </c>
    </row>
  </sheetData>
  <mergeCells count="88">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C5:E5"/>
    <mergeCell ref="F5:L5"/>
    <mergeCell ref="M5:M6"/>
    <mergeCell ref="N5:P5"/>
    <mergeCell ref="Q5:W5"/>
    <mergeCell ref="HO3:HY4"/>
    <mergeCell ref="EE4:EO4"/>
    <mergeCell ref="FW4:GG4"/>
    <mergeCell ref="GH4:GR4"/>
    <mergeCell ref="GS4:HC4"/>
    <mergeCell ref="FA4:FK4"/>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4" max="1048575" man="1"/>
    <brk id="57" max="1048575" man="1"/>
    <brk id="79" max="1048575" man="1"/>
    <brk id="112" max="1048575" man="1"/>
    <brk id="134" max="1048575" man="1"/>
    <brk id="167" max="1048575" man="1"/>
    <brk id="189" max="1048575" man="1"/>
    <brk id="22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5</v>
      </c>
      <c r="G1" s="524"/>
      <c r="H1" s="248">
        <f>第１表!G2</f>
        <v>4</v>
      </c>
      <c r="I1" s="506">
        <f>H1</f>
        <v>4</v>
      </c>
      <c r="J1" s="506"/>
    </row>
    <row r="2" spans="2:299" ht="24" customHeight="1" thickBot="1" x14ac:dyDescent="0.25">
      <c r="B2" s="20" t="s">
        <v>132</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125" t="s">
        <v>4</v>
      </c>
      <c r="C7" s="314">
        <v>4227</v>
      </c>
      <c r="D7" s="78">
        <v>3985</v>
      </c>
      <c r="E7" s="79">
        <v>8212</v>
      </c>
      <c r="F7" s="240"/>
      <c r="G7" s="78">
        <v>5820</v>
      </c>
      <c r="H7" s="78">
        <v>5141</v>
      </c>
      <c r="I7" s="78">
        <v>3502</v>
      </c>
      <c r="J7" s="78">
        <v>2875</v>
      </c>
      <c r="K7" s="78">
        <v>1702</v>
      </c>
      <c r="L7" s="80">
        <v>19040</v>
      </c>
      <c r="M7" s="81">
        <v>27252</v>
      </c>
      <c r="N7" s="66">
        <v>49</v>
      </c>
      <c r="O7" s="67">
        <v>62</v>
      </c>
      <c r="P7" s="68">
        <v>111</v>
      </c>
      <c r="Q7" s="243"/>
      <c r="R7" s="67">
        <v>94</v>
      </c>
      <c r="S7" s="67">
        <v>107</v>
      </c>
      <c r="T7" s="67">
        <v>61</v>
      </c>
      <c r="U7" s="67">
        <v>44</v>
      </c>
      <c r="V7" s="67">
        <v>37</v>
      </c>
      <c r="W7" s="68">
        <v>343</v>
      </c>
      <c r="X7" s="69">
        <v>454</v>
      </c>
      <c r="Y7" s="66">
        <v>166</v>
      </c>
      <c r="Z7" s="67">
        <v>185</v>
      </c>
      <c r="AA7" s="68">
        <v>351</v>
      </c>
      <c r="AB7" s="243"/>
      <c r="AC7" s="67">
        <v>225</v>
      </c>
      <c r="AD7" s="67">
        <v>226</v>
      </c>
      <c r="AE7" s="67">
        <v>159</v>
      </c>
      <c r="AF7" s="67">
        <v>137</v>
      </c>
      <c r="AG7" s="67">
        <v>99</v>
      </c>
      <c r="AH7" s="68">
        <v>846</v>
      </c>
      <c r="AI7" s="69">
        <v>1197</v>
      </c>
      <c r="AJ7" s="66">
        <v>357</v>
      </c>
      <c r="AK7" s="67">
        <v>335</v>
      </c>
      <c r="AL7" s="68">
        <v>692</v>
      </c>
      <c r="AM7" s="243"/>
      <c r="AN7" s="67">
        <v>430</v>
      </c>
      <c r="AO7" s="67">
        <v>394</v>
      </c>
      <c r="AP7" s="67">
        <v>276</v>
      </c>
      <c r="AQ7" s="67">
        <v>224</v>
      </c>
      <c r="AR7" s="67">
        <v>161</v>
      </c>
      <c r="AS7" s="68">
        <v>1485</v>
      </c>
      <c r="AT7" s="69">
        <v>2177</v>
      </c>
      <c r="AU7" s="66">
        <v>787</v>
      </c>
      <c r="AV7" s="67">
        <v>731</v>
      </c>
      <c r="AW7" s="68">
        <v>1518</v>
      </c>
      <c r="AX7" s="243"/>
      <c r="AY7" s="67">
        <v>1122</v>
      </c>
      <c r="AZ7" s="67">
        <v>918</v>
      </c>
      <c r="BA7" s="67">
        <v>542</v>
      </c>
      <c r="BB7" s="67">
        <v>440</v>
      </c>
      <c r="BC7" s="67">
        <v>310</v>
      </c>
      <c r="BD7" s="68">
        <v>3332</v>
      </c>
      <c r="BE7" s="69">
        <v>4850</v>
      </c>
      <c r="BF7" s="66">
        <v>1557</v>
      </c>
      <c r="BG7" s="67">
        <v>1333</v>
      </c>
      <c r="BH7" s="68">
        <v>2890</v>
      </c>
      <c r="BI7" s="243"/>
      <c r="BJ7" s="67">
        <v>1949</v>
      </c>
      <c r="BK7" s="67">
        <v>1557</v>
      </c>
      <c r="BL7" s="67">
        <v>1041</v>
      </c>
      <c r="BM7" s="67">
        <v>854</v>
      </c>
      <c r="BN7" s="67">
        <v>491</v>
      </c>
      <c r="BO7" s="68">
        <v>5892</v>
      </c>
      <c r="BP7" s="69">
        <v>8782</v>
      </c>
      <c r="BQ7" s="66">
        <v>1311</v>
      </c>
      <c r="BR7" s="67">
        <v>1339</v>
      </c>
      <c r="BS7" s="68">
        <v>2650</v>
      </c>
      <c r="BT7" s="243"/>
      <c r="BU7" s="67">
        <v>2000</v>
      </c>
      <c r="BV7" s="67">
        <v>1939</v>
      </c>
      <c r="BW7" s="67">
        <v>1423</v>
      </c>
      <c r="BX7" s="67">
        <v>1176</v>
      </c>
      <c r="BY7" s="67">
        <v>604</v>
      </c>
      <c r="BZ7" s="68">
        <v>7142</v>
      </c>
      <c r="CA7" s="69">
        <v>9792</v>
      </c>
      <c r="CB7" s="66">
        <v>0</v>
      </c>
      <c r="CC7" s="67">
        <v>0</v>
      </c>
      <c r="CD7" s="68">
        <v>0</v>
      </c>
      <c r="CE7" s="243"/>
      <c r="CF7" s="67">
        <v>0</v>
      </c>
      <c r="CG7" s="67">
        <v>0</v>
      </c>
      <c r="CH7" s="67">
        <v>0</v>
      </c>
      <c r="CI7" s="67">
        <v>0</v>
      </c>
      <c r="CJ7" s="67">
        <v>0</v>
      </c>
      <c r="CK7" s="68">
        <v>0</v>
      </c>
      <c r="CL7" s="69">
        <v>0</v>
      </c>
      <c r="CM7" s="66">
        <v>4227</v>
      </c>
      <c r="CN7" s="67">
        <v>3985</v>
      </c>
      <c r="CO7" s="68">
        <v>8212</v>
      </c>
      <c r="CP7" s="243"/>
      <c r="CQ7" s="67">
        <v>5820</v>
      </c>
      <c r="CR7" s="67">
        <v>5141</v>
      </c>
      <c r="CS7" s="67">
        <v>3502</v>
      </c>
      <c r="CT7" s="67">
        <v>2875</v>
      </c>
      <c r="CU7" s="67">
        <v>1702</v>
      </c>
      <c r="CV7" s="68">
        <v>19040</v>
      </c>
      <c r="CW7" s="69">
        <v>27252</v>
      </c>
      <c r="CX7" s="122">
        <v>612</v>
      </c>
      <c r="CY7" s="78">
        <v>645</v>
      </c>
      <c r="CZ7" s="79">
        <v>1257</v>
      </c>
      <c r="DA7" s="240"/>
      <c r="DB7" s="78">
        <v>820</v>
      </c>
      <c r="DC7" s="78">
        <v>742</v>
      </c>
      <c r="DD7" s="78">
        <v>516</v>
      </c>
      <c r="DE7" s="78">
        <v>544</v>
      </c>
      <c r="DF7" s="78">
        <v>348</v>
      </c>
      <c r="DG7" s="80">
        <v>2970</v>
      </c>
      <c r="DH7" s="81">
        <v>4227</v>
      </c>
      <c r="DI7" s="66">
        <v>13</v>
      </c>
      <c r="DJ7" s="67">
        <v>15</v>
      </c>
      <c r="DK7" s="68">
        <v>28</v>
      </c>
      <c r="DL7" s="243"/>
      <c r="DM7" s="67">
        <v>10</v>
      </c>
      <c r="DN7" s="67">
        <v>11</v>
      </c>
      <c r="DO7" s="67">
        <v>6</v>
      </c>
      <c r="DP7" s="67">
        <v>11</v>
      </c>
      <c r="DQ7" s="67">
        <v>6</v>
      </c>
      <c r="DR7" s="68">
        <v>44</v>
      </c>
      <c r="DS7" s="69">
        <v>72</v>
      </c>
      <c r="DT7" s="66">
        <v>42</v>
      </c>
      <c r="DU7" s="67">
        <v>45</v>
      </c>
      <c r="DV7" s="68">
        <v>87</v>
      </c>
      <c r="DW7" s="243"/>
      <c r="DX7" s="67">
        <v>40</v>
      </c>
      <c r="DY7" s="67">
        <v>27</v>
      </c>
      <c r="DZ7" s="67">
        <v>18</v>
      </c>
      <c r="EA7" s="67">
        <v>19</v>
      </c>
      <c r="EB7" s="67">
        <v>9</v>
      </c>
      <c r="EC7" s="68">
        <v>113</v>
      </c>
      <c r="ED7" s="69">
        <v>200</v>
      </c>
      <c r="EE7" s="66">
        <v>78</v>
      </c>
      <c r="EF7" s="67">
        <v>81</v>
      </c>
      <c r="EG7" s="68">
        <v>159</v>
      </c>
      <c r="EH7" s="243"/>
      <c r="EI7" s="67">
        <v>71</v>
      </c>
      <c r="EJ7" s="67">
        <v>64</v>
      </c>
      <c r="EK7" s="67">
        <v>48</v>
      </c>
      <c r="EL7" s="67">
        <v>21</v>
      </c>
      <c r="EM7" s="67">
        <v>15</v>
      </c>
      <c r="EN7" s="68">
        <v>219</v>
      </c>
      <c r="EO7" s="69">
        <v>378</v>
      </c>
      <c r="EP7" s="66">
        <v>168</v>
      </c>
      <c r="EQ7" s="67">
        <v>145</v>
      </c>
      <c r="ER7" s="68">
        <v>313</v>
      </c>
      <c r="ES7" s="243"/>
      <c r="ET7" s="67">
        <v>151</v>
      </c>
      <c r="EU7" s="67">
        <v>106</v>
      </c>
      <c r="EV7" s="67">
        <v>60</v>
      </c>
      <c r="EW7" s="67">
        <v>61</v>
      </c>
      <c r="EX7" s="67">
        <v>38</v>
      </c>
      <c r="EY7" s="68">
        <v>416</v>
      </c>
      <c r="EZ7" s="69">
        <v>729</v>
      </c>
      <c r="FA7" s="66">
        <v>175</v>
      </c>
      <c r="FB7" s="67">
        <v>195</v>
      </c>
      <c r="FC7" s="68">
        <v>370</v>
      </c>
      <c r="FD7" s="243"/>
      <c r="FE7" s="67">
        <v>258</v>
      </c>
      <c r="FF7" s="67">
        <v>211</v>
      </c>
      <c r="FG7" s="67">
        <v>132</v>
      </c>
      <c r="FH7" s="67">
        <v>125</v>
      </c>
      <c r="FI7" s="67">
        <v>92</v>
      </c>
      <c r="FJ7" s="68">
        <v>818</v>
      </c>
      <c r="FK7" s="69">
        <v>1188</v>
      </c>
      <c r="FL7" s="66">
        <v>136</v>
      </c>
      <c r="FM7" s="67">
        <v>164</v>
      </c>
      <c r="FN7" s="68">
        <v>300</v>
      </c>
      <c r="FO7" s="243"/>
      <c r="FP7" s="67">
        <v>290</v>
      </c>
      <c r="FQ7" s="67">
        <v>323</v>
      </c>
      <c r="FR7" s="67">
        <v>252</v>
      </c>
      <c r="FS7" s="67">
        <v>307</v>
      </c>
      <c r="FT7" s="67">
        <v>188</v>
      </c>
      <c r="FU7" s="68">
        <v>1360</v>
      </c>
      <c r="FV7" s="69">
        <v>1660</v>
      </c>
      <c r="FW7" s="66">
        <v>0</v>
      </c>
      <c r="FX7" s="67">
        <v>0</v>
      </c>
      <c r="FY7" s="68">
        <v>0</v>
      </c>
      <c r="FZ7" s="243"/>
      <c r="GA7" s="67">
        <v>0</v>
      </c>
      <c r="GB7" s="67">
        <v>0</v>
      </c>
      <c r="GC7" s="67">
        <v>0</v>
      </c>
      <c r="GD7" s="67">
        <v>0</v>
      </c>
      <c r="GE7" s="67">
        <v>0</v>
      </c>
      <c r="GF7" s="68">
        <v>0</v>
      </c>
      <c r="GG7" s="69">
        <v>0</v>
      </c>
      <c r="GH7" s="66">
        <v>612</v>
      </c>
      <c r="GI7" s="67">
        <v>645</v>
      </c>
      <c r="GJ7" s="68">
        <v>1257</v>
      </c>
      <c r="GK7" s="243"/>
      <c r="GL7" s="67">
        <v>820</v>
      </c>
      <c r="GM7" s="67">
        <v>742</v>
      </c>
      <c r="GN7" s="67">
        <v>516</v>
      </c>
      <c r="GO7" s="67">
        <v>544</v>
      </c>
      <c r="GP7" s="67">
        <v>348</v>
      </c>
      <c r="GQ7" s="68">
        <v>2970</v>
      </c>
      <c r="GR7" s="69">
        <v>4227</v>
      </c>
      <c r="GS7" s="122">
        <v>4839</v>
      </c>
      <c r="GT7" s="78">
        <v>4630</v>
      </c>
      <c r="GU7" s="79">
        <v>9469</v>
      </c>
      <c r="GV7" s="240"/>
      <c r="GW7" s="78">
        <v>6640</v>
      </c>
      <c r="GX7" s="78">
        <v>5883</v>
      </c>
      <c r="GY7" s="78">
        <v>4018</v>
      </c>
      <c r="GZ7" s="78">
        <v>3419</v>
      </c>
      <c r="HA7" s="78">
        <v>2050</v>
      </c>
      <c r="HB7" s="80">
        <v>22010</v>
      </c>
      <c r="HC7" s="81">
        <v>31479</v>
      </c>
      <c r="HD7" s="66">
        <v>62</v>
      </c>
      <c r="HE7" s="67">
        <v>77</v>
      </c>
      <c r="HF7" s="68">
        <v>139</v>
      </c>
      <c r="HG7" s="243"/>
      <c r="HH7" s="67">
        <v>104</v>
      </c>
      <c r="HI7" s="67">
        <v>118</v>
      </c>
      <c r="HJ7" s="67">
        <v>67</v>
      </c>
      <c r="HK7" s="67">
        <v>55</v>
      </c>
      <c r="HL7" s="67">
        <v>43</v>
      </c>
      <c r="HM7" s="68">
        <v>387</v>
      </c>
      <c r="HN7" s="69">
        <v>526</v>
      </c>
      <c r="HO7" s="66">
        <v>208</v>
      </c>
      <c r="HP7" s="67">
        <v>230</v>
      </c>
      <c r="HQ7" s="68">
        <v>438</v>
      </c>
      <c r="HR7" s="243"/>
      <c r="HS7" s="67">
        <v>265</v>
      </c>
      <c r="HT7" s="67">
        <v>253</v>
      </c>
      <c r="HU7" s="67">
        <v>177</v>
      </c>
      <c r="HV7" s="67">
        <v>156</v>
      </c>
      <c r="HW7" s="67">
        <v>108</v>
      </c>
      <c r="HX7" s="68">
        <v>959</v>
      </c>
      <c r="HY7" s="69">
        <v>1397</v>
      </c>
      <c r="HZ7" s="66">
        <v>435</v>
      </c>
      <c r="IA7" s="67">
        <v>416</v>
      </c>
      <c r="IB7" s="68">
        <v>851</v>
      </c>
      <c r="IC7" s="243"/>
      <c r="ID7" s="67">
        <v>501</v>
      </c>
      <c r="IE7" s="67">
        <v>458</v>
      </c>
      <c r="IF7" s="67">
        <v>324</v>
      </c>
      <c r="IG7" s="67">
        <v>245</v>
      </c>
      <c r="IH7" s="67">
        <v>176</v>
      </c>
      <c r="II7" s="68">
        <v>1704</v>
      </c>
      <c r="IJ7" s="69">
        <v>2555</v>
      </c>
      <c r="IK7" s="66">
        <v>955</v>
      </c>
      <c r="IL7" s="67">
        <v>876</v>
      </c>
      <c r="IM7" s="68">
        <v>1831</v>
      </c>
      <c r="IN7" s="243"/>
      <c r="IO7" s="67">
        <v>1273</v>
      </c>
      <c r="IP7" s="67">
        <v>1024</v>
      </c>
      <c r="IQ7" s="67">
        <v>602</v>
      </c>
      <c r="IR7" s="67">
        <v>501</v>
      </c>
      <c r="IS7" s="67">
        <v>348</v>
      </c>
      <c r="IT7" s="68">
        <v>3748</v>
      </c>
      <c r="IU7" s="69">
        <v>5579</v>
      </c>
      <c r="IV7" s="66">
        <v>1732</v>
      </c>
      <c r="IW7" s="67">
        <v>1528</v>
      </c>
      <c r="IX7" s="68">
        <v>3260</v>
      </c>
      <c r="IY7" s="243"/>
      <c r="IZ7" s="67">
        <v>2207</v>
      </c>
      <c r="JA7" s="67">
        <v>1768</v>
      </c>
      <c r="JB7" s="67">
        <v>1173</v>
      </c>
      <c r="JC7" s="67">
        <v>979</v>
      </c>
      <c r="JD7" s="67">
        <v>583</v>
      </c>
      <c r="JE7" s="68">
        <v>6710</v>
      </c>
      <c r="JF7" s="69">
        <v>9970</v>
      </c>
      <c r="JG7" s="66">
        <v>1447</v>
      </c>
      <c r="JH7" s="67">
        <v>1503</v>
      </c>
      <c r="JI7" s="68">
        <v>2950</v>
      </c>
      <c r="JJ7" s="243"/>
      <c r="JK7" s="67">
        <v>2290</v>
      </c>
      <c r="JL7" s="67">
        <v>2262</v>
      </c>
      <c r="JM7" s="67">
        <v>1675</v>
      </c>
      <c r="JN7" s="67">
        <v>1483</v>
      </c>
      <c r="JO7" s="67">
        <v>792</v>
      </c>
      <c r="JP7" s="68">
        <v>8502</v>
      </c>
      <c r="JQ7" s="69">
        <v>11452</v>
      </c>
      <c r="JR7" s="66">
        <v>0</v>
      </c>
      <c r="JS7" s="67">
        <v>0</v>
      </c>
      <c r="JT7" s="68">
        <v>0</v>
      </c>
      <c r="JU7" s="243"/>
      <c r="JV7" s="67">
        <v>0</v>
      </c>
      <c r="JW7" s="67">
        <v>0</v>
      </c>
      <c r="JX7" s="67">
        <v>0</v>
      </c>
      <c r="JY7" s="67">
        <v>0</v>
      </c>
      <c r="JZ7" s="67">
        <v>0</v>
      </c>
      <c r="KA7" s="68">
        <v>0</v>
      </c>
      <c r="KB7" s="69">
        <v>0</v>
      </c>
      <c r="KC7" s="66">
        <v>4839</v>
      </c>
      <c r="KD7" s="67">
        <v>4630</v>
      </c>
      <c r="KE7" s="68">
        <v>9469</v>
      </c>
      <c r="KF7" s="243"/>
      <c r="KG7" s="67">
        <v>6640</v>
      </c>
      <c r="KH7" s="67">
        <v>5883</v>
      </c>
      <c r="KI7" s="67">
        <v>4018</v>
      </c>
      <c r="KJ7" s="67">
        <v>3419</v>
      </c>
      <c r="KK7" s="67">
        <v>2050</v>
      </c>
      <c r="KL7" s="68">
        <v>22010</v>
      </c>
      <c r="KM7" s="69">
        <v>31479</v>
      </c>
    </row>
    <row r="8" spans="2:299" ht="21" customHeight="1" x14ac:dyDescent="0.2">
      <c r="B8" s="126" t="s">
        <v>5</v>
      </c>
      <c r="C8" s="315">
        <v>1812</v>
      </c>
      <c r="D8" s="82">
        <v>1987</v>
      </c>
      <c r="E8" s="83">
        <v>3799</v>
      </c>
      <c r="F8" s="241"/>
      <c r="G8" s="82">
        <v>2142</v>
      </c>
      <c r="H8" s="82">
        <v>2380</v>
      </c>
      <c r="I8" s="82">
        <v>1592</v>
      </c>
      <c r="J8" s="82">
        <v>1219</v>
      </c>
      <c r="K8" s="82">
        <v>766</v>
      </c>
      <c r="L8" s="84">
        <v>8099</v>
      </c>
      <c r="M8" s="85">
        <v>11898</v>
      </c>
      <c r="N8" s="70">
        <v>19</v>
      </c>
      <c r="O8" s="71">
        <v>31</v>
      </c>
      <c r="P8" s="72">
        <v>50</v>
      </c>
      <c r="Q8" s="244"/>
      <c r="R8" s="71">
        <v>31</v>
      </c>
      <c r="S8" s="71">
        <v>47</v>
      </c>
      <c r="T8" s="71">
        <v>24</v>
      </c>
      <c r="U8" s="71">
        <v>22</v>
      </c>
      <c r="V8" s="71">
        <v>20</v>
      </c>
      <c r="W8" s="72">
        <v>144</v>
      </c>
      <c r="X8" s="73">
        <v>194</v>
      </c>
      <c r="Y8" s="70">
        <v>66</v>
      </c>
      <c r="Z8" s="71">
        <v>91</v>
      </c>
      <c r="AA8" s="72">
        <v>157</v>
      </c>
      <c r="AB8" s="244"/>
      <c r="AC8" s="71">
        <v>71</v>
      </c>
      <c r="AD8" s="71">
        <v>111</v>
      </c>
      <c r="AE8" s="71">
        <v>77</v>
      </c>
      <c r="AF8" s="71">
        <v>50</v>
      </c>
      <c r="AG8" s="71">
        <v>44</v>
      </c>
      <c r="AH8" s="72">
        <v>353</v>
      </c>
      <c r="AI8" s="73">
        <v>510</v>
      </c>
      <c r="AJ8" s="70">
        <v>146</v>
      </c>
      <c r="AK8" s="71">
        <v>163</v>
      </c>
      <c r="AL8" s="72">
        <v>309</v>
      </c>
      <c r="AM8" s="244"/>
      <c r="AN8" s="71">
        <v>154</v>
      </c>
      <c r="AO8" s="71">
        <v>156</v>
      </c>
      <c r="AP8" s="71">
        <v>115</v>
      </c>
      <c r="AQ8" s="71">
        <v>82</v>
      </c>
      <c r="AR8" s="71">
        <v>64</v>
      </c>
      <c r="AS8" s="72">
        <v>571</v>
      </c>
      <c r="AT8" s="73">
        <v>880</v>
      </c>
      <c r="AU8" s="70">
        <v>329</v>
      </c>
      <c r="AV8" s="71">
        <v>351</v>
      </c>
      <c r="AW8" s="72">
        <v>680</v>
      </c>
      <c r="AX8" s="244"/>
      <c r="AY8" s="71">
        <v>386</v>
      </c>
      <c r="AZ8" s="71">
        <v>384</v>
      </c>
      <c r="BA8" s="71">
        <v>235</v>
      </c>
      <c r="BB8" s="71">
        <v>189</v>
      </c>
      <c r="BC8" s="71">
        <v>128</v>
      </c>
      <c r="BD8" s="72">
        <v>1322</v>
      </c>
      <c r="BE8" s="73">
        <v>2002</v>
      </c>
      <c r="BF8" s="70">
        <v>661</v>
      </c>
      <c r="BG8" s="71">
        <v>669</v>
      </c>
      <c r="BH8" s="72">
        <v>1330</v>
      </c>
      <c r="BI8" s="244"/>
      <c r="BJ8" s="71">
        <v>775</v>
      </c>
      <c r="BK8" s="71">
        <v>732</v>
      </c>
      <c r="BL8" s="71">
        <v>476</v>
      </c>
      <c r="BM8" s="71">
        <v>363</v>
      </c>
      <c r="BN8" s="71">
        <v>217</v>
      </c>
      <c r="BO8" s="72">
        <v>2563</v>
      </c>
      <c r="BP8" s="73">
        <v>3893</v>
      </c>
      <c r="BQ8" s="70">
        <v>591</v>
      </c>
      <c r="BR8" s="71">
        <v>682</v>
      </c>
      <c r="BS8" s="72">
        <v>1273</v>
      </c>
      <c r="BT8" s="244"/>
      <c r="BU8" s="71">
        <v>725</v>
      </c>
      <c r="BV8" s="71">
        <v>950</v>
      </c>
      <c r="BW8" s="71">
        <v>665</v>
      </c>
      <c r="BX8" s="71">
        <v>513</v>
      </c>
      <c r="BY8" s="71">
        <v>293</v>
      </c>
      <c r="BZ8" s="72">
        <v>3146</v>
      </c>
      <c r="CA8" s="73">
        <v>4419</v>
      </c>
      <c r="CB8" s="70">
        <v>0</v>
      </c>
      <c r="CC8" s="71">
        <v>0</v>
      </c>
      <c r="CD8" s="72">
        <v>0</v>
      </c>
      <c r="CE8" s="244"/>
      <c r="CF8" s="71">
        <v>0</v>
      </c>
      <c r="CG8" s="71">
        <v>0</v>
      </c>
      <c r="CH8" s="71">
        <v>0</v>
      </c>
      <c r="CI8" s="71">
        <v>0</v>
      </c>
      <c r="CJ8" s="71">
        <v>0</v>
      </c>
      <c r="CK8" s="72">
        <v>0</v>
      </c>
      <c r="CL8" s="73">
        <v>0</v>
      </c>
      <c r="CM8" s="70">
        <v>1812</v>
      </c>
      <c r="CN8" s="71">
        <v>1987</v>
      </c>
      <c r="CO8" s="72">
        <v>3799</v>
      </c>
      <c r="CP8" s="244"/>
      <c r="CQ8" s="71">
        <v>2142</v>
      </c>
      <c r="CR8" s="71">
        <v>2380</v>
      </c>
      <c r="CS8" s="71">
        <v>1592</v>
      </c>
      <c r="CT8" s="71">
        <v>1219</v>
      </c>
      <c r="CU8" s="71">
        <v>766</v>
      </c>
      <c r="CV8" s="72">
        <v>8099</v>
      </c>
      <c r="CW8" s="73">
        <v>11898</v>
      </c>
      <c r="CX8" s="123">
        <v>239</v>
      </c>
      <c r="CY8" s="82">
        <v>323</v>
      </c>
      <c r="CZ8" s="83">
        <v>562</v>
      </c>
      <c r="DA8" s="241"/>
      <c r="DB8" s="82">
        <v>294</v>
      </c>
      <c r="DC8" s="82">
        <v>352</v>
      </c>
      <c r="DD8" s="82">
        <v>217</v>
      </c>
      <c r="DE8" s="82">
        <v>247</v>
      </c>
      <c r="DF8" s="82">
        <v>163</v>
      </c>
      <c r="DG8" s="84">
        <v>1273</v>
      </c>
      <c r="DH8" s="85">
        <v>1835</v>
      </c>
      <c r="DI8" s="70">
        <v>6</v>
      </c>
      <c r="DJ8" s="71">
        <v>8</v>
      </c>
      <c r="DK8" s="72">
        <v>14</v>
      </c>
      <c r="DL8" s="244"/>
      <c r="DM8" s="71">
        <v>3</v>
      </c>
      <c r="DN8" s="71">
        <v>6</v>
      </c>
      <c r="DO8" s="71">
        <v>3</v>
      </c>
      <c r="DP8" s="71">
        <v>4</v>
      </c>
      <c r="DQ8" s="71">
        <v>3</v>
      </c>
      <c r="DR8" s="72">
        <v>19</v>
      </c>
      <c r="DS8" s="73">
        <v>33</v>
      </c>
      <c r="DT8" s="70">
        <v>17</v>
      </c>
      <c r="DU8" s="71">
        <v>24</v>
      </c>
      <c r="DV8" s="72">
        <v>41</v>
      </c>
      <c r="DW8" s="244"/>
      <c r="DX8" s="71">
        <v>13</v>
      </c>
      <c r="DY8" s="71">
        <v>11</v>
      </c>
      <c r="DZ8" s="71">
        <v>7</v>
      </c>
      <c r="EA8" s="71">
        <v>7</v>
      </c>
      <c r="EB8" s="71">
        <v>5</v>
      </c>
      <c r="EC8" s="72">
        <v>43</v>
      </c>
      <c r="ED8" s="73">
        <v>84</v>
      </c>
      <c r="EE8" s="70">
        <v>29</v>
      </c>
      <c r="EF8" s="71">
        <v>45</v>
      </c>
      <c r="EG8" s="72">
        <v>74</v>
      </c>
      <c r="EH8" s="244"/>
      <c r="EI8" s="71">
        <v>22</v>
      </c>
      <c r="EJ8" s="71">
        <v>32</v>
      </c>
      <c r="EK8" s="71">
        <v>16</v>
      </c>
      <c r="EL8" s="71">
        <v>8</v>
      </c>
      <c r="EM8" s="71">
        <v>11</v>
      </c>
      <c r="EN8" s="72">
        <v>89</v>
      </c>
      <c r="EO8" s="73">
        <v>163</v>
      </c>
      <c r="EP8" s="70">
        <v>67</v>
      </c>
      <c r="EQ8" s="71">
        <v>70</v>
      </c>
      <c r="ER8" s="72">
        <v>137</v>
      </c>
      <c r="ES8" s="244"/>
      <c r="ET8" s="71">
        <v>61</v>
      </c>
      <c r="EU8" s="71">
        <v>46</v>
      </c>
      <c r="EV8" s="71">
        <v>27</v>
      </c>
      <c r="EW8" s="71">
        <v>34</v>
      </c>
      <c r="EX8" s="71">
        <v>19</v>
      </c>
      <c r="EY8" s="72">
        <v>187</v>
      </c>
      <c r="EZ8" s="73">
        <v>324</v>
      </c>
      <c r="FA8" s="70">
        <v>70</v>
      </c>
      <c r="FB8" s="71">
        <v>91</v>
      </c>
      <c r="FC8" s="72">
        <v>161</v>
      </c>
      <c r="FD8" s="244"/>
      <c r="FE8" s="71">
        <v>91</v>
      </c>
      <c r="FF8" s="71">
        <v>96</v>
      </c>
      <c r="FG8" s="71">
        <v>55</v>
      </c>
      <c r="FH8" s="71">
        <v>55</v>
      </c>
      <c r="FI8" s="71">
        <v>39</v>
      </c>
      <c r="FJ8" s="72">
        <v>336</v>
      </c>
      <c r="FK8" s="73">
        <v>497</v>
      </c>
      <c r="FL8" s="70">
        <v>50</v>
      </c>
      <c r="FM8" s="71">
        <v>85</v>
      </c>
      <c r="FN8" s="72">
        <v>135</v>
      </c>
      <c r="FO8" s="244"/>
      <c r="FP8" s="71">
        <v>104</v>
      </c>
      <c r="FQ8" s="71">
        <v>161</v>
      </c>
      <c r="FR8" s="71">
        <v>109</v>
      </c>
      <c r="FS8" s="71">
        <v>139</v>
      </c>
      <c r="FT8" s="71">
        <v>86</v>
      </c>
      <c r="FU8" s="72">
        <v>599</v>
      </c>
      <c r="FV8" s="73">
        <v>734</v>
      </c>
      <c r="FW8" s="70">
        <v>0</v>
      </c>
      <c r="FX8" s="71">
        <v>0</v>
      </c>
      <c r="FY8" s="72">
        <v>0</v>
      </c>
      <c r="FZ8" s="244"/>
      <c r="GA8" s="71">
        <v>0</v>
      </c>
      <c r="GB8" s="71">
        <v>0</v>
      </c>
      <c r="GC8" s="71">
        <v>0</v>
      </c>
      <c r="GD8" s="71">
        <v>0</v>
      </c>
      <c r="GE8" s="71">
        <v>0</v>
      </c>
      <c r="GF8" s="72">
        <v>0</v>
      </c>
      <c r="GG8" s="73">
        <v>0</v>
      </c>
      <c r="GH8" s="70">
        <v>239</v>
      </c>
      <c r="GI8" s="71">
        <v>323</v>
      </c>
      <c r="GJ8" s="72">
        <v>562</v>
      </c>
      <c r="GK8" s="244"/>
      <c r="GL8" s="71">
        <v>294</v>
      </c>
      <c r="GM8" s="71">
        <v>352</v>
      </c>
      <c r="GN8" s="71">
        <v>217</v>
      </c>
      <c r="GO8" s="71">
        <v>247</v>
      </c>
      <c r="GP8" s="71">
        <v>163</v>
      </c>
      <c r="GQ8" s="72">
        <v>1273</v>
      </c>
      <c r="GR8" s="73">
        <v>1835</v>
      </c>
      <c r="GS8" s="123">
        <v>2051</v>
      </c>
      <c r="GT8" s="82">
        <v>2310</v>
      </c>
      <c r="GU8" s="83">
        <v>4361</v>
      </c>
      <c r="GV8" s="241"/>
      <c r="GW8" s="82">
        <v>2436</v>
      </c>
      <c r="GX8" s="82">
        <v>2732</v>
      </c>
      <c r="GY8" s="82">
        <v>1809</v>
      </c>
      <c r="GZ8" s="82">
        <v>1466</v>
      </c>
      <c r="HA8" s="82">
        <v>929</v>
      </c>
      <c r="HB8" s="84">
        <v>9372</v>
      </c>
      <c r="HC8" s="85">
        <v>13733</v>
      </c>
      <c r="HD8" s="70">
        <v>25</v>
      </c>
      <c r="HE8" s="71">
        <v>39</v>
      </c>
      <c r="HF8" s="72">
        <v>64</v>
      </c>
      <c r="HG8" s="244"/>
      <c r="HH8" s="71">
        <v>34</v>
      </c>
      <c r="HI8" s="71">
        <v>53</v>
      </c>
      <c r="HJ8" s="71">
        <v>27</v>
      </c>
      <c r="HK8" s="71">
        <v>26</v>
      </c>
      <c r="HL8" s="71">
        <v>23</v>
      </c>
      <c r="HM8" s="72">
        <v>163</v>
      </c>
      <c r="HN8" s="73">
        <v>227</v>
      </c>
      <c r="HO8" s="70">
        <v>83</v>
      </c>
      <c r="HP8" s="71">
        <v>115</v>
      </c>
      <c r="HQ8" s="72">
        <v>198</v>
      </c>
      <c r="HR8" s="244"/>
      <c r="HS8" s="71">
        <v>84</v>
      </c>
      <c r="HT8" s="71">
        <v>122</v>
      </c>
      <c r="HU8" s="71">
        <v>84</v>
      </c>
      <c r="HV8" s="71">
        <v>57</v>
      </c>
      <c r="HW8" s="71">
        <v>49</v>
      </c>
      <c r="HX8" s="72">
        <v>396</v>
      </c>
      <c r="HY8" s="73">
        <v>594</v>
      </c>
      <c r="HZ8" s="70">
        <v>175</v>
      </c>
      <c r="IA8" s="71">
        <v>208</v>
      </c>
      <c r="IB8" s="72">
        <v>383</v>
      </c>
      <c r="IC8" s="244"/>
      <c r="ID8" s="71">
        <v>176</v>
      </c>
      <c r="IE8" s="71">
        <v>188</v>
      </c>
      <c r="IF8" s="71">
        <v>131</v>
      </c>
      <c r="IG8" s="71">
        <v>90</v>
      </c>
      <c r="IH8" s="71">
        <v>75</v>
      </c>
      <c r="II8" s="72">
        <v>660</v>
      </c>
      <c r="IJ8" s="73">
        <v>1043</v>
      </c>
      <c r="IK8" s="70">
        <v>396</v>
      </c>
      <c r="IL8" s="71">
        <v>421</v>
      </c>
      <c r="IM8" s="72">
        <v>817</v>
      </c>
      <c r="IN8" s="244"/>
      <c r="IO8" s="71">
        <v>447</v>
      </c>
      <c r="IP8" s="71">
        <v>430</v>
      </c>
      <c r="IQ8" s="71">
        <v>262</v>
      </c>
      <c r="IR8" s="71">
        <v>223</v>
      </c>
      <c r="IS8" s="71">
        <v>147</v>
      </c>
      <c r="IT8" s="72">
        <v>1509</v>
      </c>
      <c r="IU8" s="73">
        <v>2326</v>
      </c>
      <c r="IV8" s="70">
        <v>731</v>
      </c>
      <c r="IW8" s="71">
        <v>760</v>
      </c>
      <c r="IX8" s="72">
        <v>1491</v>
      </c>
      <c r="IY8" s="244"/>
      <c r="IZ8" s="71">
        <v>866</v>
      </c>
      <c r="JA8" s="71">
        <v>828</v>
      </c>
      <c r="JB8" s="71">
        <v>531</v>
      </c>
      <c r="JC8" s="71">
        <v>418</v>
      </c>
      <c r="JD8" s="71">
        <v>256</v>
      </c>
      <c r="JE8" s="72">
        <v>2899</v>
      </c>
      <c r="JF8" s="73">
        <v>4390</v>
      </c>
      <c r="JG8" s="70">
        <v>641</v>
      </c>
      <c r="JH8" s="71">
        <v>767</v>
      </c>
      <c r="JI8" s="72">
        <v>1408</v>
      </c>
      <c r="JJ8" s="244"/>
      <c r="JK8" s="71">
        <v>829</v>
      </c>
      <c r="JL8" s="71">
        <v>1111</v>
      </c>
      <c r="JM8" s="71">
        <v>774</v>
      </c>
      <c r="JN8" s="71">
        <v>652</v>
      </c>
      <c r="JO8" s="71">
        <v>379</v>
      </c>
      <c r="JP8" s="72">
        <v>3745</v>
      </c>
      <c r="JQ8" s="73">
        <v>5153</v>
      </c>
      <c r="JR8" s="70">
        <v>0</v>
      </c>
      <c r="JS8" s="71">
        <v>0</v>
      </c>
      <c r="JT8" s="72">
        <v>0</v>
      </c>
      <c r="JU8" s="244"/>
      <c r="JV8" s="71">
        <v>0</v>
      </c>
      <c r="JW8" s="71">
        <v>0</v>
      </c>
      <c r="JX8" s="71">
        <v>0</v>
      </c>
      <c r="JY8" s="71">
        <v>0</v>
      </c>
      <c r="JZ8" s="71">
        <v>0</v>
      </c>
      <c r="KA8" s="72">
        <v>0</v>
      </c>
      <c r="KB8" s="73">
        <v>0</v>
      </c>
      <c r="KC8" s="70">
        <v>2051</v>
      </c>
      <c r="KD8" s="71">
        <v>2310</v>
      </c>
      <c r="KE8" s="72">
        <v>4361</v>
      </c>
      <c r="KF8" s="244"/>
      <c r="KG8" s="71">
        <v>2436</v>
      </c>
      <c r="KH8" s="71">
        <v>2732</v>
      </c>
      <c r="KI8" s="71">
        <v>1809</v>
      </c>
      <c r="KJ8" s="71">
        <v>1466</v>
      </c>
      <c r="KK8" s="71">
        <v>929</v>
      </c>
      <c r="KL8" s="72">
        <v>9372</v>
      </c>
      <c r="KM8" s="73">
        <v>13733</v>
      </c>
    </row>
    <row r="9" spans="2:299" ht="21" customHeight="1" x14ac:dyDescent="0.2">
      <c r="B9" s="126" t="s">
        <v>6</v>
      </c>
      <c r="C9" s="315">
        <v>480</v>
      </c>
      <c r="D9" s="82">
        <v>368</v>
      </c>
      <c r="E9" s="83">
        <v>848</v>
      </c>
      <c r="F9" s="241"/>
      <c r="G9" s="82">
        <v>789</v>
      </c>
      <c r="H9" s="82">
        <v>546</v>
      </c>
      <c r="I9" s="82">
        <v>379</v>
      </c>
      <c r="J9" s="82">
        <v>367</v>
      </c>
      <c r="K9" s="82">
        <v>232</v>
      </c>
      <c r="L9" s="84">
        <v>2313</v>
      </c>
      <c r="M9" s="85">
        <v>3161</v>
      </c>
      <c r="N9" s="70">
        <v>6</v>
      </c>
      <c r="O9" s="71">
        <v>6</v>
      </c>
      <c r="P9" s="72">
        <v>12</v>
      </c>
      <c r="Q9" s="244"/>
      <c r="R9" s="71">
        <v>13</v>
      </c>
      <c r="S9" s="71">
        <v>10</v>
      </c>
      <c r="T9" s="71">
        <v>9</v>
      </c>
      <c r="U9" s="71">
        <v>1</v>
      </c>
      <c r="V9" s="71">
        <v>4</v>
      </c>
      <c r="W9" s="72">
        <v>37</v>
      </c>
      <c r="X9" s="73">
        <v>49</v>
      </c>
      <c r="Y9" s="70">
        <v>18</v>
      </c>
      <c r="Z9" s="71">
        <v>16</v>
      </c>
      <c r="AA9" s="72">
        <v>34</v>
      </c>
      <c r="AB9" s="244"/>
      <c r="AC9" s="71">
        <v>37</v>
      </c>
      <c r="AD9" s="71">
        <v>23</v>
      </c>
      <c r="AE9" s="71">
        <v>14</v>
      </c>
      <c r="AF9" s="71">
        <v>30</v>
      </c>
      <c r="AG9" s="71">
        <v>20</v>
      </c>
      <c r="AH9" s="72">
        <v>124</v>
      </c>
      <c r="AI9" s="73">
        <v>158</v>
      </c>
      <c r="AJ9" s="70">
        <v>36</v>
      </c>
      <c r="AK9" s="71">
        <v>35</v>
      </c>
      <c r="AL9" s="72">
        <v>71</v>
      </c>
      <c r="AM9" s="244"/>
      <c r="AN9" s="71">
        <v>63</v>
      </c>
      <c r="AO9" s="71">
        <v>41</v>
      </c>
      <c r="AP9" s="71">
        <v>32</v>
      </c>
      <c r="AQ9" s="71">
        <v>24</v>
      </c>
      <c r="AR9" s="71">
        <v>27</v>
      </c>
      <c r="AS9" s="72">
        <v>187</v>
      </c>
      <c r="AT9" s="73">
        <v>258</v>
      </c>
      <c r="AU9" s="70">
        <v>84</v>
      </c>
      <c r="AV9" s="71">
        <v>56</v>
      </c>
      <c r="AW9" s="72">
        <v>140</v>
      </c>
      <c r="AX9" s="244"/>
      <c r="AY9" s="71">
        <v>151</v>
      </c>
      <c r="AZ9" s="71">
        <v>98</v>
      </c>
      <c r="BA9" s="71">
        <v>64</v>
      </c>
      <c r="BB9" s="71">
        <v>34</v>
      </c>
      <c r="BC9" s="71">
        <v>35</v>
      </c>
      <c r="BD9" s="72">
        <v>382</v>
      </c>
      <c r="BE9" s="73">
        <v>522</v>
      </c>
      <c r="BF9" s="70">
        <v>188</v>
      </c>
      <c r="BG9" s="71">
        <v>110</v>
      </c>
      <c r="BH9" s="72">
        <v>298</v>
      </c>
      <c r="BI9" s="244"/>
      <c r="BJ9" s="71">
        <v>244</v>
      </c>
      <c r="BK9" s="71">
        <v>171</v>
      </c>
      <c r="BL9" s="71">
        <v>106</v>
      </c>
      <c r="BM9" s="71">
        <v>105</v>
      </c>
      <c r="BN9" s="71">
        <v>70</v>
      </c>
      <c r="BO9" s="72">
        <v>696</v>
      </c>
      <c r="BP9" s="73">
        <v>994</v>
      </c>
      <c r="BQ9" s="70">
        <v>148</v>
      </c>
      <c r="BR9" s="71">
        <v>145</v>
      </c>
      <c r="BS9" s="72">
        <v>293</v>
      </c>
      <c r="BT9" s="244"/>
      <c r="BU9" s="71">
        <v>281</v>
      </c>
      <c r="BV9" s="71">
        <v>203</v>
      </c>
      <c r="BW9" s="71">
        <v>154</v>
      </c>
      <c r="BX9" s="71">
        <v>173</v>
      </c>
      <c r="BY9" s="71">
        <v>76</v>
      </c>
      <c r="BZ9" s="72">
        <v>887</v>
      </c>
      <c r="CA9" s="73">
        <v>1180</v>
      </c>
      <c r="CB9" s="70">
        <v>0</v>
      </c>
      <c r="CC9" s="71">
        <v>0</v>
      </c>
      <c r="CD9" s="72">
        <v>0</v>
      </c>
      <c r="CE9" s="244"/>
      <c r="CF9" s="71">
        <v>0</v>
      </c>
      <c r="CG9" s="71">
        <v>0</v>
      </c>
      <c r="CH9" s="71">
        <v>0</v>
      </c>
      <c r="CI9" s="71">
        <v>0</v>
      </c>
      <c r="CJ9" s="71">
        <v>0</v>
      </c>
      <c r="CK9" s="72">
        <v>0</v>
      </c>
      <c r="CL9" s="73">
        <v>0</v>
      </c>
      <c r="CM9" s="70">
        <v>480</v>
      </c>
      <c r="CN9" s="71">
        <v>368</v>
      </c>
      <c r="CO9" s="72">
        <v>848</v>
      </c>
      <c r="CP9" s="244"/>
      <c r="CQ9" s="71">
        <v>789</v>
      </c>
      <c r="CR9" s="71">
        <v>546</v>
      </c>
      <c r="CS9" s="71">
        <v>379</v>
      </c>
      <c r="CT9" s="71">
        <v>367</v>
      </c>
      <c r="CU9" s="71">
        <v>232</v>
      </c>
      <c r="CV9" s="72">
        <v>2313</v>
      </c>
      <c r="CW9" s="73">
        <v>3161</v>
      </c>
      <c r="CX9" s="123">
        <v>103</v>
      </c>
      <c r="CY9" s="82">
        <v>87</v>
      </c>
      <c r="CZ9" s="83">
        <v>190</v>
      </c>
      <c r="DA9" s="241"/>
      <c r="DB9" s="82">
        <v>130</v>
      </c>
      <c r="DC9" s="82">
        <v>103</v>
      </c>
      <c r="DD9" s="82">
        <v>86</v>
      </c>
      <c r="DE9" s="82">
        <v>77</v>
      </c>
      <c r="DF9" s="82">
        <v>51</v>
      </c>
      <c r="DG9" s="84">
        <v>447</v>
      </c>
      <c r="DH9" s="85">
        <v>637</v>
      </c>
      <c r="DI9" s="70">
        <v>3</v>
      </c>
      <c r="DJ9" s="71">
        <v>0</v>
      </c>
      <c r="DK9" s="72">
        <v>3</v>
      </c>
      <c r="DL9" s="244"/>
      <c r="DM9" s="71">
        <v>1</v>
      </c>
      <c r="DN9" s="71">
        <v>1</v>
      </c>
      <c r="DO9" s="71">
        <v>0</v>
      </c>
      <c r="DP9" s="71">
        <v>4</v>
      </c>
      <c r="DQ9" s="71">
        <v>1</v>
      </c>
      <c r="DR9" s="72">
        <v>7</v>
      </c>
      <c r="DS9" s="73">
        <v>10</v>
      </c>
      <c r="DT9" s="70">
        <v>6</v>
      </c>
      <c r="DU9" s="71">
        <v>8</v>
      </c>
      <c r="DV9" s="72">
        <v>14</v>
      </c>
      <c r="DW9" s="244"/>
      <c r="DX9" s="71">
        <v>8</v>
      </c>
      <c r="DY9" s="71">
        <v>3</v>
      </c>
      <c r="DZ9" s="71">
        <v>0</v>
      </c>
      <c r="EA9" s="71">
        <v>5</v>
      </c>
      <c r="EB9" s="71">
        <v>1</v>
      </c>
      <c r="EC9" s="72">
        <v>17</v>
      </c>
      <c r="ED9" s="73">
        <v>31</v>
      </c>
      <c r="EE9" s="70">
        <v>14</v>
      </c>
      <c r="EF9" s="71">
        <v>8</v>
      </c>
      <c r="EG9" s="72">
        <v>22</v>
      </c>
      <c r="EH9" s="244"/>
      <c r="EI9" s="71">
        <v>11</v>
      </c>
      <c r="EJ9" s="71">
        <v>5</v>
      </c>
      <c r="EK9" s="71">
        <v>8</v>
      </c>
      <c r="EL9" s="71">
        <v>4</v>
      </c>
      <c r="EM9" s="71">
        <v>0</v>
      </c>
      <c r="EN9" s="72">
        <v>28</v>
      </c>
      <c r="EO9" s="73">
        <v>50</v>
      </c>
      <c r="EP9" s="70">
        <v>35</v>
      </c>
      <c r="EQ9" s="71">
        <v>22</v>
      </c>
      <c r="ER9" s="72">
        <v>57</v>
      </c>
      <c r="ES9" s="244"/>
      <c r="ET9" s="71">
        <v>22</v>
      </c>
      <c r="EU9" s="71">
        <v>16</v>
      </c>
      <c r="EV9" s="71">
        <v>10</v>
      </c>
      <c r="EW9" s="71">
        <v>5</v>
      </c>
      <c r="EX9" s="71">
        <v>8</v>
      </c>
      <c r="EY9" s="72">
        <v>61</v>
      </c>
      <c r="EZ9" s="73">
        <v>118</v>
      </c>
      <c r="FA9" s="70">
        <v>28</v>
      </c>
      <c r="FB9" s="71">
        <v>28</v>
      </c>
      <c r="FC9" s="72">
        <v>56</v>
      </c>
      <c r="FD9" s="244"/>
      <c r="FE9" s="71">
        <v>48</v>
      </c>
      <c r="FF9" s="71">
        <v>31</v>
      </c>
      <c r="FG9" s="71">
        <v>29</v>
      </c>
      <c r="FH9" s="71">
        <v>18</v>
      </c>
      <c r="FI9" s="71">
        <v>15</v>
      </c>
      <c r="FJ9" s="72">
        <v>141</v>
      </c>
      <c r="FK9" s="73">
        <v>197</v>
      </c>
      <c r="FL9" s="70">
        <v>17</v>
      </c>
      <c r="FM9" s="71">
        <v>21</v>
      </c>
      <c r="FN9" s="72">
        <v>38</v>
      </c>
      <c r="FO9" s="244"/>
      <c r="FP9" s="71">
        <v>40</v>
      </c>
      <c r="FQ9" s="71">
        <v>47</v>
      </c>
      <c r="FR9" s="71">
        <v>39</v>
      </c>
      <c r="FS9" s="71">
        <v>41</v>
      </c>
      <c r="FT9" s="71">
        <v>26</v>
      </c>
      <c r="FU9" s="72">
        <v>193</v>
      </c>
      <c r="FV9" s="73">
        <v>231</v>
      </c>
      <c r="FW9" s="70">
        <v>0</v>
      </c>
      <c r="FX9" s="71">
        <v>0</v>
      </c>
      <c r="FY9" s="72">
        <v>0</v>
      </c>
      <c r="FZ9" s="244"/>
      <c r="GA9" s="71">
        <v>0</v>
      </c>
      <c r="GB9" s="71">
        <v>0</v>
      </c>
      <c r="GC9" s="71">
        <v>0</v>
      </c>
      <c r="GD9" s="71">
        <v>0</v>
      </c>
      <c r="GE9" s="71">
        <v>0</v>
      </c>
      <c r="GF9" s="72">
        <v>0</v>
      </c>
      <c r="GG9" s="73">
        <v>0</v>
      </c>
      <c r="GH9" s="70">
        <v>103</v>
      </c>
      <c r="GI9" s="71">
        <v>87</v>
      </c>
      <c r="GJ9" s="72">
        <v>190</v>
      </c>
      <c r="GK9" s="244"/>
      <c r="GL9" s="71">
        <v>130</v>
      </c>
      <c r="GM9" s="71">
        <v>103</v>
      </c>
      <c r="GN9" s="71">
        <v>86</v>
      </c>
      <c r="GO9" s="71">
        <v>77</v>
      </c>
      <c r="GP9" s="71">
        <v>51</v>
      </c>
      <c r="GQ9" s="72">
        <v>447</v>
      </c>
      <c r="GR9" s="73">
        <v>637</v>
      </c>
      <c r="GS9" s="123">
        <v>583</v>
      </c>
      <c r="GT9" s="82">
        <v>455</v>
      </c>
      <c r="GU9" s="83">
        <v>1038</v>
      </c>
      <c r="GV9" s="241"/>
      <c r="GW9" s="82">
        <v>919</v>
      </c>
      <c r="GX9" s="82">
        <v>649</v>
      </c>
      <c r="GY9" s="82">
        <v>465</v>
      </c>
      <c r="GZ9" s="82">
        <v>444</v>
      </c>
      <c r="HA9" s="82">
        <v>283</v>
      </c>
      <c r="HB9" s="84">
        <v>2760</v>
      </c>
      <c r="HC9" s="85">
        <v>3798</v>
      </c>
      <c r="HD9" s="70">
        <v>9</v>
      </c>
      <c r="HE9" s="71">
        <v>6</v>
      </c>
      <c r="HF9" s="72">
        <v>15</v>
      </c>
      <c r="HG9" s="244"/>
      <c r="HH9" s="71">
        <v>14</v>
      </c>
      <c r="HI9" s="71">
        <v>11</v>
      </c>
      <c r="HJ9" s="71">
        <v>9</v>
      </c>
      <c r="HK9" s="71">
        <v>5</v>
      </c>
      <c r="HL9" s="71">
        <v>5</v>
      </c>
      <c r="HM9" s="72">
        <v>44</v>
      </c>
      <c r="HN9" s="73">
        <v>59</v>
      </c>
      <c r="HO9" s="70">
        <v>24</v>
      </c>
      <c r="HP9" s="71">
        <v>24</v>
      </c>
      <c r="HQ9" s="72">
        <v>48</v>
      </c>
      <c r="HR9" s="244"/>
      <c r="HS9" s="71">
        <v>45</v>
      </c>
      <c r="HT9" s="71">
        <v>26</v>
      </c>
      <c r="HU9" s="71">
        <v>14</v>
      </c>
      <c r="HV9" s="71">
        <v>35</v>
      </c>
      <c r="HW9" s="71">
        <v>21</v>
      </c>
      <c r="HX9" s="72">
        <v>141</v>
      </c>
      <c r="HY9" s="73">
        <v>189</v>
      </c>
      <c r="HZ9" s="70">
        <v>50</v>
      </c>
      <c r="IA9" s="71">
        <v>43</v>
      </c>
      <c r="IB9" s="72">
        <v>93</v>
      </c>
      <c r="IC9" s="244"/>
      <c r="ID9" s="71">
        <v>74</v>
      </c>
      <c r="IE9" s="71">
        <v>46</v>
      </c>
      <c r="IF9" s="71">
        <v>40</v>
      </c>
      <c r="IG9" s="71">
        <v>28</v>
      </c>
      <c r="IH9" s="71">
        <v>27</v>
      </c>
      <c r="II9" s="72">
        <v>215</v>
      </c>
      <c r="IJ9" s="73">
        <v>308</v>
      </c>
      <c r="IK9" s="70">
        <v>119</v>
      </c>
      <c r="IL9" s="71">
        <v>78</v>
      </c>
      <c r="IM9" s="72">
        <v>197</v>
      </c>
      <c r="IN9" s="244"/>
      <c r="IO9" s="71">
        <v>173</v>
      </c>
      <c r="IP9" s="71">
        <v>114</v>
      </c>
      <c r="IQ9" s="71">
        <v>74</v>
      </c>
      <c r="IR9" s="71">
        <v>39</v>
      </c>
      <c r="IS9" s="71">
        <v>43</v>
      </c>
      <c r="IT9" s="72">
        <v>443</v>
      </c>
      <c r="IU9" s="73">
        <v>640</v>
      </c>
      <c r="IV9" s="70">
        <v>216</v>
      </c>
      <c r="IW9" s="71">
        <v>138</v>
      </c>
      <c r="IX9" s="72">
        <v>354</v>
      </c>
      <c r="IY9" s="244"/>
      <c r="IZ9" s="71">
        <v>292</v>
      </c>
      <c r="JA9" s="71">
        <v>202</v>
      </c>
      <c r="JB9" s="71">
        <v>135</v>
      </c>
      <c r="JC9" s="71">
        <v>123</v>
      </c>
      <c r="JD9" s="71">
        <v>85</v>
      </c>
      <c r="JE9" s="72">
        <v>837</v>
      </c>
      <c r="JF9" s="73">
        <v>1191</v>
      </c>
      <c r="JG9" s="70">
        <v>165</v>
      </c>
      <c r="JH9" s="71">
        <v>166</v>
      </c>
      <c r="JI9" s="72">
        <v>331</v>
      </c>
      <c r="JJ9" s="244"/>
      <c r="JK9" s="71">
        <v>321</v>
      </c>
      <c r="JL9" s="71">
        <v>250</v>
      </c>
      <c r="JM9" s="71">
        <v>193</v>
      </c>
      <c r="JN9" s="71">
        <v>214</v>
      </c>
      <c r="JO9" s="71">
        <v>102</v>
      </c>
      <c r="JP9" s="72">
        <v>1080</v>
      </c>
      <c r="JQ9" s="73">
        <v>1411</v>
      </c>
      <c r="JR9" s="70">
        <v>0</v>
      </c>
      <c r="JS9" s="71">
        <v>0</v>
      </c>
      <c r="JT9" s="72">
        <v>0</v>
      </c>
      <c r="JU9" s="244"/>
      <c r="JV9" s="71">
        <v>0</v>
      </c>
      <c r="JW9" s="71">
        <v>0</v>
      </c>
      <c r="JX9" s="71">
        <v>0</v>
      </c>
      <c r="JY9" s="71">
        <v>0</v>
      </c>
      <c r="JZ9" s="71">
        <v>0</v>
      </c>
      <c r="KA9" s="72">
        <v>0</v>
      </c>
      <c r="KB9" s="73">
        <v>0</v>
      </c>
      <c r="KC9" s="70">
        <v>583</v>
      </c>
      <c r="KD9" s="71">
        <v>455</v>
      </c>
      <c r="KE9" s="72">
        <v>1038</v>
      </c>
      <c r="KF9" s="244"/>
      <c r="KG9" s="71">
        <v>919</v>
      </c>
      <c r="KH9" s="71">
        <v>649</v>
      </c>
      <c r="KI9" s="71">
        <v>465</v>
      </c>
      <c r="KJ9" s="71">
        <v>444</v>
      </c>
      <c r="KK9" s="71">
        <v>283</v>
      </c>
      <c r="KL9" s="72">
        <v>2760</v>
      </c>
      <c r="KM9" s="73">
        <v>3798</v>
      </c>
    </row>
    <row r="10" spans="2:299" ht="21" customHeight="1" x14ac:dyDescent="0.2">
      <c r="B10" s="126" t="s">
        <v>14</v>
      </c>
      <c r="C10" s="315">
        <v>237</v>
      </c>
      <c r="D10" s="82">
        <v>320</v>
      </c>
      <c r="E10" s="83">
        <v>557</v>
      </c>
      <c r="F10" s="241"/>
      <c r="G10" s="82">
        <v>382</v>
      </c>
      <c r="H10" s="82">
        <v>418</v>
      </c>
      <c r="I10" s="82">
        <v>296</v>
      </c>
      <c r="J10" s="82">
        <v>212</v>
      </c>
      <c r="K10" s="82">
        <v>122</v>
      </c>
      <c r="L10" s="84">
        <v>1430</v>
      </c>
      <c r="M10" s="85">
        <v>1987</v>
      </c>
      <c r="N10" s="70">
        <v>3</v>
      </c>
      <c r="O10" s="71">
        <v>7</v>
      </c>
      <c r="P10" s="72">
        <v>10</v>
      </c>
      <c r="Q10" s="244"/>
      <c r="R10" s="71">
        <v>4</v>
      </c>
      <c r="S10" s="71">
        <v>11</v>
      </c>
      <c r="T10" s="71">
        <v>5</v>
      </c>
      <c r="U10" s="71">
        <v>5</v>
      </c>
      <c r="V10" s="71">
        <v>2</v>
      </c>
      <c r="W10" s="72">
        <v>27</v>
      </c>
      <c r="X10" s="73">
        <v>37</v>
      </c>
      <c r="Y10" s="70">
        <v>12</v>
      </c>
      <c r="Z10" s="71">
        <v>15</v>
      </c>
      <c r="AA10" s="72">
        <v>27</v>
      </c>
      <c r="AB10" s="244"/>
      <c r="AC10" s="71">
        <v>10</v>
      </c>
      <c r="AD10" s="71">
        <v>15</v>
      </c>
      <c r="AE10" s="71">
        <v>14</v>
      </c>
      <c r="AF10" s="71">
        <v>12</v>
      </c>
      <c r="AG10" s="71">
        <v>11</v>
      </c>
      <c r="AH10" s="72">
        <v>62</v>
      </c>
      <c r="AI10" s="73">
        <v>89</v>
      </c>
      <c r="AJ10" s="70">
        <v>25</v>
      </c>
      <c r="AK10" s="71">
        <v>31</v>
      </c>
      <c r="AL10" s="72">
        <v>56</v>
      </c>
      <c r="AM10" s="244"/>
      <c r="AN10" s="71">
        <v>28</v>
      </c>
      <c r="AO10" s="71">
        <v>43</v>
      </c>
      <c r="AP10" s="71">
        <v>24</v>
      </c>
      <c r="AQ10" s="71">
        <v>21</v>
      </c>
      <c r="AR10" s="71">
        <v>13</v>
      </c>
      <c r="AS10" s="72">
        <v>129</v>
      </c>
      <c r="AT10" s="73">
        <v>185</v>
      </c>
      <c r="AU10" s="70">
        <v>51</v>
      </c>
      <c r="AV10" s="71">
        <v>79</v>
      </c>
      <c r="AW10" s="72">
        <v>130</v>
      </c>
      <c r="AX10" s="244"/>
      <c r="AY10" s="71">
        <v>81</v>
      </c>
      <c r="AZ10" s="71">
        <v>92</v>
      </c>
      <c r="BA10" s="71">
        <v>51</v>
      </c>
      <c r="BB10" s="71">
        <v>38</v>
      </c>
      <c r="BC10" s="71">
        <v>19</v>
      </c>
      <c r="BD10" s="72">
        <v>281</v>
      </c>
      <c r="BE10" s="73">
        <v>411</v>
      </c>
      <c r="BF10" s="70">
        <v>86</v>
      </c>
      <c r="BG10" s="71">
        <v>91</v>
      </c>
      <c r="BH10" s="72">
        <v>177</v>
      </c>
      <c r="BI10" s="244"/>
      <c r="BJ10" s="71">
        <v>121</v>
      </c>
      <c r="BK10" s="71">
        <v>124</v>
      </c>
      <c r="BL10" s="71">
        <v>88</v>
      </c>
      <c r="BM10" s="71">
        <v>64</v>
      </c>
      <c r="BN10" s="71">
        <v>34</v>
      </c>
      <c r="BO10" s="72">
        <v>431</v>
      </c>
      <c r="BP10" s="73">
        <v>608</v>
      </c>
      <c r="BQ10" s="70">
        <v>60</v>
      </c>
      <c r="BR10" s="71">
        <v>97</v>
      </c>
      <c r="BS10" s="72">
        <v>157</v>
      </c>
      <c r="BT10" s="244"/>
      <c r="BU10" s="71">
        <v>138</v>
      </c>
      <c r="BV10" s="71">
        <v>133</v>
      </c>
      <c r="BW10" s="71">
        <v>114</v>
      </c>
      <c r="BX10" s="71">
        <v>72</v>
      </c>
      <c r="BY10" s="71">
        <v>43</v>
      </c>
      <c r="BZ10" s="72">
        <v>500</v>
      </c>
      <c r="CA10" s="73">
        <v>657</v>
      </c>
      <c r="CB10" s="70">
        <v>0</v>
      </c>
      <c r="CC10" s="71">
        <v>0</v>
      </c>
      <c r="CD10" s="72">
        <v>0</v>
      </c>
      <c r="CE10" s="244"/>
      <c r="CF10" s="71">
        <v>0</v>
      </c>
      <c r="CG10" s="71">
        <v>0</v>
      </c>
      <c r="CH10" s="71">
        <v>0</v>
      </c>
      <c r="CI10" s="71">
        <v>0</v>
      </c>
      <c r="CJ10" s="71">
        <v>0</v>
      </c>
      <c r="CK10" s="72">
        <v>0</v>
      </c>
      <c r="CL10" s="73">
        <v>0</v>
      </c>
      <c r="CM10" s="70">
        <v>237</v>
      </c>
      <c r="CN10" s="71">
        <v>320</v>
      </c>
      <c r="CO10" s="72">
        <v>557</v>
      </c>
      <c r="CP10" s="244"/>
      <c r="CQ10" s="71">
        <v>382</v>
      </c>
      <c r="CR10" s="71">
        <v>418</v>
      </c>
      <c r="CS10" s="71">
        <v>296</v>
      </c>
      <c r="CT10" s="71">
        <v>212</v>
      </c>
      <c r="CU10" s="71">
        <v>122</v>
      </c>
      <c r="CV10" s="72">
        <v>1430</v>
      </c>
      <c r="CW10" s="73">
        <v>1987</v>
      </c>
      <c r="CX10" s="123">
        <v>35</v>
      </c>
      <c r="CY10" s="82">
        <v>44</v>
      </c>
      <c r="CZ10" s="83">
        <v>79</v>
      </c>
      <c r="DA10" s="241"/>
      <c r="DB10" s="82">
        <v>43</v>
      </c>
      <c r="DC10" s="82">
        <v>50</v>
      </c>
      <c r="DD10" s="82">
        <v>30</v>
      </c>
      <c r="DE10" s="82">
        <v>33</v>
      </c>
      <c r="DF10" s="82">
        <v>13</v>
      </c>
      <c r="DG10" s="84">
        <v>169</v>
      </c>
      <c r="DH10" s="85">
        <v>248</v>
      </c>
      <c r="DI10" s="70">
        <v>0</v>
      </c>
      <c r="DJ10" s="71">
        <v>3</v>
      </c>
      <c r="DK10" s="72">
        <v>3</v>
      </c>
      <c r="DL10" s="244"/>
      <c r="DM10" s="71">
        <v>1</v>
      </c>
      <c r="DN10" s="71">
        <v>0</v>
      </c>
      <c r="DO10" s="71">
        <v>0</v>
      </c>
      <c r="DP10" s="71">
        <v>1</v>
      </c>
      <c r="DQ10" s="71">
        <v>0</v>
      </c>
      <c r="DR10" s="72">
        <v>2</v>
      </c>
      <c r="DS10" s="73">
        <v>5</v>
      </c>
      <c r="DT10" s="70">
        <v>2</v>
      </c>
      <c r="DU10" s="71">
        <v>1</v>
      </c>
      <c r="DV10" s="72">
        <v>3</v>
      </c>
      <c r="DW10" s="244"/>
      <c r="DX10" s="71">
        <v>4</v>
      </c>
      <c r="DY10" s="71">
        <v>2</v>
      </c>
      <c r="DZ10" s="71">
        <v>1</v>
      </c>
      <c r="EA10" s="71">
        <v>0</v>
      </c>
      <c r="EB10" s="71">
        <v>1</v>
      </c>
      <c r="EC10" s="72">
        <v>8</v>
      </c>
      <c r="ED10" s="73">
        <v>11</v>
      </c>
      <c r="EE10" s="70">
        <v>9</v>
      </c>
      <c r="EF10" s="71">
        <v>7</v>
      </c>
      <c r="EG10" s="72">
        <v>16</v>
      </c>
      <c r="EH10" s="244"/>
      <c r="EI10" s="71">
        <v>7</v>
      </c>
      <c r="EJ10" s="71">
        <v>8</v>
      </c>
      <c r="EK10" s="71">
        <v>3</v>
      </c>
      <c r="EL10" s="71">
        <v>2</v>
      </c>
      <c r="EM10" s="71">
        <v>0</v>
      </c>
      <c r="EN10" s="72">
        <v>20</v>
      </c>
      <c r="EO10" s="73">
        <v>36</v>
      </c>
      <c r="EP10" s="70">
        <v>8</v>
      </c>
      <c r="EQ10" s="71">
        <v>12</v>
      </c>
      <c r="ER10" s="72">
        <v>20</v>
      </c>
      <c r="ES10" s="244"/>
      <c r="ET10" s="71">
        <v>7</v>
      </c>
      <c r="EU10" s="71">
        <v>6</v>
      </c>
      <c r="EV10" s="71">
        <v>4</v>
      </c>
      <c r="EW10" s="71">
        <v>4</v>
      </c>
      <c r="EX10" s="71">
        <v>1</v>
      </c>
      <c r="EY10" s="72">
        <v>22</v>
      </c>
      <c r="EZ10" s="73">
        <v>42</v>
      </c>
      <c r="FA10" s="70">
        <v>10</v>
      </c>
      <c r="FB10" s="71">
        <v>11</v>
      </c>
      <c r="FC10" s="72">
        <v>21</v>
      </c>
      <c r="FD10" s="244"/>
      <c r="FE10" s="71">
        <v>12</v>
      </c>
      <c r="FF10" s="71">
        <v>16</v>
      </c>
      <c r="FG10" s="71">
        <v>5</v>
      </c>
      <c r="FH10" s="71">
        <v>11</v>
      </c>
      <c r="FI10" s="71">
        <v>3</v>
      </c>
      <c r="FJ10" s="72">
        <v>47</v>
      </c>
      <c r="FK10" s="73">
        <v>68</v>
      </c>
      <c r="FL10" s="70">
        <v>6</v>
      </c>
      <c r="FM10" s="71">
        <v>10</v>
      </c>
      <c r="FN10" s="72">
        <v>16</v>
      </c>
      <c r="FO10" s="244"/>
      <c r="FP10" s="71">
        <v>12</v>
      </c>
      <c r="FQ10" s="71">
        <v>18</v>
      </c>
      <c r="FR10" s="71">
        <v>17</v>
      </c>
      <c r="FS10" s="71">
        <v>15</v>
      </c>
      <c r="FT10" s="71">
        <v>8</v>
      </c>
      <c r="FU10" s="72">
        <v>70</v>
      </c>
      <c r="FV10" s="73">
        <v>86</v>
      </c>
      <c r="FW10" s="70">
        <v>0</v>
      </c>
      <c r="FX10" s="71">
        <v>0</v>
      </c>
      <c r="FY10" s="72">
        <v>0</v>
      </c>
      <c r="FZ10" s="244"/>
      <c r="GA10" s="71">
        <v>0</v>
      </c>
      <c r="GB10" s="71">
        <v>0</v>
      </c>
      <c r="GC10" s="71">
        <v>0</v>
      </c>
      <c r="GD10" s="71">
        <v>0</v>
      </c>
      <c r="GE10" s="71">
        <v>0</v>
      </c>
      <c r="GF10" s="72">
        <v>0</v>
      </c>
      <c r="GG10" s="73">
        <v>0</v>
      </c>
      <c r="GH10" s="70">
        <v>35</v>
      </c>
      <c r="GI10" s="71">
        <v>44</v>
      </c>
      <c r="GJ10" s="72">
        <v>79</v>
      </c>
      <c r="GK10" s="244"/>
      <c r="GL10" s="71">
        <v>43</v>
      </c>
      <c r="GM10" s="71">
        <v>50</v>
      </c>
      <c r="GN10" s="71">
        <v>30</v>
      </c>
      <c r="GO10" s="71">
        <v>33</v>
      </c>
      <c r="GP10" s="71">
        <v>13</v>
      </c>
      <c r="GQ10" s="72">
        <v>169</v>
      </c>
      <c r="GR10" s="73">
        <v>248</v>
      </c>
      <c r="GS10" s="123">
        <v>272</v>
      </c>
      <c r="GT10" s="82">
        <v>364</v>
      </c>
      <c r="GU10" s="83">
        <v>636</v>
      </c>
      <c r="GV10" s="241"/>
      <c r="GW10" s="82">
        <v>425</v>
      </c>
      <c r="GX10" s="82">
        <v>468</v>
      </c>
      <c r="GY10" s="82">
        <v>326</v>
      </c>
      <c r="GZ10" s="82">
        <v>245</v>
      </c>
      <c r="HA10" s="82">
        <v>135</v>
      </c>
      <c r="HB10" s="84">
        <v>1599</v>
      </c>
      <c r="HC10" s="85">
        <v>2235</v>
      </c>
      <c r="HD10" s="70">
        <v>3</v>
      </c>
      <c r="HE10" s="71">
        <v>10</v>
      </c>
      <c r="HF10" s="72">
        <v>13</v>
      </c>
      <c r="HG10" s="244"/>
      <c r="HH10" s="71">
        <v>5</v>
      </c>
      <c r="HI10" s="71">
        <v>11</v>
      </c>
      <c r="HJ10" s="71">
        <v>5</v>
      </c>
      <c r="HK10" s="71">
        <v>6</v>
      </c>
      <c r="HL10" s="71">
        <v>2</v>
      </c>
      <c r="HM10" s="72">
        <v>29</v>
      </c>
      <c r="HN10" s="73">
        <v>42</v>
      </c>
      <c r="HO10" s="70">
        <v>14</v>
      </c>
      <c r="HP10" s="71">
        <v>16</v>
      </c>
      <c r="HQ10" s="72">
        <v>30</v>
      </c>
      <c r="HR10" s="244"/>
      <c r="HS10" s="71">
        <v>14</v>
      </c>
      <c r="HT10" s="71">
        <v>17</v>
      </c>
      <c r="HU10" s="71">
        <v>15</v>
      </c>
      <c r="HV10" s="71">
        <v>12</v>
      </c>
      <c r="HW10" s="71">
        <v>12</v>
      </c>
      <c r="HX10" s="72">
        <v>70</v>
      </c>
      <c r="HY10" s="73">
        <v>100</v>
      </c>
      <c r="HZ10" s="70">
        <v>34</v>
      </c>
      <c r="IA10" s="71">
        <v>38</v>
      </c>
      <c r="IB10" s="72">
        <v>72</v>
      </c>
      <c r="IC10" s="244"/>
      <c r="ID10" s="71">
        <v>35</v>
      </c>
      <c r="IE10" s="71">
        <v>51</v>
      </c>
      <c r="IF10" s="71">
        <v>27</v>
      </c>
      <c r="IG10" s="71">
        <v>23</v>
      </c>
      <c r="IH10" s="71">
        <v>13</v>
      </c>
      <c r="II10" s="72">
        <v>149</v>
      </c>
      <c r="IJ10" s="73">
        <v>221</v>
      </c>
      <c r="IK10" s="70">
        <v>59</v>
      </c>
      <c r="IL10" s="71">
        <v>91</v>
      </c>
      <c r="IM10" s="72">
        <v>150</v>
      </c>
      <c r="IN10" s="244"/>
      <c r="IO10" s="71">
        <v>88</v>
      </c>
      <c r="IP10" s="71">
        <v>98</v>
      </c>
      <c r="IQ10" s="71">
        <v>55</v>
      </c>
      <c r="IR10" s="71">
        <v>42</v>
      </c>
      <c r="IS10" s="71">
        <v>20</v>
      </c>
      <c r="IT10" s="72">
        <v>303</v>
      </c>
      <c r="IU10" s="73">
        <v>453</v>
      </c>
      <c r="IV10" s="70">
        <v>96</v>
      </c>
      <c r="IW10" s="71">
        <v>102</v>
      </c>
      <c r="IX10" s="72">
        <v>198</v>
      </c>
      <c r="IY10" s="244"/>
      <c r="IZ10" s="71">
        <v>133</v>
      </c>
      <c r="JA10" s="71">
        <v>140</v>
      </c>
      <c r="JB10" s="71">
        <v>93</v>
      </c>
      <c r="JC10" s="71">
        <v>75</v>
      </c>
      <c r="JD10" s="71">
        <v>37</v>
      </c>
      <c r="JE10" s="72">
        <v>478</v>
      </c>
      <c r="JF10" s="73">
        <v>676</v>
      </c>
      <c r="JG10" s="70">
        <v>66</v>
      </c>
      <c r="JH10" s="71">
        <v>107</v>
      </c>
      <c r="JI10" s="72">
        <v>173</v>
      </c>
      <c r="JJ10" s="244"/>
      <c r="JK10" s="71">
        <v>150</v>
      </c>
      <c r="JL10" s="71">
        <v>151</v>
      </c>
      <c r="JM10" s="71">
        <v>131</v>
      </c>
      <c r="JN10" s="71">
        <v>87</v>
      </c>
      <c r="JO10" s="71">
        <v>51</v>
      </c>
      <c r="JP10" s="72">
        <v>570</v>
      </c>
      <c r="JQ10" s="73">
        <v>743</v>
      </c>
      <c r="JR10" s="70">
        <v>0</v>
      </c>
      <c r="JS10" s="71">
        <v>0</v>
      </c>
      <c r="JT10" s="72">
        <v>0</v>
      </c>
      <c r="JU10" s="244"/>
      <c r="JV10" s="71">
        <v>0</v>
      </c>
      <c r="JW10" s="71">
        <v>0</v>
      </c>
      <c r="JX10" s="71">
        <v>0</v>
      </c>
      <c r="JY10" s="71">
        <v>0</v>
      </c>
      <c r="JZ10" s="71">
        <v>0</v>
      </c>
      <c r="KA10" s="72">
        <v>0</v>
      </c>
      <c r="KB10" s="73">
        <v>0</v>
      </c>
      <c r="KC10" s="70">
        <v>272</v>
      </c>
      <c r="KD10" s="71">
        <v>364</v>
      </c>
      <c r="KE10" s="72">
        <v>636</v>
      </c>
      <c r="KF10" s="244"/>
      <c r="KG10" s="71">
        <v>425</v>
      </c>
      <c r="KH10" s="71">
        <v>468</v>
      </c>
      <c r="KI10" s="71">
        <v>326</v>
      </c>
      <c r="KJ10" s="71">
        <v>245</v>
      </c>
      <c r="KK10" s="71">
        <v>135</v>
      </c>
      <c r="KL10" s="72">
        <v>1599</v>
      </c>
      <c r="KM10" s="73">
        <v>2235</v>
      </c>
    </row>
    <row r="11" spans="2:299" ht="21" customHeight="1" x14ac:dyDescent="0.2">
      <c r="B11" s="126" t="s">
        <v>7</v>
      </c>
      <c r="C11" s="315">
        <v>260</v>
      </c>
      <c r="D11" s="82">
        <v>166</v>
      </c>
      <c r="E11" s="83">
        <v>426</v>
      </c>
      <c r="F11" s="241"/>
      <c r="G11" s="82">
        <v>522</v>
      </c>
      <c r="H11" s="82">
        <v>337</v>
      </c>
      <c r="I11" s="82">
        <v>202</v>
      </c>
      <c r="J11" s="82">
        <v>168</v>
      </c>
      <c r="K11" s="82">
        <v>96</v>
      </c>
      <c r="L11" s="84">
        <v>1325</v>
      </c>
      <c r="M11" s="85">
        <v>1751</v>
      </c>
      <c r="N11" s="70">
        <v>4</v>
      </c>
      <c r="O11" s="71">
        <v>1</v>
      </c>
      <c r="P11" s="72">
        <v>5</v>
      </c>
      <c r="Q11" s="244"/>
      <c r="R11" s="71">
        <v>7</v>
      </c>
      <c r="S11" s="71">
        <v>6</v>
      </c>
      <c r="T11" s="71">
        <v>3</v>
      </c>
      <c r="U11" s="71">
        <v>2</v>
      </c>
      <c r="V11" s="71">
        <v>1</v>
      </c>
      <c r="W11" s="72">
        <v>19</v>
      </c>
      <c r="X11" s="73">
        <v>24</v>
      </c>
      <c r="Y11" s="70">
        <v>13</v>
      </c>
      <c r="Z11" s="71">
        <v>5</v>
      </c>
      <c r="AA11" s="72">
        <v>18</v>
      </c>
      <c r="AB11" s="244"/>
      <c r="AC11" s="71">
        <v>21</v>
      </c>
      <c r="AD11" s="71">
        <v>13</v>
      </c>
      <c r="AE11" s="71">
        <v>11</v>
      </c>
      <c r="AF11" s="71">
        <v>5</v>
      </c>
      <c r="AG11" s="71">
        <v>1</v>
      </c>
      <c r="AH11" s="72">
        <v>51</v>
      </c>
      <c r="AI11" s="73">
        <v>69</v>
      </c>
      <c r="AJ11" s="70">
        <v>15</v>
      </c>
      <c r="AK11" s="71">
        <v>12</v>
      </c>
      <c r="AL11" s="72">
        <v>27</v>
      </c>
      <c r="AM11" s="244"/>
      <c r="AN11" s="71">
        <v>42</v>
      </c>
      <c r="AO11" s="71">
        <v>35</v>
      </c>
      <c r="AP11" s="71">
        <v>14</v>
      </c>
      <c r="AQ11" s="71">
        <v>15</v>
      </c>
      <c r="AR11" s="71">
        <v>12</v>
      </c>
      <c r="AS11" s="72">
        <v>118</v>
      </c>
      <c r="AT11" s="73">
        <v>145</v>
      </c>
      <c r="AU11" s="70">
        <v>38</v>
      </c>
      <c r="AV11" s="71">
        <v>24</v>
      </c>
      <c r="AW11" s="72">
        <v>62</v>
      </c>
      <c r="AX11" s="244"/>
      <c r="AY11" s="71">
        <v>100</v>
      </c>
      <c r="AZ11" s="71">
        <v>64</v>
      </c>
      <c r="BA11" s="71">
        <v>40</v>
      </c>
      <c r="BB11" s="71">
        <v>32</v>
      </c>
      <c r="BC11" s="71">
        <v>27</v>
      </c>
      <c r="BD11" s="72">
        <v>263</v>
      </c>
      <c r="BE11" s="73">
        <v>325</v>
      </c>
      <c r="BF11" s="70">
        <v>106</v>
      </c>
      <c r="BG11" s="71">
        <v>70</v>
      </c>
      <c r="BH11" s="72">
        <v>176</v>
      </c>
      <c r="BI11" s="244"/>
      <c r="BJ11" s="71">
        <v>159</v>
      </c>
      <c r="BK11" s="71">
        <v>103</v>
      </c>
      <c r="BL11" s="71">
        <v>68</v>
      </c>
      <c r="BM11" s="71">
        <v>45</v>
      </c>
      <c r="BN11" s="71">
        <v>24</v>
      </c>
      <c r="BO11" s="72">
        <v>399</v>
      </c>
      <c r="BP11" s="73">
        <v>575</v>
      </c>
      <c r="BQ11" s="70">
        <v>84</v>
      </c>
      <c r="BR11" s="71">
        <v>54</v>
      </c>
      <c r="BS11" s="72">
        <v>138</v>
      </c>
      <c r="BT11" s="244"/>
      <c r="BU11" s="71">
        <v>193</v>
      </c>
      <c r="BV11" s="71">
        <v>116</v>
      </c>
      <c r="BW11" s="71">
        <v>66</v>
      </c>
      <c r="BX11" s="71">
        <v>69</v>
      </c>
      <c r="BY11" s="71">
        <v>31</v>
      </c>
      <c r="BZ11" s="72">
        <v>475</v>
      </c>
      <c r="CA11" s="73">
        <v>613</v>
      </c>
      <c r="CB11" s="70">
        <v>0</v>
      </c>
      <c r="CC11" s="71">
        <v>0</v>
      </c>
      <c r="CD11" s="72">
        <v>0</v>
      </c>
      <c r="CE11" s="244"/>
      <c r="CF11" s="71">
        <v>0</v>
      </c>
      <c r="CG11" s="71">
        <v>0</v>
      </c>
      <c r="CH11" s="71">
        <v>0</v>
      </c>
      <c r="CI11" s="71">
        <v>0</v>
      </c>
      <c r="CJ11" s="71">
        <v>0</v>
      </c>
      <c r="CK11" s="72">
        <v>0</v>
      </c>
      <c r="CL11" s="73">
        <v>0</v>
      </c>
      <c r="CM11" s="70">
        <v>260</v>
      </c>
      <c r="CN11" s="71">
        <v>166</v>
      </c>
      <c r="CO11" s="72">
        <v>426</v>
      </c>
      <c r="CP11" s="244"/>
      <c r="CQ11" s="71">
        <v>522</v>
      </c>
      <c r="CR11" s="71">
        <v>337</v>
      </c>
      <c r="CS11" s="71">
        <v>202</v>
      </c>
      <c r="CT11" s="71">
        <v>168</v>
      </c>
      <c r="CU11" s="71">
        <v>96</v>
      </c>
      <c r="CV11" s="72">
        <v>1325</v>
      </c>
      <c r="CW11" s="73">
        <v>1751</v>
      </c>
      <c r="CX11" s="123">
        <v>36</v>
      </c>
      <c r="CY11" s="82">
        <v>25</v>
      </c>
      <c r="CZ11" s="83">
        <v>61</v>
      </c>
      <c r="DA11" s="241"/>
      <c r="DB11" s="82">
        <v>78</v>
      </c>
      <c r="DC11" s="82">
        <v>37</v>
      </c>
      <c r="DD11" s="82">
        <v>32</v>
      </c>
      <c r="DE11" s="82">
        <v>26</v>
      </c>
      <c r="DF11" s="82">
        <v>19</v>
      </c>
      <c r="DG11" s="84">
        <v>192</v>
      </c>
      <c r="DH11" s="85">
        <v>253</v>
      </c>
      <c r="DI11" s="70">
        <v>0</v>
      </c>
      <c r="DJ11" s="71">
        <v>0</v>
      </c>
      <c r="DK11" s="72">
        <v>0</v>
      </c>
      <c r="DL11" s="244"/>
      <c r="DM11" s="71">
        <v>2</v>
      </c>
      <c r="DN11" s="71">
        <v>0</v>
      </c>
      <c r="DO11" s="71">
        <v>0</v>
      </c>
      <c r="DP11" s="71">
        <v>0</v>
      </c>
      <c r="DQ11" s="71">
        <v>0</v>
      </c>
      <c r="DR11" s="72">
        <v>2</v>
      </c>
      <c r="DS11" s="73">
        <v>2</v>
      </c>
      <c r="DT11" s="70">
        <v>5</v>
      </c>
      <c r="DU11" s="71">
        <v>1</v>
      </c>
      <c r="DV11" s="72">
        <v>6</v>
      </c>
      <c r="DW11" s="244"/>
      <c r="DX11" s="71">
        <v>3</v>
      </c>
      <c r="DY11" s="71">
        <v>3</v>
      </c>
      <c r="DZ11" s="71">
        <v>2</v>
      </c>
      <c r="EA11" s="71">
        <v>3</v>
      </c>
      <c r="EB11" s="71">
        <v>0</v>
      </c>
      <c r="EC11" s="72">
        <v>11</v>
      </c>
      <c r="ED11" s="73">
        <v>17</v>
      </c>
      <c r="EE11" s="70">
        <v>6</v>
      </c>
      <c r="EF11" s="71">
        <v>3</v>
      </c>
      <c r="EG11" s="72">
        <v>9</v>
      </c>
      <c r="EH11" s="244"/>
      <c r="EI11" s="71">
        <v>5</v>
      </c>
      <c r="EJ11" s="71">
        <v>3</v>
      </c>
      <c r="EK11" s="71">
        <v>3</v>
      </c>
      <c r="EL11" s="71">
        <v>2</v>
      </c>
      <c r="EM11" s="71">
        <v>2</v>
      </c>
      <c r="EN11" s="72">
        <v>15</v>
      </c>
      <c r="EO11" s="73">
        <v>24</v>
      </c>
      <c r="EP11" s="70">
        <v>7</v>
      </c>
      <c r="EQ11" s="71">
        <v>4</v>
      </c>
      <c r="ER11" s="72">
        <v>11</v>
      </c>
      <c r="ES11" s="244"/>
      <c r="ET11" s="71">
        <v>18</v>
      </c>
      <c r="EU11" s="71">
        <v>4</v>
      </c>
      <c r="EV11" s="71">
        <v>1</v>
      </c>
      <c r="EW11" s="71">
        <v>4</v>
      </c>
      <c r="EX11" s="71">
        <v>2</v>
      </c>
      <c r="EY11" s="72">
        <v>29</v>
      </c>
      <c r="EZ11" s="73">
        <v>40</v>
      </c>
      <c r="FA11" s="70">
        <v>10</v>
      </c>
      <c r="FB11" s="71">
        <v>11</v>
      </c>
      <c r="FC11" s="72">
        <v>21</v>
      </c>
      <c r="FD11" s="244"/>
      <c r="FE11" s="71">
        <v>20</v>
      </c>
      <c r="FF11" s="71">
        <v>8</v>
      </c>
      <c r="FG11" s="71">
        <v>9</v>
      </c>
      <c r="FH11" s="71">
        <v>5</v>
      </c>
      <c r="FI11" s="71">
        <v>7</v>
      </c>
      <c r="FJ11" s="72">
        <v>49</v>
      </c>
      <c r="FK11" s="73">
        <v>70</v>
      </c>
      <c r="FL11" s="70">
        <v>8</v>
      </c>
      <c r="FM11" s="71">
        <v>6</v>
      </c>
      <c r="FN11" s="72">
        <v>14</v>
      </c>
      <c r="FO11" s="244"/>
      <c r="FP11" s="71">
        <v>30</v>
      </c>
      <c r="FQ11" s="71">
        <v>19</v>
      </c>
      <c r="FR11" s="71">
        <v>17</v>
      </c>
      <c r="FS11" s="71">
        <v>12</v>
      </c>
      <c r="FT11" s="71">
        <v>8</v>
      </c>
      <c r="FU11" s="72">
        <v>86</v>
      </c>
      <c r="FV11" s="73">
        <v>100</v>
      </c>
      <c r="FW11" s="70">
        <v>0</v>
      </c>
      <c r="FX11" s="71">
        <v>0</v>
      </c>
      <c r="FY11" s="72">
        <v>0</v>
      </c>
      <c r="FZ11" s="244"/>
      <c r="GA11" s="71">
        <v>0</v>
      </c>
      <c r="GB11" s="71">
        <v>0</v>
      </c>
      <c r="GC11" s="71">
        <v>0</v>
      </c>
      <c r="GD11" s="71">
        <v>0</v>
      </c>
      <c r="GE11" s="71">
        <v>0</v>
      </c>
      <c r="GF11" s="72">
        <v>0</v>
      </c>
      <c r="GG11" s="73">
        <v>0</v>
      </c>
      <c r="GH11" s="70">
        <v>36</v>
      </c>
      <c r="GI11" s="71">
        <v>25</v>
      </c>
      <c r="GJ11" s="72">
        <v>61</v>
      </c>
      <c r="GK11" s="244"/>
      <c r="GL11" s="71">
        <v>78</v>
      </c>
      <c r="GM11" s="71">
        <v>37</v>
      </c>
      <c r="GN11" s="71">
        <v>32</v>
      </c>
      <c r="GO11" s="71">
        <v>26</v>
      </c>
      <c r="GP11" s="71">
        <v>19</v>
      </c>
      <c r="GQ11" s="72">
        <v>192</v>
      </c>
      <c r="GR11" s="73">
        <v>253</v>
      </c>
      <c r="GS11" s="123">
        <v>296</v>
      </c>
      <c r="GT11" s="82">
        <v>191</v>
      </c>
      <c r="GU11" s="83">
        <v>487</v>
      </c>
      <c r="GV11" s="241"/>
      <c r="GW11" s="82">
        <v>600</v>
      </c>
      <c r="GX11" s="82">
        <v>374</v>
      </c>
      <c r="GY11" s="82">
        <v>234</v>
      </c>
      <c r="GZ11" s="82">
        <v>194</v>
      </c>
      <c r="HA11" s="82">
        <v>115</v>
      </c>
      <c r="HB11" s="84">
        <v>1517</v>
      </c>
      <c r="HC11" s="85">
        <v>2004</v>
      </c>
      <c r="HD11" s="70">
        <v>4</v>
      </c>
      <c r="HE11" s="71">
        <v>1</v>
      </c>
      <c r="HF11" s="72">
        <v>5</v>
      </c>
      <c r="HG11" s="244"/>
      <c r="HH11" s="71">
        <v>9</v>
      </c>
      <c r="HI11" s="71">
        <v>6</v>
      </c>
      <c r="HJ11" s="71">
        <v>3</v>
      </c>
      <c r="HK11" s="71">
        <v>2</v>
      </c>
      <c r="HL11" s="71">
        <v>1</v>
      </c>
      <c r="HM11" s="72">
        <v>21</v>
      </c>
      <c r="HN11" s="73">
        <v>26</v>
      </c>
      <c r="HO11" s="70">
        <v>18</v>
      </c>
      <c r="HP11" s="71">
        <v>6</v>
      </c>
      <c r="HQ11" s="72">
        <v>24</v>
      </c>
      <c r="HR11" s="244"/>
      <c r="HS11" s="71">
        <v>24</v>
      </c>
      <c r="HT11" s="71">
        <v>16</v>
      </c>
      <c r="HU11" s="71">
        <v>13</v>
      </c>
      <c r="HV11" s="71">
        <v>8</v>
      </c>
      <c r="HW11" s="71">
        <v>1</v>
      </c>
      <c r="HX11" s="72">
        <v>62</v>
      </c>
      <c r="HY11" s="73">
        <v>86</v>
      </c>
      <c r="HZ11" s="70">
        <v>21</v>
      </c>
      <c r="IA11" s="71">
        <v>15</v>
      </c>
      <c r="IB11" s="72">
        <v>36</v>
      </c>
      <c r="IC11" s="244"/>
      <c r="ID11" s="71">
        <v>47</v>
      </c>
      <c r="IE11" s="71">
        <v>38</v>
      </c>
      <c r="IF11" s="71">
        <v>17</v>
      </c>
      <c r="IG11" s="71">
        <v>17</v>
      </c>
      <c r="IH11" s="71">
        <v>14</v>
      </c>
      <c r="II11" s="72">
        <v>133</v>
      </c>
      <c r="IJ11" s="73">
        <v>169</v>
      </c>
      <c r="IK11" s="70">
        <v>45</v>
      </c>
      <c r="IL11" s="71">
        <v>28</v>
      </c>
      <c r="IM11" s="72">
        <v>73</v>
      </c>
      <c r="IN11" s="244"/>
      <c r="IO11" s="71">
        <v>118</v>
      </c>
      <c r="IP11" s="71">
        <v>68</v>
      </c>
      <c r="IQ11" s="71">
        <v>41</v>
      </c>
      <c r="IR11" s="71">
        <v>36</v>
      </c>
      <c r="IS11" s="71">
        <v>29</v>
      </c>
      <c r="IT11" s="72">
        <v>292</v>
      </c>
      <c r="IU11" s="73">
        <v>365</v>
      </c>
      <c r="IV11" s="70">
        <v>116</v>
      </c>
      <c r="IW11" s="71">
        <v>81</v>
      </c>
      <c r="IX11" s="72">
        <v>197</v>
      </c>
      <c r="IY11" s="244"/>
      <c r="IZ11" s="71">
        <v>179</v>
      </c>
      <c r="JA11" s="71">
        <v>111</v>
      </c>
      <c r="JB11" s="71">
        <v>77</v>
      </c>
      <c r="JC11" s="71">
        <v>50</v>
      </c>
      <c r="JD11" s="71">
        <v>31</v>
      </c>
      <c r="JE11" s="72">
        <v>448</v>
      </c>
      <c r="JF11" s="73">
        <v>645</v>
      </c>
      <c r="JG11" s="70">
        <v>92</v>
      </c>
      <c r="JH11" s="71">
        <v>60</v>
      </c>
      <c r="JI11" s="72">
        <v>152</v>
      </c>
      <c r="JJ11" s="244"/>
      <c r="JK11" s="71">
        <v>223</v>
      </c>
      <c r="JL11" s="71">
        <v>135</v>
      </c>
      <c r="JM11" s="71">
        <v>83</v>
      </c>
      <c r="JN11" s="71">
        <v>81</v>
      </c>
      <c r="JO11" s="71">
        <v>39</v>
      </c>
      <c r="JP11" s="72">
        <v>561</v>
      </c>
      <c r="JQ11" s="73">
        <v>713</v>
      </c>
      <c r="JR11" s="70">
        <v>0</v>
      </c>
      <c r="JS11" s="71">
        <v>0</v>
      </c>
      <c r="JT11" s="72">
        <v>0</v>
      </c>
      <c r="JU11" s="244"/>
      <c r="JV11" s="71">
        <v>0</v>
      </c>
      <c r="JW11" s="71">
        <v>0</v>
      </c>
      <c r="JX11" s="71">
        <v>0</v>
      </c>
      <c r="JY11" s="71">
        <v>0</v>
      </c>
      <c r="JZ11" s="71">
        <v>0</v>
      </c>
      <c r="KA11" s="72">
        <v>0</v>
      </c>
      <c r="KB11" s="73">
        <v>0</v>
      </c>
      <c r="KC11" s="70">
        <v>296</v>
      </c>
      <c r="KD11" s="71">
        <v>191</v>
      </c>
      <c r="KE11" s="72">
        <v>487</v>
      </c>
      <c r="KF11" s="244"/>
      <c r="KG11" s="71">
        <v>600</v>
      </c>
      <c r="KH11" s="71">
        <v>374</v>
      </c>
      <c r="KI11" s="71">
        <v>234</v>
      </c>
      <c r="KJ11" s="71">
        <v>194</v>
      </c>
      <c r="KK11" s="71">
        <v>115</v>
      </c>
      <c r="KL11" s="72">
        <v>1517</v>
      </c>
      <c r="KM11" s="73">
        <v>2004</v>
      </c>
    </row>
    <row r="12" spans="2:299" ht="21" customHeight="1" x14ac:dyDescent="0.2">
      <c r="B12" s="126" t="s">
        <v>8</v>
      </c>
      <c r="C12" s="315">
        <v>102</v>
      </c>
      <c r="D12" s="82">
        <v>67</v>
      </c>
      <c r="E12" s="83">
        <v>169</v>
      </c>
      <c r="F12" s="241"/>
      <c r="G12" s="82">
        <v>158</v>
      </c>
      <c r="H12" s="82">
        <v>109</v>
      </c>
      <c r="I12" s="82">
        <v>94</v>
      </c>
      <c r="J12" s="82">
        <v>58</v>
      </c>
      <c r="K12" s="82">
        <v>44</v>
      </c>
      <c r="L12" s="84">
        <v>463</v>
      </c>
      <c r="M12" s="85">
        <v>632</v>
      </c>
      <c r="N12" s="70">
        <v>3</v>
      </c>
      <c r="O12" s="71">
        <v>3</v>
      </c>
      <c r="P12" s="72">
        <v>6</v>
      </c>
      <c r="Q12" s="244"/>
      <c r="R12" s="71">
        <v>5</v>
      </c>
      <c r="S12" s="71">
        <v>5</v>
      </c>
      <c r="T12" s="71">
        <v>2</v>
      </c>
      <c r="U12" s="71">
        <v>1</v>
      </c>
      <c r="V12" s="71">
        <v>1</v>
      </c>
      <c r="W12" s="72">
        <v>14</v>
      </c>
      <c r="X12" s="73">
        <v>20</v>
      </c>
      <c r="Y12" s="70">
        <v>2</v>
      </c>
      <c r="Z12" s="71">
        <v>4</v>
      </c>
      <c r="AA12" s="72">
        <v>6</v>
      </c>
      <c r="AB12" s="244"/>
      <c r="AC12" s="71">
        <v>7</v>
      </c>
      <c r="AD12" s="71">
        <v>12</v>
      </c>
      <c r="AE12" s="71">
        <v>0</v>
      </c>
      <c r="AF12" s="71">
        <v>5</v>
      </c>
      <c r="AG12" s="71">
        <v>1</v>
      </c>
      <c r="AH12" s="72">
        <v>25</v>
      </c>
      <c r="AI12" s="73">
        <v>31</v>
      </c>
      <c r="AJ12" s="70">
        <v>8</v>
      </c>
      <c r="AK12" s="71">
        <v>4</v>
      </c>
      <c r="AL12" s="72">
        <v>12</v>
      </c>
      <c r="AM12" s="244"/>
      <c r="AN12" s="71">
        <v>15</v>
      </c>
      <c r="AO12" s="71">
        <v>10</v>
      </c>
      <c r="AP12" s="71">
        <v>5</v>
      </c>
      <c r="AQ12" s="71">
        <v>6</v>
      </c>
      <c r="AR12" s="71">
        <v>6</v>
      </c>
      <c r="AS12" s="72">
        <v>42</v>
      </c>
      <c r="AT12" s="73">
        <v>54</v>
      </c>
      <c r="AU12" s="70">
        <v>19</v>
      </c>
      <c r="AV12" s="71">
        <v>7</v>
      </c>
      <c r="AW12" s="72">
        <v>26</v>
      </c>
      <c r="AX12" s="244"/>
      <c r="AY12" s="71">
        <v>30</v>
      </c>
      <c r="AZ12" s="71">
        <v>21</v>
      </c>
      <c r="BA12" s="71">
        <v>13</v>
      </c>
      <c r="BB12" s="71">
        <v>8</v>
      </c>
      <c r="BC12" s="71">
        <v>10</v>
      </c>
      <c r="BD12" s="72">
        <v>82</v>
      </c>
      <c r="BE12" s="73">
        <v>108</v>
      </c>
      <c r="BF12" s="70">
        <v>37</v>
      </c>
      <c r="BG12" s="71">
        <v>22</v>
      </c>
      <c r="BH12" s="72">
        <v>59</v>
      </c>
      <c r="BI12" s="244"/>
      <c r="BJ12" s="71">
        <v>48</v>
      </c>
      <c r="BK12" s="71">
        <v>20</v>
      </c>
      <c r="BL12" s="71">
        <v>22</v>
      </c>
      <c r="BM12" s="71">
        <v>15</v>
      </c>
      <c r="BN12" s="71">
        <v>10</v>
      </c>
      <c r="BO12" s="72">
        <v>115</v>
      </c>
      <c r="BP12" s="73">
        <v>174</v>
      </c>
      <c r="BQ12" s="70">
        <v>33</v>
      </c>
      <c r="BR12" s="71">
        <v>27</v>
      </c>
      <c r="BS12" s="72">
        <v>60</v>
      </c>
      <c r="BT12" s="244"/>
      <c r="BU12" s="71">
        <v>53</v>
      </c>
      <c r="BV12" s="71">
        <v>41</v>
      </c>
      <c r="BW12" s="71">
        <v>52</v>
      </c>
      <c r="BX12" s="71">
        <v>23</v>
      </c>
      <c r="BY12" s="71">
        <v>16</v>
      </c>
      <c r="BZ12" s="72">
        <v>185</v>
      </c>
      <c r="CA12" s="73">
        <v>245</v>
      </c>
      <c r="CB12" s="70">
        <v>0</v>
      </c>
      <c r="CC12" s="71">
        <v>0</v>
      </c>
      <c r="CD12" s="72">
        <v>0</v>
      </c>
      <c r="CE12" s="244"/>
      <c r="CF12" s="71">
        <v>0</v>
      </c>
      <c r="CG12" s="71">
        <v>0</v>
      </c>
      <c r="CH12" s="71">
        <v>0</v>
      </c>
      <c r="CI12" s="71">
        <v>0</v>
      </c>
      <c r="CJ12" s="71">
        <v>0</v>
      </c>
      <c r="CK12" s="72">
        <v>0</v>
      </c>
      <c r="CL12" s="73">
        <v>0</v>
      </c>
      <c r="CM12" s="70">
        <v>102</v>
      </c>
      <c r="CN12" s="71">
        <v>67</v>
      </c>
      <c r="CO12" s="72">
        <v>169</v>
      </c>
      <c r="CP12" s="244"/>
      <c r="CQ12" s="71">
        <v>158</v>
      </c>
      <c r="CR12" s="71">
        <v>109</v>
      </c>
      <c r="CS12" s="71">
        <v>94</v>
      </c>
      <c r="CT12" s="71">
        <v>58</v>
      </c>
      <c r="CU12" s="71">
        <v>44</v>
      </c>
      <c r="CV12" s="72">
        <v>463</v>
      </c>
      <c r="CW12" s="73">
        <v>632</v>
      </c>
      <c r="CX12" s="123">
        <v>15</v>
      </c>
      <c r="CY12" s="82">
        <v>4</v>
      </c>
      <c r="CZ12" s="83">
        <v>19</v>
      </c>
      <c r="DA12" s="241"/>
      <c r="DB12" s="82">
        <v>20</v>
      </c>
      <c r="DC12" s="82">
        <v>30</v>
      </c>
      <c r="DD12" s="82">
        <v>14</v>
      </c>
      <c r="DE12" s="82">
        <v>12</v>
      </c>
      <c r="DF12" s="82">
        <v>6</v>
      </c>
      <c r="DG12" s="84">
        <v>82</v>
      </c>
      <c r="DH12" s="85">
        <v>101</v>
      </c>
      <c r="DI12" s="70">
        <v>2</v>
      </c>
      <c r="DJ12" s="71">
        <v>0</v>
      </c>
      <c r="DK12" s="72">
        <v>2</v>
      </c>
      <c r="DL12" s="244"/>
      <c r="DM12" s="71">
        <v>0</v>
      </c>
      <c r="DN12" s="71">
        <v>1</v>
      </c>
      <c r="DO12" s="71">
        <v>0</v>
      </c>
      <c r="DP12" s="71">
        <v>0</v>
      </c>
      <c r="DQ12" s="71">
        <v>0</v>
      </c>
      <c r="DR12" s="72">
        <v>1</v>
      </c>
      <c r="DS12" s="73">
        <v>3</v>
      </c>
      <c r="DT12" s="70">
        <v>1</v>
      </c>
      <c r="DU12" s="71">
        <v>0</v>
      </c>
      <c r="DV12" s="72">
        <v>1</v>
      </c>
      <c r="DW12" s="244"/>
      <c r="DX12" s="71">
        <v>1</v>
      </c>
      <c r="DY12" s="71">
        <v>2</v>
      </c>
      <c r="DZ12" s="71">
        <v>0</v>
      </c>
      <c r="EA12" s="71">
        <v>1</v>
      </c>
      <c r="EB12" s="71">
        <v>1</v>
      </c>
      <c r="EC12" s="72">
        <v>5</v>
      </c>
      <c r="ED12" s="73">
        <v>6</v>
      </c>
      <c r="EE12" s="70">
        <v>2</v>
      </c>
      <c r="EF12" s="71">
        <v>2</v>
      </c>
      <c r="EG12" s="72">
        <v>4</v>
      </c>
      <c r="EH12" s="244"/>
      <c r="EI12" s="71">
        <v>2</v>
      </c>
      <c r="EJ12" s="71">
        <v>2</v>
      </c>
      <c r="EK12" s="71">
        <v>0</v>
      </c>
      <c r="EL12" s="71">
        <v>1</v>
      </c>
      <c r="EM12" s="71">
        <v>0</v>
      </c>
      <c r="EN12" s="72">
        <v>5</v>
      </c>
      <c r="EO12" s="73">
        <v>9</v>
      </c>
      <c r="EP12" s="70">
        <v>3</v>
      </c>
      <c r="EQ12" s="71">
        <v>1</v>
      </c>
      <c r="ER12" s="72">
        <v>4</v>
      </c>
      <c r="ES12" s="244"/>
      <c r="ET12" s="71">
        <v>1</v>
      </c>
      <c r="EU12" s="71">
        <v>4</v>
      </c>
      <c r="EV12" s="71">
        <v>4</v>
      </c>
      <c r="EW12" s="71">
        <v>0</v>
      </c>
      <c r="EX12" s="71">
        <v>1</v>
      </c>
      <c r="EY12" s="72">
        <v>10</v>
      </c>
      <c r="EZ12" s="73">
        <v>14</v>
      </c>
      <c r="FA12" s="70">
        <v>3</v>
      </c>
      <c r="FB12" s="71">
        <v>1</v>
      </c>
      <c r="FC12" s="72">
        <v>4</v>
      </c>
      <c r="FD12" s="244"/>
      <c r="FE12" s="71">
        <v>7</v>
      </c>
      <c r="FF12" s="71">
        <v>8</v>
      </c>
      <c r="FG12" s="71">
        <v>1</v>
      </c>
      <c r="FH12" s="71">
        <v>1</v>
      </c>
      <c r="FI12" s="71">
        <v>2</v>
      </c>
      <c r="FJ12" s="72">
        <v>19</v>
      </c>
      <c r="FK12" s="73">
        <v>23</v>
      </c>
      <c r="FL12" s="70">
        <v>4</v>
      </c>
      <c r="FM12" s="71">
        <v>0</v>
      </c>
      <c r="FN12" s="72">
        <v>4</v>
      </c>
      <c r="FO12" s="244"/>
      <c r="FP12" s="71">
        <v>9</v>
      </c>
      <c r="FQ12" s="71">
        <v>13</v>
      </c>
      <c r="FR12" s="71">
        <v>9</v>
      </c>
      <c r="FS12" s="71">
        <v>9</v>
      </c>
      <c r="FT12" s="71">
        <v>2</v>
      </c>
      <c r="FU12" s="72">
        <v>42</v>
      </c>
      <c r="FV12" s="73">
        <v>46</v>
      </c>
      <c r="FW12" s="70">
        <v>0</v>
      </c>
      <c r="FX12" s="71">
        <v>0</v>
      </c>
      <c r="FY12" s="72">
        <v>0</v>
      </c>
      <c r="FZ12" s="244"/>
      <c r="GA12" s="71">
        <v>0</v>
      </c>
      <c r="GB12" s="71">
        <v>0</v>
      </c>
      <c r="GC12" s="71">
        <v>0</v>
      </c>
      <c r="GD12" s="71">
        <v>0</v>
      </c>
      <c r="GE12" s="71">
        <v>0</v>
      </c>
      <c r="GF12" s="72">
        <v>0</v>
      </c>
      <c r="GG12" s="73">
        <v>0</v>
      </c>
      <c r="GH12" s="70">
        <v>15</v>
      </c>
      <c r="GI12" s="71">
        <v>4</v>
      </c>
      <c r="GJ12" s="72">
        <v>19</v>
      </c>
      <c r="GK12" s="244"/>
      <c r="GL12" s="71">
        <v>20</v>
      </c>
      <c r="GM12" s="71">
        <v>30</v>
      </c>
      <c r="GN12" s="71">
        <v>14</v>
      </c>
      <c r="GO12" s="71">
        <v>12</v>
      </c>
      <c r="GP12" s="71">
        <v>6</v>
      </c>
      <c r="GQ12" s="72">
        <v>82</v>
      </c>
      <c r="GR12" s="73">
        <v>101</v>
      </c>
      <c r="GS12" s="123">
        <v>117</v>
      </c>
      <c r="GT12" s="82">
        <v>71</v>
      </c>
      <c r="GU12" s="83">
        <v>188</v>
      </c>
      <c r="GV12" s="241"/>
      <c r="GW12" s="82">
        <v>178</v>
      </c>
      <c r="GX12" s="82">
        <v>139</v>
      </c>
      <c r="GY12" s="82">
        <v>108</v>
      </c>
      <c r="GZ12" s="82">
        <v>70</v>
      </c>
      <c r="HA12" s="82">
        <v>50</v>
      </c>
      <c r="HB12" s="84">
        <v>545</v>
      </c>
      <c r="HC12" s="85">
        <v>733</v>
      </c>
      <c r="HD12" s="70">
        <v>5</v>
      </c>
      <c r="HE12" s="71">
        <v>3</v>
      </c>
      <c r="HF12" s="72">
        <v>8</v>
      </c>
      <c r="HG12" s="244"/>
      <c r="HH12" s="71">
        <v>5</v>
      </c>
      <c r="HI12" s="71">
        <v>6</v>
      </c>
      <c r="HJ12" s="71">
        <v>2</v>
      </c>
      <c r="HK12" s="71">
        <v>1</v>
      </c>
      <c r="HL12" s="71">
        <v>1</v>
      </c>
      <c r="HM12" s="72">
        <v>15</v>
      </c>
      <c r="HN12" s="73">
        <v>23</v>
      </c>
      <c r="HO12" s="70">
        <v>3</v>
      </c>
      <c r="HP12" s="71">
        <v>4</v>
      </c>
      <c r="HQ12" s="72">
        <v>7</v>
      </c>
      <c r="HR12" s="244"/>
      <c r="HS12" s="71">
        <v>8</v>
      </c>
      <c r="HT12" s="71">
        <v>14</v>
      </c>
      <c r="HU12" s="71">
        <v>0</v>
      </c>
      <c r="HV12" s="71">
        <v>6</v>
      </c>
      <c r="HW12" s="71">
        <v>2</v>
      </c>
      <c r="HX12" s="72">
        <v>30</v>
      </c>
      <c r="HY12" s="73">
        <v>37</v>
      </c>
      <c r="HZ12" s="70">
        <v>10</v>
      </c>
      <c r="IA12" s="71">
        <v>6</v>
      </c>
      <c r="IB12" s="72">
        <v>16</v>
      </c>
      <c r="IC12" s="244"/>
      <c r="ID12" s="71">
        <v>17</v>
      </c>
      <c r="IE12" s="71">
        <v>12</v>
      </c>
      <c r="IF12" s="71">
        <v>5</v>
      </c>
      <c r="IG12" s="71">
        <v>7</v>
      </c>
      <c r="IH12" s="71">
        <v>6</v>
      </c>
      <c r="II12" s="72">
        <v>47</v>
      </c>
      <c r="IJ12" s="73">
        <v>63</v>
      </c>
      <c r="IK12" s="70">
        <v>22</v>
      </c>
      <c r="IL12" s="71">
        <v>8</v>
      </c>
      <c r="IM12" s="72">
        <v>30</v>
      </c>
      <c r="IN12" s="244"/>
      <c r="IO12" s="71">
        <v>31</v>
      </c>
      <c r="IP12" s="71">
        <v>25</v>
      </c>
      <c r="IQ12" s="71">
        <v>17</v>
      </c>
      <c r="IR12" s="71">
        <v>8</v>
      </c>
      <c r="IS12" s="71">
        <v>11</v>
      </c>
      <c r="IT12" s="72">
        <v>92</v>
      </c>
      <c r="IU12" s="73">
        <v>122</v>
      </c>
      <c r="IV12" s="70">
        <v>40</v>
      </c>
      <c r="IW12" s="71">
        <v>23</v>
      </c>
      <c r="IX12" s="72">
        <v>63</v>
      </c>
      <c r="IY12" s="244"/>
      <c r="IZ12" s="71">
        <v>55</v>
      </c>
      <c r="JA12" s="71">
        <v>28</v>
      </c>
      <c r="JB12" s="71">
        <v>23</v>
      </c>
      <c r="JC12" s="71">
        <v>16</v>
      </c>
      <c r="JD12" s="71">
        <v>12</v>
      </c>
      <c r="JE12" s="72">
        <v>134</v>
      </c>
      <c r="JF12" s="73">
        <v>197</v>
      </c>
      <c r="JG12" s="70">
        <v>37</v>
      </c>
      <c r="JH12" s="71">
        <v>27</v>
      </c>
      <c r="JI12" s="72">
        <v>64</v>
      </c>
      <c r="JJ12" s="244"/>
      <c r="JK12" s="71">
        <v>62</v>
      </c>
      <c r="JL12" s="71">
        <v>54</v>
      </c>
      <c r="JM12" s="71">
        <v>61</v>
      </c>
      <c r="JN12" s="71">
        <v>32</v>
      </c>
      <c r="JO12" s="71">
        <v>18</v>
      </c>
      <c r="JP12" s="72">
        <v>227</v>
      </c>
      <c r="JQ12" s="73">
        <v>291</v>
      </c>
      <c r="JR12" s="70">
        <v>0</v>
      </c>
      <c r="JS12" s="71">
        <v>0</v>
      </c>
      <c r="JT12" s="72">
        <v>0</v>
      </c>
      <c r="JU12" s="244"/>
      <c r="JV12" s="71">
        <v>0</v>
      </c>
      <c r="JW12" s="71">
        <v>0</v>
      </c>
      <c r="JX12" s="71">
        <v>0</v>
      </c>
      <c r="JY12" s="71">
        <v>0</v>
      </c>
      <c r="JZ12" s="71">
        <v>0</v>
      </c>
      <c r="KA12" s="72">
        <v>0</v>
      </c>
      <c r="KB12" s="73">
        <v>0</v>
      </c>
      <c r="KC12" s="70">
        <v>117</v>
      </c>
      <c r="KD12" s="71">
        <v>71</v>
      </c>
      <c r="KE12" s="72">
        <v>188</v>
      </c>
      <c r="KF12" s="244"/>
      <c r="KG12" s="71">
        <v>178</v>
      </c>
      <c r="KH12" s="71">
        <v>139</v>
      </c>
      <c r="KI12" s="71">
        <v>108</v>
      </c>
      <c r="KJ12" s="71">
        <v>70</v>
      </c>
      <c r="KK12" s="71">
        <v>50</v>
      </c>
      <c r="KL12" s="72">
        <v>545</v>
      </c>
      <c r="KM12" s="73">
        <v>733</v>
      </c>
    </row>
    <row r="13" spans="2:299" ht="21" customHeight="1" x14ac:dyDescent="0.2">
      <c r="B13" s="126" t="s">
        <v>9</v>
      </c>
      <c r="C13" s="315">
        <v>188</v>
      </c>
      <c r="D13" s="82">
        <v>106</v>
      </c>
      <c r="E13" s="83">
        <v>294</v>
      </c>
      <c r="F13" s="241"/>
      <c r="G13" s="82">
        <v>207</v>
      </c>
      <c r="H13" s="82">
        <v>140</v>
      </c>
      <c r="I13" s="82">
        <v>118</v>
      </c>
      <c r="J13" s="82">
        <v>99</v>
      </c>
      <c r="K13" s="82">
        <v>53</v>
      </c>
      <c r="L13" s="84">
        <v>617</v>
      </c>
      <c r="M13" s="85">
        <v>911</v>
      </c>
      <c r="N13" s="70">
        <v>1</v>
      </c>
      <c r="O13" s="71">
        <v>0</v>
      </c>
      <c r="P13" s="72">
        <v>1</v>
      </c>
      <c r="Q13" s="244"/>
      <c r="R13" s="71">
        <v>0</v>
      </c>
      <c r="S13" s="71">
        <v>2</v>
      </c>
      <c r="T13" s="71">
        <v>2</v>
      </c>
      <c r="U13" s="71">
        <v>0</v>
      </c>
      <c r="V13" s="71">
        <v>0</v>
      </c>
      <c r="W13" s="72">
        <v>4</v>
      </c>
      <c r="X13" s="73">
        <v>5</v>
      </c>
      <c r="Y13" s="70">
        <v>8</v>
      </c>
      <c r="Z13" s="71">
        <v>2</v>
      </c>
      <c r="AA13" s="72">
        <v>10</v>
      </c>
      <c r="AB13" s="244"/>
      <c r="AC13" s="71">
        <v>4</v>
      </c>
      <c r="AD13" s="71">
        <v>4</v>
      </c>
      <c r="AE13" s="71">
        <v>0</v>
      </c>
      <c r="AF13" s="71">
        <v>2</v>
      </c>
      <c r="AG13" s="71">
        <v>1</v>
      </c>
      <c r="AH13" s="72">
        <v>11</v>
      </c>
      <c r="AI13" s="73">
        <v>21</v>
      </c>
      <c r="AJ13" s="70">
        <v>16</v>
      </c>
      <c r="AK13" s="71">
        <v>6</v>
      </c>
      <c r="AL13" s="72">
        <v>22</v>
      </c>
      <c r="AM13" s="244"/>
      <c r="AN13" s="71">
        <v>11</v>
      </c>
      <c r="AO13" s="71">
        <v>10</v>
      </c>
      <c r="AP13" s="71">
        <v>9</v>
      </c>
      <c r="AQ13" s="71">
        <v>6</v>
      </c>
      <c r="AR13" s="71">
        <v>7</v>
      </c>
      <c r="AS13" s="72">
        <v>43</v>
      </c>
      <c r="AT13" s="73">
        <v>65</v>
      </c>
      <c r="AU13" s="70">
        <v>32</v>
      </c>
      <c r="AV13" s="71">
        <v>17</v>
      </c>
      <c r="AW13" s="72">
        <v>49</v>
      </c>
      <c r="AX13" s="244"/>
      <c r="AY13" s="71">
        <v>24</v>
      </c>
      <c r="AZ13" s="71">
        <v>18</v>
      </c>
      <c r="BA13" s="71">
        <v>13</v>
      </c>
      <c r="BB13" s="71">
        <v>12</v>
      </c>
      <c r="BC13" s="71">
        <v>6</v>
      </c>
      <c r="BD13" s="72">
        <v>73</v>
      </c>
      <c r="BE13" s="73">
        <v>122</v>
      </c>
      <c r="BF13" s="70">
        <v>70</v>
      </c>
      <c r="BG13" s="71">
        <v>38</v>
      </c>
      <c r="BH13" s="72">
        <v>108</v>
      </c>
      <c r="BI13" s="244"/>
      <c r="BJ13" s="71">
        <v>80</v>
      </c>
      <c r="BK13" s="71">
        <v>45</v>
      </c>
      <c r="BL13" s="71">
        <v>36</v>
      </c>
      <c r="BM13" s="71">
        <v>33</v>
      </c>
      <c r="BN13" s="71">
        <v>12</v>
      </c>
      <c r="BO13" s="72">
        <v>206</v>
      </c>
      <c r="BP13" s="73">
        <v>314</v>
      </c>
      <c r="BQ13" s="70">
        <v>61</v>
      </c>
      <c r="BR13" s="71">
        <v>43</v>
      </c>
      <c r="BS13" s="72">
        <v>104</v>
      </c>
      <c r="BT13" s="244"/>
      <c r="BU13" s="71">
        <v>88</v>
      </c>
      <c r="BV13" s="71">
        <v>61</v>
      </c>
      <c r="BW13" s="71">
        <v>58</v>
      </c>
      <c r="BX13" s="71">
        <v>46</v>
      </c>
      <c r="BY13" s="71">
        <v>27</v>
      </c>
      <c r="BZ13" s="72">
        <v>280</v>
      </c>
      <c r="CA13" s="73">
        <v>384</v>
      </c>
      <c r="CB13" s="70">
        <v>0</v>
      </c>
      <c r="CC13" s="71">
        <v>0</v>
      </c>
      <c r="CD13" s="72">
        <v>0</v>
      </c>
      <c r="CE13" s="244"/>
      <c r="CF13" s="71">
        <v>0</v>
      </c>
      <c r="CG13" s="71">
        <v>0</v>
      </c>
      <c r="CH13" s="71">
        <v>0</v>
      </c>
      <c r="CI13" s="71">
        <v>0</v>
      </c>
      <c r="CJ13" s="71">
        <v>0</v>
      </c>
      <c r="CK13" s="72">
        <v>0</v>
      </c>
      <c r="CL13" s="73">
        <v>0</v>
      </c>
      <c r="CM13" s="70">
        <v>188</v>
      </c>
      <c r="CN13" s="71">
        <v>106</v>
      </c>
      <c r="CO13" s="72">
        <v>294</v>
      </c>
      <c r="CP13" s="244"/>
      <c r="CQ13" s="71">
        <v>207</v>
      </c>
      <c r="CR13" s="71">
        <v>140</v>
      </c>
      <c r="CS13" s="71">
        <v>118</v>
      </c>
      <c r="CT13" s="71">
        <v>99</v>
      </c>
      <c r="CU13" s="71">
        <v>53</v>
      </c>
      <c r="CV13" s="72">
        <v>617</v>
      </c>
      <c r="CW13" s="73">
        <v>911</v>
      </c>
      <c r="CX13" s="123">
        <v>33</v>
      </c>
      <c r="CY13" s="82">
        <v>20</v>
      </c>
      <c r="CZ13" s="83">
        <v>53</v>
      </c>
      <c r="DA13" s="241"/>
      <c r="DB13" s="82">
        <v>32</v>
      </c>
      <c r="DC13" s="82">
        <v>19</v>
      </c>
      <c r="DD13" s="82">
        <v>22</v>
      </c>
      <c r="DE13" s="82">
        <v>15</v>
      </c>
      <c r="DF13" s="82">
        <v>8</v>
      </c>
      <c r="DG13" s="84">
        <v>96</v>
      </c>
      <c r="DH13" s="85">
        <v>149</v>
      </c>
      <c r="DI13" s="70">
        <v>1</v>
      </c>
      <c r="DJ13" s="71">
        <v>0</v>
      </c>
      <c r="DK13" s="72">
        <v>1</v>
      </c>
      <c r="DL13" s="244"/>
      <c r="DM13" s="71">
        <v>0</v>
      </c>
      <c r="DN13" s="71">
        <v>0</v>
      </c>
      <c r="DO13" s="71">
        <v>1</v>
      </c>
      <c r="DP13" s="71">
        <v>0</v>
      </c>
      <c r="DQ13" s="71">
        <v>0</v>
      </c>
      <c r="DR13" s="72">
        <v>1</v>
      </c>
      <c r="DS13" s="73">
        <v>2</v>
      </c>
      <c r="DT13" s="70">
        <v>3</v>
      </c>
      <c r="DU13" s="71">
        <v>4</v>
      </c>
      <c r="DV13" s="72">
        <v>7</v>
      </c>
      <c r="DW13" s="244"/>
      <c r="DX13" s="71">
        <v>0</v>
      </c>
      <c r="DY13" s="71">
        <v>1</v>
      </c>
      <c r="DZ13" s="71">
        <v>1</v>
      </c>
      <c r="EA13" s="71">
        <v>0</v>
      </c>
      <c r="EB13" s="71">
        <v>0</v>
      </c>
      <c r="EC13" s="72">
        <v>2</v>
      </c>
      <c r="ED13" s="73">
        <v>9</v>
      </c>
      <c r="EE13" s="70">
        <v>5</v>
      </c>
      <c r="EF13" s="71">
        <v>0</v>
      </c>
      <c r="EG13" s="72">
        <v>5</v>
      </c>
      <c r="EH13" s="244"/>
      <c r="EI13" s="71">
        <v>3</v>
      </c>
      <c r="EJ13" s="71">
        <v>1</v>
      </c>
      <c r="EK13" s="71">
        <v>3</v>
      </c>
      <c r="EL13" s="71">
        <v>1</v>
      </c>
      <c r="EM13" s="71">
        <v>1</v>
      </c>
      <c r="EN13" s="72">
        <v>9</v>
      </c>
      <c r="EO13" s="73">
        <v>14</v>
      </c>
      <c r="EP13" s="70">
        <v>7</v>
      </c>
      <c r="EQ13" s="71">
        <v>4</v>
      </c>
      <c r="ER13" s="72">
        <v>11</v>
      </c>
      <c r="ES13" s="244"/>
      <c r="ET13" s="71">
        <v>9</v>
      </c>
      <c r="EU13" s="71">
        <v>1</v>
      </c>
      <c r="EV13" s="71">
        <v>0</v>
      </c>
      <c r="EW13" s="71">
        <v>1</v>
      </c>
      <c r="EX13" s="71">
        <v>0</v>
      </c>
      <c r="EY13" s="72">
        <v>11</v>
      </c>
      <c r="EZ13" s="73">
        <v>22</v>
      </c>
      <c r="FA13" s="70">
        <v>9</v>
      </c>
      <c r="FB13" s="71">
        <v>9</v>
      </c>
      <c r="FC13" s="72">
        <v>18</v>
      </c>
      <c r="FD13" s="244"/>
      <c r="FE13" s="71">
        <v>8</v>
      </c>
      <c r="FF13" s="71">
        <v>7</v>
      </c>
      <c r="FG13" s="71">
        <v>4</v>
      </c>
      <c r="FH13" s="71">
        <v>4</v>
      </c>
      <c r="FI13" s="71">
        <v>4</v>
      </c>
      <c r="FJ13" s="72">
        <v>27</v>
      </c>
      <c r="FK13" s="73">
        <v>45</v>
      </c>
      <c r="FL13" s="70">
        <v>8</v>
      </c>
      <c r="FM13" s="71">
        <v>3</v>
      </c>
      <c r="FN13" s="72">
        <v>11</v>
      </c>
      <c r="FO13" s="244"/>
      <c r="FP13" s="71">
        <v>12</v>
      </c>
      <c r="FQ13" s="71">
        <v>9</v>
      </c>
      <c r="FR13" s="71">
        <v>13</v>
      </c>
      <c r="FS13" s="71">
        <v>9</v>
      </c>
      <c r="FT13" s="71">
        <v>3</v>
      </c>
      <c r="FU13" s="72">
        <v>46</v>
      </c>
      <c r="FV13" s="73">
        <v>57</v>
      </c>
      <c r="FW13" s="70">
        <v>0</v>
      </c>
      <c r="FX13" s="71">
        <v>0</v>
      </c>
      <c r="FY13" s="72">
        <v>0</v>
      </c>
      <c r="FZ13" s="244"/>
      <c r="GA13" s="71">
        <v>0</v>
      </c>
      <c r="GB13" s="71">
        <v>0</v>
      </c>
      <c r="GC13" s="71">
        <v>0</v>
      </c>
      <c r="GD13" s="71">
        <v>0</v>
      </c>
      <c r="GE13" s="71">
        <v>0</v>
      </c>
      <c r="GF13" s="72">
        <v>0</v>
      </c>
      <c r="GG13" s="73">
        <v>0</v>
      </c>
      <c r="GH13" s="70">
        <v>33</v>
      </c>
      <c r="GI13" s="71">
        <v>20</v>
      </c>
      <c r="GJ13" s="72">
        <v>53</v>
      </c>
      <c r="GK13" s="244"/>
      <c r="GL13" s="71">
        <v>32</v>
      </c>
      <c r="GM13" s="71">
        <v>19</v>
      </c>
      <c r="GN13" s="71">
        <v>22</v>
      </c>
      <c r="GO13" s="71">
        <v>15</v>
      </c>
      <c r="GP13" s="71">
        <v>8</v>
      </c>
      <c r="GQ13" s="72">
        <v>96</v>
      </c>
      <c r="GR13" s="73">
        <v>149</v>
      </c>
      <c r="GS13" s="123">
        <v>221</v>
      </c>
      <c r="GT13" s="82">
        <v>126</v>
      </c>
      <c r="GU13" s="83">
        <v>347</v>
      </c>
      <c r="GV13" s="241"/>
      <c r="GW13" s="82">
        <v>239</v>
      </c>
      <c r="GX13" s="82">
        <v>159</v>
      </c>
      <c r="GY13" s="82">
        <v>140</v>
      </c>
      <c r="GZ13" s="82">
        <v>114</v>
      </c>
      <c r="HA13" s="82">
        <v>61</v>
      </c>
      <c r="HB13" s="84">
        <v>713</v>
      </c>
      <c r="HC13" s="85">
        <v>1060</v>
      </c>
      <c r="HD13" s="70">
        <v>2</v>
      </c>
      <c r="HE13" s="71">
        <v>0</v>
      </c>
      <c r="HF13" s="72">
        <v>2</v>
      </c>
      <c r="HG13" s="244"/>
      <c r="HH13" s="71">
        <v>0</v>
      </c>
      <c r="HI13" s="71">
        <v>2</v>
      </c>
      <c r="HJ13" s="71">
        <v>3</v>
      </c>
      <c r="HK13" s="71">
        <v>0</v>
      </c>
      <c r="HL13" s="71">
        <v>0</v>
      </c>
      <c r="HM13" s="72">
        <v>5</v>
      </c>
      <c r="HN13" s="73">
        <v>7</v>
      </c>
      <c r="HO13" s="70">
        <v>11</v>
      </c>
      <c r="HP13" s="71">
        <v>6</v>
      </c>
      <c r="HQ13" s="72">
        <v>17</v>
      </c>
      <c r="HR13" s="244"/>
      <c r="HS13" s="71">
        <v>4</v>
      </c>
      <c r="HT13" s="71">
        <v>5</v>
      </c>
      <c r="HU13" s="71">
        <v>1</v>
      </c>
      <c r="HV13" s="71">
        <v>2</v>
      </c>
      <c r="HW13" s="71">
        <v>1</v>
      </c>
      <c r="HX13" s="72">
        <v>13</v>
      </c>
      <c r="HY13" s="73">
        <v>30</v>
      </c>
      <c r="HZ13" s="70">
        <v>21</v>
      </c>
      <c r="IA13" s="71">
        <v>6</v>
      </c>
      <c r="IB13" s="72">
        <v>27</v>
      </c>
      <c r="IC13" s="244"/>
      <c r="ID13" s="71">
        <v>14</v>
      </c>
      <c r="IE13" s="71">
        <v>11</v>
      </c>
      <c r="IF13" s="71">
        <v>12</v>
      </c>
      <c r="IG13" s="71">
        <v>7</v>
      </c>
      <c r="IH13" s="71">
        <v>8</v>
      </c>
      <c r="II13" s="72">
        <v>52</v>
      </c>
      <c r="IJ13" s="73">
        <v>79</v>
      </c>
      <c r="IK13" s="70">
        <v>39</v>
      </c>
      <c r="IL13" s="71">
        <v>21</v>
      </c>
      <c r="IM13" s="72">
        <v>60</v>
      </c>
      <c r="IN13" s="244"/>
      <c r="IO13" s="71">
        <v>33</v>
      </c>
      <c r="IP13" s="71">
        <v>19</v>
      </c>
      <c r="IQ13" s="71">
        <v>13</v>
      </c>
      <c r="IR13" s="71">
        <v>13</v>
      </c>
      <c r="IS13" s="71">
        <v>6</v>
      </c>
      <c r="IT13" s="72">
        <v>84</v>
      </c>
      <c r="IU13" s="73">
        <v>144</v>
      </c>
      <c r="IV13" s="70">
        <v>79</v>
      </c>
      <c r="IW13" s="71">
        <v>47</v>
      </c>
      <c r="IX13" s="72">
        <v>126</v>
      </c>
      <c r="IY13" s="244"/>
      <c r="IZ13" s="71">
        <v>88</v>
      </c>
      <c r="JA13" s="71">
        <v>52</v>
      </c>
      <c r="JB13" s="71">
        <v>40</v>
      </c>
      <c r="JC13" s="71">
        <v>37</v>
      </c>
      <c r="JD13" s="71">
        <v>16</v>
      </c>
      <c r="JE13" s="72">
        <v>233</v>
      </c>
      <c r="JF13" s="73">
        <v>359</v>
      </c>
      <c r="JG13" s="70">
        <v>69</v>
      </c>
      <c r="JH13" s="71">
        <v>46</v>
      </c>
      <c r="JI13" s="72">
        <v>115</v>
      </c>
      <c r="JJ13" s="244"/>
      <c r="JK13" s="71">
        <v>100</v>
      </c>
      <c r="JL13" s="71">
        <v>70</v>
      </c>
      <c r="JM13" s="71">
        <v>71</v>
      </c>
      <c r="JN13" s="71">
        <v>55</v>
      </c>
      <c r="JO13" s="71">
        <v>30</v>
      </c>
      <c r="JP13" s="72">
        <v>326</v>
      </c>
      <c r="JQ13" s="73">
        <v>441</v>
      </c>
      <c r="JR13" s="70">
        <v>0</v>
      </c>
      <c r="JS13" s="71">
        <v>0</v>
      </c>
      <c r="JT13" s="72">
        <v>0</v>
      </c>
      <c r="JU13" s="244"/>
      <c r="JV13" s="71">
        <v>0</v>
      </c>
      <c r="JW13" s="71">
        <v>0</v>
      </c>
      <c r="JX13" s="71">
        <v>0</v>
      </c>
      <c r="JY13" s="71">
        <v>0</v>
      </c>
      <c r="JZ13" s="71">
        <v>0</v>
      </c>
      <c r="KA13" s="72">
        <v>0</v>
      </c>
      <c r="KB13" s="73">
        <v>0</v>
      </c>
      <c r="KC13" s="70">
        <v>221</v>
      </c>
      <c r="KD13" s="71">
        <v>126</v>
      </c>
      <c r="KE13" s="72">
        <v>347</v>
      </c>
      <c r="KF13" s="244"/>
      <c r="KG13" s="71">
        <v>239</v>
      </c>
      <c r="KH13" s="71">
        <v>159</v>
      </c>
      <c r="KI13" s="71">
        <v>140</v>
      </c>
      <c r="KJ13" s="71">
        <v>114</v>
      </c>
      <c r="KK13" s="71">
        <v>61</v>
      </c>
      <c r="KL13" s="72">
        <v>713</v>
      </c>
      <c r="KM13" s="73">
        <v>1060</v>
      </c>
    </row>
    <row r="14" spans="2:299" ht="21" customHeight="1" x14ac:dyDescent="0.2">
      <c r="B14" s="126" t="s">
        <v>10</v>
      </c>
      <c r="C14" s="315">
        <v>341</v>
      </c>
      <c r="D14" s="82">
        <v>201</v>
      </c>
      <c r="E14" s="83">
        <v>542</v>
      </c>
      <c r="F14" s="241"/>
      <c r="G14" s="82">
        <v>339</v>
      </c>
      <c r="H14" s="82">
        <v>191</v>
      </c>
      <c r="I14" s="82">
        <v>127</v>
      </c>
      <c r="J14" s="82">
        <v>142</v>
      </c>
      <c r="K14" s="82">
        <v>80</v>
      </c>
      <c r="L14" s="84">
        <v>879</v>
      </c>
      <c r="M14" s="85">
        <v>1421</v>
      </c>
      <c r="N14" s="70">
        <v>2</v>
      </c>
      <c r="O14" s="71">
        <v>2</v>
      </c>
      <c r="P14" s="72">
        <v>4</v>
      </c>
      <c r="Q14" s="244"/>
      <c r="R14" s="71">
        <v>5</v>
      </c>
      <c r="S14" s="71">
        <v>5</v>
      </c>
      <c r="T14" s="71">
        <v>1</v>
      </c>
      <c r="U14" s="71">
        <v>1</v>
      </c>
      <c r="V14" s="71">
        <v>2</v>
      </c>
      <c r="W14" s="72">
        <v>14</v>
      </c>
      <c r="X14" s="73">
        <v>18</v>
      </c>
      <c r="Y14" s="70">
        <v>8</v>
      </c>
      <c r="Z14" s="71">
        <v>7</v>
      </c>
      <c r="AA14" s="72">
        <v>15</v>
      </c>
      <c r="AB14" s="244"/>
      <c r="AC14" s="71">
        <v>17</v>
      </c>
      <c r="AD14" s="71">
        <v>8</v>
      </c>
      <c r="AE14" s="71">
        <v>5</v>
      </c>
      <c r="AF14" s="71">
        <v>6</v>
      </c>
      <c r="AG14" s="71">
        <v>2</v>
      </c>
      <c r="AH14" s="72">
        <v>38</v>
      </c>
      <c r="AI14" s="73">
        <v>53</v>
      </c>
      <c r="AJ14" s="70">
        <v>28</v>
      </c>
      <c r="AK14" s="71">
        <v>11</v>
      </c>
      <c r="AL14" s="72">
        <v>39</v>
      </c>
      <c r="AM14" s="244"/>
      <c r="AN14" s="71">
        <v>23</v>
      </c>
      <c r="AO14" s="71">
        <v>13</v>
      </c>
      <c r="AP14" s="71">
        <v>9</v>
      </c>
      <c r="AQ14" s="71">
        <v>11</v>
      </c>
      <c r="AR14" s="71">
        <v>5</v>
      </c>
      <c r="AS14" s="72">
        <v>61</v>
      </c>
      <c r="AT14" s="73">
        <v>100</v>
      </c>
      <c r="AU14" s="70">
        <v>69</v>
      </c>
      <c r="AV14" s="71">
        <v>45</v>
      </c>
      <c r="AW14" s="72">
        <v>114</v>
      </c>
      <c r="AX14" s="244"/>
      <c r="AY14" s="71">
        <v>70</v>
      </c>
      <c r="AZ14" s="71">
        <v>28</v>
      </c>
      <c r="BA14" s="71">
        <v>13</v>
      </c>
      <c r="BB14" s="71">
        <v>15</v>
      </c>
      <c r="BC14" s="71">
        <v>17</v>
      </c>
      <c r="BD14" s="72">
        <v>143</v>
      </c>
      <c r="BE14" s="73">
        <v>257</v>
      </c>
      <c r="BF14" s="70">
        <v>148</v>
      </c>
      <c r="BG14" s="71">
        <v>77</v>
      </c>
      <c r="BH14" s="72">
        <v>225</v>
      </c>
      <c r="BI14" s="244"/>
      <c r="BJ14" s="71">
        <v>100</v>
      </c>
      <c r="BK14" s="71">
        <v>55</v>
      </c>
      <c r="BL14" s="71">
        <v>35</v>
      </c>
      <c r="BM14" s="71">
        <v>45</v>
      </c>
      <c r="BN14" s="71">
        <v>27</v>
      </c>
      <c r="BO14" s="72">
        <v>262</v>
      </c>
      <c r="BP14" s="73">
        <v>487</v>
      </c>
      <c r="BQ14" s="70">
        <v>86</v>
      </c>
      <c r="BR14" s="71">
        <v>59</v>
      </c>
      <c r="BS14" s="72">
        <v>145</v>
      </c>
      <c r="BT14" s="244"/>
      <c r="BU14" s="71">
        <v>124</v>
      </c>
      <c r="BV14" s="71">
        <v>82</v>
      </c>
      <c r="BW14" s="71">
        <v>64</v>
      </c>
      <c r="BX14" s="71">
        <v>64</v>
      </c>
      <c r="BY14" s="71">
        <v>27</v>
      </c>
      <c r="BZ14" s="72">
        <v>361</v>
      </c>
      <c r="CA14" s="73">
        <v>506</v>
      </c>
      <c r="CB14" s="70">
        <v>0</v>
      </c>
      <c r="CC14" s="71">
        <v>0</v>
      </c>
      <c r="CD14" s="72">
        <v>0</v>
      </c>
      <c r="CE14" s="244"/>
      <c r="CF14" s="71">
        <v>0</v>
      </c>
      <c r="CG14" s="71">
        <v>0</v>
      </c>
      <c r="CH14" s="71">
        <v>0</v>
      </c>
      <c r="CI14" s="71">
        <v>0</v>
      </c>
      <c r="CJ14" s="71">
        <v>0</v>
      </c>
      <c r="CK14" s="72">
        <v>0</v>
      </c>
      <c r="CL14" s="73">
        <v>0</v>
      </c>
      <c r="CM14" s="70">
        <v>341</v>
      </c>
      <c r="CN14" s="71">
        <v>201</v>
      </c>
      <c r="CO14" s="72">
        <v>542</v>
      </c>
      <c r="CP14" s="244"/>
      <c r="CQ14" s="71">
        <v>339</v>
      </c>
      <c r="CR14" s="71">
        <v>191</v>
      </c>
      <c r="CS14" s="71">
        <v>127</v>
      </c>
      <c r="CT14" s="71">
        <v>142</v>
      </c>
      <c r="CU14" s="71">
        <v>80</v>
      </c>
      <c r="CV14" s="72">
        <v>879</v>
      </c>
      <c r="CW14" s="73">
        <v>1421</v>
      </c>
      <c r="CX14" s="123">
        <v>47</v>
      </c>
      <c r="CY14" s="82">
        <v>30</v>
      </c>
      <c r="CZ14" s="83">
        <v>77</v>
      </c>
      <c r="DA14" s="241"/>
      <c r="DB14" s="82">
        <v>56</v>
      </c>
      <c r="DC14" s="82">
        <v>19</v>
      </c>
      <c r="DD14" s="82">
        <v>18</v>
      </c>
      <c r="DE14" s="82">
        <v>18</v>
      </c>
      <c r="DF14" s="82">
        <v>17</v>
      </c>
      <c r="DG14" s="84">
        <v>128</v>
      </c>
      <c r="DH14" s="85">
        <v>205</v>
      </c>
      <c r="DI14" s="70">
        <v>0</v>
      </c>
      <c r="DJ14" s="71">
        <v>2</v>
      </c>
      <c r="DK14" s="72">
        <v>2</v>
      </c>
      <c r="DL14" s="244"/>
      <c r="DM14" s="71">
        <v>1</v>
      </c>
      <c r="DN14" s="71">
        <v>0</v>
      </c>
      <c r="DO14" s="71">
        <v>0</v>
      </c>
      <c r="DP14" s="71">
        <v>0</v>
      </c>
      <c r="DQ14" s="71">
        <v>0</v>
      </c>
      <c r="DR14" s="72">
        <v>1</v>
      </c>
      <c r="DS14" s="73">
        <v>3</v>
      </c>
      <c r="DT14" s="70">
        <v>4</v>
      </c>
      <c r="DU14" s="71">
        <v>0</v>
      </c>
      <c r="DV14" s="72">
        <v>4</v>
      </c>
      <c r="DW14" s="244"/>
      <c r="DX14" s="71">
        <v>2</v>
      </c>
      <c r="DY14" s="71">
        <v>0</v>
      </c>
      <c r="DZ14" s="71">
        <v>1</v>
      </c>
      <c r="EA14" s="71">
        <v>0</v>
      </c>
      <c r="EB14" s="71">
        <v>0</v>
      </c>
      <c r="EC14" s="72">
        <v>3</v>
      </c>
      <c r="ED14" s="73">
        <v>7</v>
      </c>
      <c r="EE14" s="70">
        <v>3</v>
      </c>
      <c r="EF14" s="71">
        <v>1</v>
      </c>
      <c r="EG14" s="72">
        <v>4</v>
      </c>
      <c r="EH14" s="244"/>
      <c r="EI14" s="71">
        <v>5</v>
      </c>
      <c r="EJ14" s="71">
        <v>2</v>
      </c>
      <c r="EK14" s="71">
        <v>1</v>
      </c>
      <c r="EL14" s="71">
        <v>0</v>
      </c>
      <c r="EM14" s="71">
        <v>0</v>
      </c>
      <c r="EN14" s="72">
        <v>8</v>
      </c>
      <c r="EO14" s="73">
        <v>12</v>
      </c>
      <c r="EP14" s="70">
        <v>9</v>
      </c>
      <c r="EQ14" s="71">
        <v>6</v>
      </c>
      <c r="ER14" s="72">
        <v>15</v>
      </c>
      <c r="ES14" s="244"/>
      <c r="ET14" s="71">
        <v>10</v>
      </c>
      <c r="EU14" s="71">
        <v>4</v>
      </c>
      <c r="EV14" s="71">
        <v>2</v>
      </c>
      <c r="EW14" s="71">
        <v>5</v>
      </c>
      <c r="EX14" s="71">
        <v>2</v>
      </c>
      <c r="EY14" s="72">
        <v>23</v>
      </c>
      <c r="EZ14" s="73">
        <v>38</v>
      </c>
      <c r="FA14" s="70">
        <v>19</v>
      </c>
      <c r="FB14" s="71">
        <v>11</v>
      </c>
      <c r="FC14" s="72">
        <v>30</v>
      </c>
      <c r="FD14" s="244"/>
      <c r="FE14" s="71">
        <v>15</v>
      </c>
      <c r="FF14" s="71">
        <v>4</v>
      </c>
      <c r="FG14" s="71">
        <v>5</v>
      </c>
      <c r="FH14" s="71">
        <v>2</v>
      </c>
      <c r="FI14" s="71">
        <v>5</v>
      </c>
      <c r="FJ14" s="72">
        <v>31</v>
      </c>
      <c r="FK14" s="73">
        <v>61</v>
      </c>
      <c r="FL14" s="70">
        <v>12</v>
      </c>
      <c r="FM14" s="71">
        <v>10</v>
      </c>
      <c r="FN14" s="72">
        <v>22</v>
      </c>
      <c r="FO14" s="244"/>
      <c r="FP14" s="71">
        <v>23</v>
      </c>
      <c r="FQ14" s="71">
        <v>9</v>
      </c>
      <c r="FR14" s="71">
        <v>9</v>
      </c>
      <c r="FS14" s="71">
        <v>11</v>
      </c>
      <c r="FT14" s="71">
        <v>10</v>
      </c>
      <c r="FU14" s="72">
        <v>62</v>
      </c>
      <c r="FV14" s="73">
        <v>84</v>
      </c>
      <c r="FW14" s="70">
        <v>0</v>
      </c>
      <c r="FX14" s="71">
        <v>0</v>
      </c>
      <c r="FY14" s="72">
        <v>0</v>
      </c>
      <c r="FZ14" s="244"/>
      <c r="GA14" s="71">
        <v>0</v>
      </c>
      <c r="GB14" s="71">
        <v>0</v>
      </c>
      <c r="GC14" s="71">
        <v>0</v>
      </c>
      <c r="GD14" s="71">
        <v>0</v>
      </c>
      <c r="GE14" s="71">
        <v>0</v>
      </c>
      <c r="GF14" s="72">
        <v>0</v>
      </c>
      <c r="GG14" s="73">
        <v>0</v>
      </c>
      <c r="GH14" s="70">
        <v>47</v>
      </c>
      <c r="GI14" s="71">
        <v>30</v>
      </c>
      <c r="GJ14" s="72">
        <v>77</v>
      </c>
      <c r="GK14" s="244"/>
      <c r="GL14" s="71">
        <v>56</v>
      </c>
      <c r="GM14" s="71">
        <v>19</v>
      </c>
      <c r="GN14" s="71">
        <v>18</v>
      </c>
      <c r="GO14" s="71">
        <v>18</v>
      </c>
      <c r="GP14" s="71">
        <v>17</v>
      </c>
      <c r="GQ14" s="72">
        <v>128</v>
      </c>
      <c r="GR14" s="73">
        <v>205</v>
      </c>
      <c r="GS14" s="123">
        <v>388</v>
      </c>
      <c r="GT14" s="82">
        <v>231</v>
      </c>
      <c r="GU14" s="83">
        <v>619</v>
      </c>
      <c r="GV14" s="241"/>
      <c r="GW14" s="82">
        <v>395</v>
      </c>
      <c r="GX14" s="82">
        <v>210</v>
      </c>
      <c r="GY14" s="82">
        <v>145</v>
      </c>
      <c r="GZ14" s="82">
        <v>160</v>
      </c>
      <c r="HA14" s="82">
        <v>97</v>
      </c>
      <c r="HB14" s="84">
        <v>1007</v>
      </c>
      <c r="HC14" s="85">
        <v>1626</v>
      </c>
      <c r="HD14" s="70">
        <v>2</v>
      </c>
      <c r="HE14" s="71">
        <v>4</v>
      </c>
      <c r="HF14" s="72">
        <v>6</v>
      </c>
      <c r="HG14" s="244"/>
      <c r="HH14" s="71">
        <v>6</v>
      </c>
      <c r="HI14" s="71">
        <v>5</v>
      </c>
      <c r="HJ14" s="71">
        <v>1</v>
      </c>
      <c r="HK14" s="71">
        <v>1</v>
      </c>
      <c r="HL14" s="71">
        <v>2</v>
      </c>
      <c r="HM14" s="72">
        <v>15</v>
      </c>
      <c r="HN14" s="73">
        <v>21</v>
      </c>
      <c r="HO14" s="70">
        <v>12</v>
      </c>
      <c r="HP14" s="71">
        <v>7</v>
      </c>
      <c r="HQ14" s="72">
        <v>19</v>
      </c>
      <c r="HR14" s="244"/>
      <c r="HS14" s="71">
        <v>19</v>
      </c>
      <c r="HT14" s="71">
        <v>8</v>
      </c>
      <c r="HU14" s="71">
        <v>6</v>
      </c>
      <c r="HV14" s="71">
        <v>6</v>
      </c>
      <c r="HW14" s="71">
        <v>2</v>
      </c>
      <c r="HX14" s="72">
        <v>41</v>
      </c>
      <c r="HY14" s="73">
        <v>60</v>
      </c>
      <c r="HZ14" s="70">
        <v>31</v>
      </c>
      <c r="IA14" s="71">
        <v>12</v>
      </c>
      <c r="IB14" s="72">
        <v>43</v>
      </c>
      <c r="IC14" s="244"/>
      <c r="ID14" s="71">
        <v>28</v>
      </c>
      <c r="IE14" s="71">
        <v>15</v>
      </c>
      <c r="IF14" s="71">
        <v>10</v>
      </c>
      <c r="IG14" s="71">
        <v>11</v>
      </c>
      <c r="IH14" s="71">
        <v>5</v>
      </c>
      <c r="II14" s="72">
        <v>69</v>
      </c>
      <c r="IJ14" s="73">
        <v>112</v>
      </c>
      <c r="IK14" s="70">
        <v>78</v>
      </c>
      <c r="IL14" s="71">
        <v>51</v>
      </c>
      <c r="IM14" s="72">
        <v>129</v>
      </c>
      <c r="IN14" s="244"/>
      <c r="IO14" s="71">
        <v>80</v>
      </c>
      <c r="IP14" s="71">
        <v>32</v>
      </c>
      <c r="IQ14" s="71">
        <v>15</v>
      </c>
      <c r="IR14" s="71">
        <v>20</v>
      </c>
      <c r="IS14" s="71">
        <v>19</v>
      </c>
      <c r="IT14" s="72">
        <v>166</v>
      </c>
      <c r="IU14" s="73">
        <v>295</v>
      </c>
      <c r="IV14" s="70">
        <v>167</v>
      </c>
      <c r="IW14" s="71">
        <v>88</v>
      </c>
      <c r="IX14" s="72">
        <v>255</v>
      </c>
      <c r="IY14" s="244"/>
      <c r="IZ14" s="71">
        <v>115</v>
      </c>
      <c r="JA14" s="71">
        <v>59</v>
      </c>
      <c r="JB14" s="71">
        <v>40</v>
      </c>
      <c r="JC14" s="71">
        <v>47</v>
      </c>
      <c r="JD14" s="71">
        <v>32</v>
      </c>
      <c r="JE14" s="72">
        <v>293</v>
      </c>
      <c r="JF14" s="73">
        <v>548</v>
      </c>
      <c r="JG14" s="70">
        <v>98</v>
      </c>
      <c r="JH14" s="71">
        <v>69</v>
      </c>
      <c r="JI14" s="72">
        <v>167</v>
      </c>
      <c r="JJ14" s="244"/>
      <c r="JK14" s="71">
        <v>147</v>
      </c>
      <c r="JL14" s="71">
        <v>91</v>
      </c>
      <c r="JM14" s="71">
        <v>73</v>
      </c>
      <c r="JN14" s="71">
        <v>75</v>
      </c>
      <c r="JO14" s="71">
        <v>37</v>
      </c>
      <c r="JP14" s="72">
        <v>423</v>
      </c>
      <c r="JQ14" s="73">
        <v>590</v>
      </c>
      <c r="JR14" s="70">
        <v>0</v>
      </c>
      <c r="JS14" s="71">
        <v>0</v>
      </c>
      <c r="JT14" s="72">
        <v>0</v>
      </c>
      <c r="JU14" s="244"/>
      <c r="JV14" s="71">
        <v>0</v>
      </c>
      <c r="JW14" s="71">
        <v>0</v>
      </c>
      <c r="JX14" s="71">
        <v>0</v>
      </c>
      <c r="JY14" s="71">
        <v>0</v>
      </c>
      <c r="JZ14" s="71">
        <v>0</v>
      </c>
      <c r="KA14" s="72">
        <v>0</v>
      </c>
      <c r="KB14" s="73">
        <v>0</v>
      </c>
      <c r="KC14" s="70">
        <v>388</v>
      </c>
      <c r="KD14" s="71">
        <v>231</v>
      </c>
      <c r="KE14" s="72">
        <v>619</v>
      </c>
      <c r="KF14" s="244"/>
      <c r="KG14" s="71">
        <v>395</v>
      </c>
      <c r="KH14" s="71">
        <v>210</v>
      </c>
      <c r="KI14" s="71">
        <v>145</v>
      </c>
      <c r="KJ14" s="71">
        <v>160</v>
      </c>
      <c r="KK14" s="71">
        <v>97</v>
      </c>
      <c r="KL14" s="72">
        <v>1007</v>
      </c>
      <c r="KM14" s="73">
        <v>1626</v>
      </c>
    </row>
    <row r="15" spans="2:299" ht="21" customHeight="1" x14ac:dyDescent="0.2">
      <c r="B15" s="126" t="s">
        <v>11</v>
      </c>
      <c r="C15" s="315">
        <v>84</v>
      </c>
      <c r="D15" s="82">
        <v>61</v>
      </c>
      <c r="E15" s="83">
        <v>145</v>
      </c>
      <c r="F15" s="241"/>
      <c r="G15" s="82">
        <v>136</v>
      </c>
      <c r="H15" s="82">
        <v>79</v>
      </c>
      <c r="I15" s="82">
        <v>64</v>
      </c>
      <c r="J15" s="82">
        <v>64</v>
      </c>
      <c r="K15" s="82">
        <v>26</v>
      </c>
      <c r="L15" s="84">
        <v>369</v>
      </c>
      <c r="M15" s="85">
        <v>514</v>
      </c>
      <c r="N15" s="70">
        <v>2</v>
      </c>
      <c r="O15" s="71">
        <v>1</v>
      </c>
      <c r="P15" s="72">
        <v>3</v>
      </c>
      <c r="Q15" s="244"/>
      <c r="R15" s="71">
        <v>5</v>
      </c>
      <c r="S15" s="71">
        <v>2</v>
      </c>
      <c r="T15" s="71">
        <v>2</v>
      </c>
      <c r="U15" s="71">
        <v>1</v>
      </c>
      <c r="V15" s="71">
        <v>0</v>
      </c>
      <c r="W15" s="72">
        <v>10</v>
      </c>
      <c r="X15" s="73">
        <v>13</v>
      </c>
      <c r="Y15" s="70">
        <v>6</v>
      </c>
      <c r="Z15" s="71">
        <v>6</v>
      </c>
      <c r="AA15" s="72">
        <v>12</v>
      </c>
      <c r="AB15" s="244"/>
      <c r="AC15" s="71">
        <v>8</v>
      </c>
      <c r="AD15" s="71">
        <v>1</v>
      </c>
      <c r="AE15" s="71">
        <v>8</v>
      </c>
      <c r="AF15" s="71">
        <v>3</v>
      </c>
      <c r="AG15" s="71">
        <v>2</v>
      </c>
      <c r="AH15" s="72">
        <v>22</v>
      </c>
      <c r="AI15" s="73">
        <v>34</v>
      </c>
      <c r="AJ15" s="70">
        <v>4</v>
      </c>
      <c r="AK15" s="71">
        <v>3</v>
      </c>
      <c r="AL15" s="72">
        <v>7</v>
      </c>
      <c r="AM15" s="244"/>
      <c r="AN15" s="71">
        <v>7</v>
      </c>
      <c r="AO15" s="71">
        <v>9</v>
      </c>
      <c r="AP15" s="71">
        <v>7</v>
      </c>
      <c r="AQ15" s="71">
        <v>5</v>
      </c>
      <c r="AR15" s="71">
        <v>0</v>
      </c>
      <c r="AS15" s="72">
        <v>28</v>
      </c>
      <c r="AT15" s="73">
        <v>35</v>
      </c>
      <c r="AU15" s="70">
        <v>12</v>
      </c>
      <c r="AV15" s="71">
        <v>10</v>
      </c>
      <c r="AW15" s="72">
        <v>22</v>
      </c>
      <c r="AX15" s="244"/>
      <c r="AY15" s="71">
        <v>28</v>
      </c>
      <c r="AZ15" s="71">
        <v>15</v>
      </c>
      <c r="BA15" s="71">
        <v>5</v>
      </c>
      <c r="BB15" s="71">
        <v>9</v>
      </c>
      <c r="BC15" s="71">
        <v>9</v>
      </c>
      <c r="BD15" s="72">
        <v>66</v>
      </c>
      <c r="BE15" s="73">
        <v>88</v>
      </c>
      <c r="BF15" s="70">
        <v>31</v>
      </c>
      <c r="BG15" s="71">
        <v>24</v>
      </c>
      <c r="BH15" s="72">
        <v>55</v>
      </c>
      <c r="BI15" s="244"/>
      <c r="BJ15" s="71">
        <v>39</v>
      </c>
      <c r="BK15" s="71">
        <v>23</v>
      </c>
      <c r="BL15" s="71">
        <v>17</v>
      </c>
      <c r="BM15" s="71">
        <v>26</v>
      </c>
      <c r="BN15" s="71">
        <v>9</v>
      </c>
      <c r="BO15" s="72">
        <v>114</v>
      </c>
      <c r="BP15" s="73">
        <v>169</v>
      </c>
      <c r="BQ15" s="70">
        <v>29</v>
      </c>
      <c r="BR15" s="71">
        <v>17</v>
      </c>
      <c r="BS15" s="72">
        <v>46</v>
      </c>
      <c r="BT15" s="244"/>
      <c r="BU15" s="71">
        <v>49</v>
      </c>
      <c r="BV15" s="71">
        <v>29</v>
      </c>
      <c r="BW15" s="71">
        <v>25</v>
      </c>
      <c r="BX15" s="71">
        <v>20</v>
      </c>
      <c r="BY15" s="71">
        <v>6</v>
      </c>
      <c r="BZ15" s="72">
        <v>129</v>
      </c>
      <c r="CA15" s="73">
        <v>175</v>
      </c>
      <c r="CB15" s="70">
        <v>0</v>
      </c>
      <c r="CC15" s="71">
        <v>0</v>
      </c>
      <c r="CD15" s="72">
        <v>0</v>
      </c>
      <c r="CE15" s="244"/>
      <c r="CF15" s="71">
        <v>0</v>
      </c>
      <c r="CG15" s="71">
        <v>0</v>
      </c>
      <c r="CH15" s="71">
        <v>0</v>
      </c>
      <c r="CI15" s="71">
        <v>0</v>
      </c>
      <c r="CJ15" s="71">
        <v>0</v>
      </c>
      <c r="CK15" s="72">
        <v>0</v>
      </c>
      <c r="CL15" s="73">
        <v>0</v>
      </c>
      <c r="CM15" s="70">
        <v>84</v>
      </c>
      <c r="CN15" s="71">
        <v>61</v>
      </c>
      <c r="CO15" s="72">
        <v>145</v>
      </c>
      <c r="CP15" s="244"/>
      <c r="CQ15" s="71">
        <v>136</v>
      </c>
      <c r="CR15" s="71">
        <v>79</v>
      </c>
      <c r="CS15" s="71">
        <v>64</v>
      </c>
      <c r="CT15" s="71">
        <v>64</v>
      </c>
      <c r="CU15" s="71">
        <v>26</v>
      </c>
      <c r="CV15" s="72">
        <v>369</v>
      </c>
      <c r="CW15" s="73">
        <v>514</v>
      </c>
      <c r="CX15" s="123">
        <v>14</v>
      </c>
      <c r="CY15" s="82">
        <v>12</v>
      </c>
      <c r="CZ15" s="83">
        <v>26</v>
      </c>
      <c r="DA15" s="241"/>
      <c r="DB15" s="82">
        <v>11</v>
      </c>
      <c r="DC15" s="82">
        <v>17</v>
      </c>
      <c r="DD15" s="82">
        <v>8</v>
      </c>
      <c r="DE15" s="82">
        <v>16</v>
      </c>
      <c r="DF15" s="82">
        <v>10</v>
      </c>
      <c r="DG15" s="84">
        <v>62</v>
      </c>
      <c r="DH15" s="85">
        <v>88</v>
      </c>
      <c r="DI15" s="70">
        <v>0</v>
      </c>
      <c r="DJ15" s="71">
        <v>0</v>
      </c>
      <c r="DK15" s="72">
        <v>0</v>
      </c>
      <c r="DL15" s="244"/>
      <c r="DM15" s="71">
        <v>0</v>
      </c>
      <c r="DN15" s="71">
        <v>0</v>
      </c>
      <c r="DO15" s="71">
        <v>0</v>
      </c>
      <c r="DP15" s="71">
        <v>0</v>
      </c>
      <c r="DQ15" s="71">
        <v>0</v>
      </c>
      <c r="DR15" s="72">
        <v>0</v>
      </c>
      <c r="DS15" s="73">
        <v>0</v>
      </c>
      <c r="DT15" s="70">
        <v>0</v>
      </c>
      <c r="DU15" s="71">
        <v>1</v>
      </c>
      <c r="DV15" s="72">
        <v>1</v>
      </c>
      <c r="DW15" s="244"/>
      <c r="DX15" s="71">
        <v>1</v>
      </c>
      <c r="DY15" s="71">
        <v>0</v>
      </c>
      <c r="DZ15" s="71">
        <v>0</v>
      </c>
      <c r="EA15" s="71">
        <v>1</v>
      </c>
      <c r="EB15" s="71">
        <v>0</v>
      </c>
      <c r="EC15" s="72">
        <v>2</v>
      </c>
      <c r="ED15" s="73">
        <v>3</v>
      </c>
      <c r="EE15" s="70">
        <v>0</v>
      </c>
      <c r="EF15" s="71">
        <v>0</v>
      </c>
      <c r="EG15" s="72">
        <v>0</v>
      </c>
      <c r="EH15" s="244"/>
      <c r="EI15" s="71">
        <v>1</v>
      </c>
      <c r="EJ15" s="71">
        <v>3</v>
      </c>
      <c r="EK15" s="71">
        <v>1</v>
      </c>
      <c r="EL15" s="71">
        <v>0</v>
      </c>
      <c r="EM15" s="71">
        <v>0</v>
      </c>
      <c r="EN15" s="72">
        <v>5</v>
      </c>
      <c r="EO15" s="73">
        <v>5</v>
      </c>
      <c r="EP15" s="70">
        <v>5</v>
      </c>
      <c r="EQ15" s="71">
        <v>1</v>
      </c>
      <c r="ER15" s="72">
        <v>6</v>
      </c>
      <c r="ES15" s="244"/>
      <c r="ET15" s="71">
        <v>1</v>
      </c>
      <c r="EU15" s="71">
        <v>2</v>
      </c>
      <c r="EV15" s="71">
        <v>0</v>
      </c>
      <c r="EW15" s="71">
        <v>0</v>
      </c>
      <c r="EX15" s="71">
        <v>1</v>
      </c>
      <c r="EY15" s="72">
        <v>4</v>
      </c>
      <c r="EZ15" s="73">
        <v>10</v>
      </c>
      <c r="FA15" s="70">
        <v>4</v>
      </c>
      <c r="FB15" s="71">
        <v>8</v>
      </c>
      <c r="FC15" s="72">
        <v>12</v>
      </c>
      <c r="FD15" s="244"/>
      <c r="FE15" s="71">
        <v>6</v>
      </c>
      <c r="FF15" s="71">
        <v>6</v>
      </c>
      <c r="FG15" s="71">
        <v>1</v>
      </c>
      <c r="FH15" s="71">
        <v>6</v>
      </c>
      <c r="FI15" s="71">
        <v>3</v>
      </c>
      <c r="FJ15" s="72">
        <v>22</v>
      </c>
      <c r="FK15" s="73">
        <v>34</v>
      </c>
      <c r="FL15" s="70">
        <v>5</v>
      </c>
      <c r="FM15" s="71">
        <v>2</v>
      </c>
      <c r="FN15" s="72">
        <v>7</v>
      </c>
      <c r="FO15" s="244"/>
      <c r="FP15" s="71">
        <v>2</v>
      </c>
      <c r="FQ15" s="71">
        <v>6</v>
      </c>
      <c r="FR15" s="71">
        <v>6</v>
      </c>
      <c r="FS15" s="71">
        <v>9</v>
      </c>
      <c r="FT15" s="71">
        <v>6</v>
      </c>
      <c r="FU15" s="72">
        <v>29</v>
      </c>
      <c r="FV15" s="73">
        <v>36</v>
      </c>
      <c r="FW15" s="70">
        <v>0</v>
      </c>
      <c r="FX15" s="71">
        <v>0</v>
      </c>
      <c r="FY15" s="72">
        <v>0</v>
      </c>
      <c r="FZ15" s="244"/>
      <c r="GA15" s="71">
        <v>0</v>
      </c>
      <c r="GB15" s="71">
        <v>0</v>
      </c>
      <c r="GC15" s="71">
        <v>0</v>
      </c>
      <c r="GD15" s="71">
        <v>0</v>
      </c>
      <c r="GE15" s="71">
        <v>0</v>
      </c>
      <c r="GF15" s="72">
        <v>0</v>
      </c>
      <c r="GG15" s="73">
        <v>0</v>
      </c>
      <c r="GH15" s="70">
        <v>14</v>
      </c>
      <c r="GI15" s="71">
        <v>12</v>
      </c>
      <c r="GJ15" s="72">
        <v>26</v>
      </c>
      <c r="GK15" s="244"/>
      <c r="GL15" s="71">
        <v>11</v>
      </c>
      <c r="GM15" s="71">
        <v>17</v>
      </c>
      <c r="GN15" s="71">
        <v>8</v>
      </c>
      <c r="GO15" s="71">
        <v>16</v>
      </c>
      <c r="GP15" s="71">
        <v>10</v>
      </c>
      <c r="GQ15" s="72">
        <v>62</v>
      </c>
      <c r="GR15" s="73">
        <v>88</v>
      </c>
      <c r="GS15" s="123">
        <v>98</v>
      </c>
      <c r="GT15" s="82">
        <v>73</v>
      </c>
      <c r="GU15" s="83">
        <v>171</v>
      </c>
      <c r="GV15" s="241"/>
      <c r="GW15" s="82">
        <v>147</v>
      </c>
      <c r="GX15" s="82">
        <v>96</v>
      </c>
      <c r="GY15" s="82">
        <v>72</v>
      </c>
      <c r="GZ15" s="82">
        <v>80</v>
      </c>
      <c r="HA15" s="82">
        <v>36</v>
      </c>
      <c r="HB15" s="84">
        <v>431</v>
      </c>
      <c r="HC15" s="85">
        <v>602</v>
      </c>
      <c r="HD15" s="70">
        <v>2</v>
      </c>
      <c r="HE15" s="71">
        <v>1</v>
      </c>
      <c r="HF15" s="72">
        <v>3</v>
      </c>
      <c r="HG15" s="244"/>
      <c r="HH15" s="71">
        <v>5</v>
      </c>
      <c r="HI15" s="71">
        <v>2</v>
      </c>
      <c r="HJ15" s="71">
        <v>2</v>
      </c>
      <c r="HK15" s="71">
        <v>1</v>
      </c>
      <c r="HL15" s="71">
        <v>0</v>
      </c>
      <c r="HM15" s="72">
        <v>10</v>
      </c>
      <c r="HN15" s="73">
        <v>13</v>
      </c>
      <c r="HO15" s="70">
        <v>6</v>
      </c>
      <c r="HP15" s="71">
        <v>7</v>
      </c>
      <c r="HQ15" s="72">
        <v>13</v>
      </c>
      <c r="HR15" s="244"/>
      <c r="HS15" s="71">
        <v>9</v>
      </c>
      <c r="HT15" s="71">
        <v>1</v>
      </c>
      <c r="HU15" s="71">
        <v>8</v>
      </c>
      <c r="HV15" s="71">
        <v>4</v>
      </c>
      <c r="HW15" s="71">
        <v>2</v>
      </c>
      <c r="HX15" s="72">
        <v>24</v>
      </c>
      <c r="HY15" s="73">
        <v>37</v>
      </c>
      <c r="HZ15" s="70">
        <v>4</v>
      </c>
      <c r="IA15" s="71">
        <v>3</v>
      </c>
      <c r="IB15" s="72">
        <v>7</v>
      </c>
      <c r="IC15" s="244"/>
      <c r="ID15" s="71">
        <v>8</v>
      </c>
      <c r="IE15" s="71">
        <v>12</v>
      </c>
      <c r="IF15" s="71">
        <v>8</v>
      </c>
      <c r="IG15" s="71">
        <v>5</v>
      </c>
      <c r="IH15" s="71">
        <v>0</v>
      </c>
      <c r="II15" s="72">
        <v>33</v>
      </c>
      <c r="IJ15" s="73">
        <v>40</v>
      </c>
      <c r="IK15" s="70">
        <v>17</v>
      </c>
      <c r="IL15" s="71">
        <v>11</v>
      </c>
      <c r="IM15" s="72">
        <v>28</v>
      </c>
      <c r="IN15" s="244"/>
      <c r="IO15" s="71">
        <v>29</v>
      </c>
      <c r="IP15" s="71">
        <v>17</v>
      </c>
      <c r="IQ15" s="71">
        <v>5</v>
      </c>
      <c r="IR15" s="71">
        <v>9</v>
      </c>
      <c r="IS15" s="71">
        <v>10</v>
      </c>
      <c r="IT15" s="72">
        <v>70</v>
      </c>
      <c r="IU15" s="73">
        <v>98</v>
      </c>
      <c r="IV15" s="70">
        <v>35</v>
      </c>
      <c r="IW15" s="71">
        <v>32</v>
      </c>
      <c r="IX15" s="72">
        <v>67</v>
      </c>
      <c r="IY15" s="244"/>
      <c r="IZ15" s="71">
        <v>45</v>
      </c>
      <c r="JA15" s="71">
        <v>29</v>
      </c>
      <c r="JB15" s="71">
        <v>18</v>
      </c>
      <c r="JC15" s="71">
        <v>32</v>
      </c>
      <c r="JD15" s="71">
        <v>12</v>
      </c>
      <c r="JE15" s="72">
        <v>136</v>
      </c>
      <c r="JF15" s="73">
        <v>203</v>
      </c>
      <c r="JG15" s="70">
        <v>34</v>
      </c>
      <c r="JH15" s="71">
        <v>19</v>
      </c>
      <c r="JI15" s="72">
        <v>53</v>
      </c>
      <c r="JJ15" s="244"/>
      <c r="JK15" s="71">
        <v>51</v>
      </c>
      <c r="JL15" s="71">
        <v>35</v>
      </c>
      <c r="JM15" s="71">
        <v>31</v>
      </c>
      <c r="JN15" s="71">
        <v>29</v>
      </c>
      <c r="JO15" s="71">
        <v>12</v>
      </c>
      <c r="JP15" s="72">
        <v>158</v>
      </c>
      <c r="JQ15" s="73">
        <v>211</v>
      </c>
      <c r="JR15" s="70">
        <v>0</v>
      </c>
      <c r="JS15" s="71">
        <v>0</v>
      </c>
      <c r="JT15" s="72">
        <v>0</v>
      </c>
      <c r="JU15" s="244"/>
      <c r="JV15" s="71">
        <v>0</v>
      </c>
      <c r="JW15" s="71">
        <v>0</v>
      </c>
      <c r="JX15" s="71">
        <v>0</v>
      </c>
      <c r="JY15" s="71">
        <v>0</v>
      </c>
      <c r="JZ15" s="71">
        <v>0</v>
      </c>
      <c r="KA15" s="72">
        <v>0</v>
      </c>
      <c r="KB15" s="73">
        <v>0</v>
      </c>
      <c r="KC15" s="70">
        <v>98</v>
      </c>
      <c r="KD15" s="71">
        <v>73</v>
      </c>
      <c r="KE15" s="72">
        <v>171</v>
      </c>
      <c r="KF15" s="244"/>
      <c r="KG15" s="71">
        <v>147</v>
      </c>
      <c r="KH15" s="71">
        <v>96</v>
      </c>
      <c r="KI15" s="71">
        <v>72</v>
      </c>
      <c r="KJ15" s="71">
        <v>80</v>
      </c>
      <c r="KK15" s="71">
        <v>36</v>
      </c>
      <c r="KL15" s="72">
        <v>431</v>
      </c>
      <c r="KM15" s="73">
        <v>602</v>
      </c>
    </row>
    <row r="16" spans="2:299" ht="21" customHeight="1" x14ac:dyDescent="0.2">
      <c r="B16" s="126" t="s">
        <v>12</v>
      </c>
      <c r="C16" s="315">
        <v>156</v>
      </c>
      <c r="D16" s="82">
        <v>140</v>
      </c>
      <c r="E16" s="83">
        <v>296</v>
      </c>
      <c r="F16" s="241"/>
      <c r="G16" s="82">
        <v>146</v>
      </c>
      <c r="H16" s="82">
        <v>134</v>
      </c>
      <c r="I16" s="82">
        <v>88</v>
      </c>
      <c r="J16" s="82">
        <v>96</v>
      </c>
      <c r="K16" s="82">
        <v>37</v>
      </c>
      <c r="L16" s="84">
        <v>501</v>
      </c>
      <c r="M16" s="85">
        <v>797</v>
      </c>
      <c r="N16" s="86">
        <v>4</v>
      </c>
      <c r="O16" s="71">
        <v>2</v>
      </c>
      <c r="P16" s="72">
        <v>6</v>
      </c>
      <c r="Q16" s="244"/>
      <c r="R16" s="71">
        <v>2</v>
      </c>
      <c r="S16" s="71">
        <v>1</v>
      </c>
      <c r="T16" s="71">
        <v>1</v>
      </c>
      <c r="U16" s="71">
        <v>3</v>
      </c>
      <c r="V16" s="71">
        <v>1</v>
      </c>
      <c r="W16" s="72">
        <v>8</v>
      </c>
      <c r="X16" s="73">
        <v>14</v>
      </c>
      <c r="Y16" s="70">
        <v>5</v>
      </c>
      <c r="Z16" s="71">
        <v>13</v>
      </c>
      <c r="AA16" s="72">
        <v>18</v>
      </c>
      <c r="AB16" s="244"/>
      <c r="AC16" s="71">
        <v>5</v>
      </c>
      <c r="AD16" s="71">
        <v>3</v>
      </c>
      <c r="AE16" s="71">
        <v>5</v>
      </c>
      <c r="AF16" s="71">
        <v>2</v>
      </c>
      <c r="AG16" s="71">
        <v>3</v>
      </c>
      <c r="AH16" s="72">
        <v>18</v>
      </c>
      <c r="AI16" s="73">
        <v>36</v>
      </c>
      <c r="AJ16" s="86">
        <v>12</v>
      </c>
      <c r="AK16" s="71">
        <v>14</v>
      </c>
      <c r="AL16" s="72">
        <v>26</v>
      </c>
      <c r="AM16" s="244"/>
      <c r="AN16" s="71">
        <v>7</v>
      </c>
      <c r="AO16" s="71">
        <v>11</v>
      </c>
      <c r="AP16" s="71">
        <v>7</v>
      </c>
      <c r="AQ16" s="71">
        <v>10</v>
      </c>
      <c r="AR16" s="71">
        <v>5</v>
      </c>
      <c r="AS16" s="72">
        <v>40</v>
      </c>
      <c r="AT16" s="73">
        <v>66</v>
      </c>
      <c r="AU16" s="70">
        <v>36</v>
      </c>
      <c r="AV16" s="71">
        <v>17</v>
      </c>
      <c r="AW16" s="72">
        <v>53</v>
      </c>
      <c r="AX16" s="244"/>
      <c r="AY16" s="71">
        <v>31</v>
      </c>
      <c r="AZ16" s="71">
        <v>25</v>
      </c>
      <c r="BA16" s="71">
        <v>10</v>
      </c>
      <c r="BB16" s="71">
        <v>16</v>
      </c>
      <c r="BC16" s="71">
        <v>8</v>
      </c>
      <c r="BD16" s="72">
        <v>90</v>
      </c>
      <c r="BE16" s="73">
        <v>143</v>
      </c>
      <c r="BF16" s="86">
        <v>50</v>
      </c>
      <c r="BG16" s="71">
        <v>37</v>
      </c>
      <c r="BH16" s="72">
        <v>87</v>
      </c>
      <c r="BI16" s="244"/>
      <c r="BJ16" s="71">
        <v>52</v>
      </c>
      <c r="BK16" s="71">
        <v>38</v>
      </c>
      <c r="BL16" s="71">
        <v>34</v>
      </c>
      <c r="BM16" s="71">
        <v>25</v>
      </c>
      <c r="BN16" s="71">
        <v>13</v>
      </c>
      <c r="BO16" s="72">
        <v>162</v>
      </c>
      <c r="BP16" s="73">
        <v>249</v>
      </c>
      <c r="BQ16" s="70">
        <v>49</v>
      </c>
      <c r="BR16" s="71">
        <v>57</v>
      </c>
      <c r="BS16" s="72">
        <v>106</v>
      </c>
      <c r="BT16" s="244"/>
      <c r="BU16" s="71">
        <v>49</v>
      </c>
      <c r="BV16" s="71">
        <v>56</v>
      </c>
      <c r="BW16" s="71">
        <v>31</v>
      </c>
      <c r="BX16" s="71">
        <v>40</v>
      </c>
      <c r="BY16" s="71">
        <v>7</v>
      </c>
      <c r="BZ16" s="72">
        <v>183</v>
      </c>
      <c r="CA16" s="73">
        <v>289</v>
      </c>
      <c r="CB16" s="70">
        <v>0</v>
      </c>
      <c r="CC16" s="71">
        <v>0</v>
      </c>
      <c r="CD16" s="72">
        <v>0</v>
      </c>
      <c r="CE16" s="244"/>
      <c r="CF16" s="71">
        <v>0</v>
      </c>
      <c r="CG16" s="71">
        <v>0</v>
      </c>
      <c r="CH16" s="71">
        <v>0</v>
      </c>
      <c r="CI16" s="71">
        <v>0</v>
      </c>
      <c r="CJ16" s="71">
        <v>0</v>
      </c>
      <c r="CK16" s="72">
        <v>0</v>
      </c>
      <c r="CL16" s="73">
        <v>0</v>
      </c>
      <c r="CM16" s="70">
        <v>156</v>
      </c>
      <c r="CN16" s="71">
        <v>140</v>
      </c>
      <c r="CO16" s="72">
        <v>296</v>
      </c>
      <c r="CP16" s="244"/>
      <c r="CQ16" s="71">
        <v>146</v>
      </c>
      <c r="CR16" s="71">
        <v>134</v>
      </c>
      <c r="CS16" s="71">
        <v>88</v>
      </c>
      <c r="CT16" s="71">
        <v>96</v>
      </c>
      <c r="CU16" s="71">
        <v>37</v>
      </c>
      <c r="CV16" s="72">
        <v>501</v>
      </c>
      <c r="CW16" s="73">
        <v>797</v>
      </c>
      <c r="CX16" s="123">
        <v>13</v>
      </c>
      <c r="CY16" s="82">
        <v>18</v>
      </c>
      <c r="CZ16" s="83">
        <v>31</v>
      </c>
      <c r="DA16" s="241"/>
      <c r="DB16" s="82">
        <v>23</v>
      </c>
      <c r="DC16" s="82">
        <v>5</v>
      </c>
      <c r="DD16" s="82">
        <v>11</v>
      </c>
      <c r="DE16" s="82">
        <v>16</v>
      </c>
      <c r="DF16" s="82">
        <v>9</v>
      </c>
      <c r="DG16" s="84">
        <v>64</v>
      </c>
      <c r="DH16" s="85">
        <v>95</v>
      </c>
      <c r="DI16" s="86">
        <v>1</v>
      </c>
      <c r="DJ16" s="71">
        <v>0</v>
      </c>
      <c r="DK16" s="72">
        <v>1</v>
      </c>
      <c r="DL16" s="244"/>
      <c r="DM16" s="71">
        <v>0</v>
      </c>
      <c r="DN16" s="71">
        <v>0</v>
      </c>
      <c r="DO16" s="71">
        <v>0</v>
      </c>
      <c r="DP16" s="71">
        <v>0</v>
      </c>
      <c r="DQ16" s="71">
        <v>0</v>
      </c>
      <c r="DR16" s="72">
        <v>0</v>
      </c>
      <c r="DS16" s="73">
        <v>1</v>
      </c>
      <c r="DT16" s="70">
        <v>0</v>
      </c>
      <c r="DU16" s="71">
        <v>1</v>
      </c>
      <c r="DV16" s="72">
        <v>1</v>
      </c>
      <c r="DW16" s="244"/>
      <c r="DX16" s="71">
        <v>1</v>
      </c>
      <c r="DY16" s="71">
        <v>0</v>
      </c>
      <c r="DZ16" s="71">
        <v>1</v>
      </c>
      <c r="EA16" s="71">
        <v>0</v>
      </c>
      <c r="EB16" s="71">
        <v>0</v>
      </c>
      <c r="EC16" s="72">
        <v>2</v>
      </c>
      <c r="ED16" s="73">
        <v>3</v>
      </c>
      <c r="EE16" s="86">
        <v>1</v>
      </c>
      <c r="EF16" s="71">
        <v>2</v>
      </c>
      <c r="EG16" s="72">
        <v>3</v>
      </c>
      <c r="EH16" s="244"/>
      <c r="EI16" s="71">
        <v>2</v>
      </c>
      <c r="EJ16" s="71">
        <v>0</v>
      </c>
      <c r="EK16" s="71">
        <v>3</v>
      </c>
      <c r="EL16" s="71">
        <v>1</v>
      </c>
      <c r="EM16" s="71">
        <v>0</v>
      </c>
      <c r="EN16" s="72">
        <v>6</v>
      </c>
      <c r="EO16" s="73">
        <v>9</v>
      </c>
      <c r="EP16" s="70">
        <v>4</v>
      </c>
      <c r="EQ16" s="71">
        <v>3</v>
      </c>
      <c r="ER16" s="72">
        <v>7</v>
      </c>
      <c r="ES16" s="244"/>
      <c r="ET16" s="71">
        <v>2</v>
      </c>
      <c r="EU16" s="71">
        <v>1</v>
      </c>
      <c r="EV16" s="71">
        <v>0</v>
      </c>
      <c r="EW16" s="71">
        <v>2</v>
      </c>
      <c r="EX16" s="71">
        <v>0</v>
      </c>
      <c r="EY16" s="72">
        <v>5</v>
      </c>
      <c r="EZ16" s="73">
        <v>12</v>
      </c>
      <c r="FA16" s="86">
        <v>1</v>
      </c>
      <c r="FB16" s="71">
        <v>9</v>
      </c>
      <c r="FC16" s="72">
        <v>10</v>
      </c>
      <c r="FD16" s="244"/>
      <c r="FE16" s="71">
        <v>6</v>
      </c>
      <c r="FF16" s="71">
        <v>2</v>
      </c>
      <c r="FG16" s="71">
        <v>2</v>
      </c>
      <c r="FH16" s="71">
        <v>1</v>
      </c>
      <c r="FI16" s="71">
        <v>2</v>
      </c>
      <c r="FJ16" s="72">
        <v>13</v>
      </c>
      <c r="FK16" s="73">
        <v>23</v>
      </c>
      <c r="FL16" s="70">
        <v>6</v>
      </c>
      <c r="FM16" s="71">
        <v>3</v>
      </c>
      <c r="FN16" s="72">
        <v>9</v>
      </c>
      <c r="FO16" s="244"/>
      <c r="FP16" s="71">
        <v>12</v>
      </c>
      <c r="FQ16" s="71">
        <v>2</v>
      </c>
      <c r="FR16" s="71">
        <v>5</v>
      </c>
      <c r="FS16" s="71">
        <v>12</v>
      </c>
      <c r="FT16" s="71">
        <v>7</v>
      </c>
      <c r="FU16" s="72">
        <v>38</v>
      </c>
      <c r="FV16" s="73">
        <v>47</v>
      </c>
      <c r="FW16" s="70">
        <v>0</v>
      </c>
      <c r="FX16" s="71">
        <v>0</v>
      </c>
      <c r="FY16" s="72">
        <v>0</v>
      </c>
      <c r="FZ16" s="244"/>
      <c r="GA16" s="71">
        <v>0</v>
      </c>
      <c r="GB16" s="71">
        <v>0</v>
      </c>
      <c r="GC16" s="71">
        <v>0</v>
      </c>
      <c r="GD16" s="71">
        <v>0</v>
      </c>
      <c r="GE16" s="71">
        <v>0</v>
      </c>
      <c r="GF16" s="72">
        <v>0</v>
      </c>
      <c r="GG16" s="73">
        <v>0</v>
      </c>
      <c r="GH16" s="70">
        <v>13</v>
      </c>
      <c r="GI16" s="71">
        <v>18</v>
      </c>
      <c r="GJ16" s="72">
        <v>31</v>
      </c>
      <c r="GK16" s="244"/>
      <c r="GL16" s="71">
        <v>23</v>
      </c>
      <c r="GM16" s="71">
        <v>5</v>
      </c>
      <c r="GN16" s="71">
        <v>11</v>
      </c>
      <c r="GO16" s="71">
        <v>16</v>
      </c>
      <c r="GP16" s="71">
        <v>9</v>
      </c>
      <c r="GQ16" s="72">
        <v>64</v>
      </c>
      <c r="GR16" s="73">
        <v>95</v>
      </c>
      <c r="GS16" s="123">
        <v>169</v>
      </c>
      <c r="GT16" s="82">
        <v>158</v>
      </c>
      <c r="GU16" s="83">
        <v>327</v>
      </c>
      <c r="GV16" s="241"/>
      <c r="GW16" s="82">
        <v>169</v>
      </c>
      <c r="GX16" s="82">
        <v>139</v>
      </c>
      <c r="GY16" s="82">
        <v>99</v>
      </c>
      <c r="GZ16" s="82">
        <v>112</v>
      </c>
      <c r="HA16" s="82">
        <v>46</v>
      </c>
      <c r="HB16" s="84">
        <v>565</v>
      </c>
      <c r="HC16" s="85">
        <v>892</v>
      </c>
      <c r="HD16" s="86">
        <v>5</v>
      </c>
      <c r="HE16" s="71">
        <v>2</v>
      </c>
      <c r="HF16" s="72">
        <v>7</v>
      </c>
      <c r="HG16" s="244"/>
      <c r="HH16" s="71">
        <v>2</v>
      </c>
      <c r="HI16" s="71">
        <v>1</v>
      </c>
      <c r="HJ16" s="71">
        <v>1</v>
      </c>
      <c r="HK16" s="71">
        <v>3</v>
      </c>
      <c r="HL16" s="71">
        <v>1</v>
      </c>
      <c r="HM16" s="72">
        <v>8</v>
      </c>
      <c r="HN16" s="73">
        <v>15</v>
      </c>
      <c r="HO16" s="70">
        <v>5</v>
      </c>
      <c r="HP16" s="71">
        <v>14</v>
      </c>
      <c r="HQ16" s="72">
        <v>19</v>
      </c>
      <c r="HR16" s="244"/>
      <c r="HS16" s="71">
        <v>6</v>
      </c>
      <c r="HT16" s="71">
        <v>3</v>
      </c>
      <c r="HU16" s="71">
        <v>6</v>
      </c>
      <c r="HV16" s="71">
        <v>2</v>
      </c>
      <c r="HW16" s="71">
        <v>3</v>
      </c>
      <c r="HX16" s="72">
        <v>20</v>
      </c>
      <c r="HY16" s="73">
        <v>39</v>
      </c>
      <c r="HZ16" s="86">
        <v>13</v>
      </c>
      <c r="IA16" s="71">
        <v>16</v>
      </c>
      <c r="IB16" s="72">
        <v>29</v>
      </c>
      <c r="IC16" s="244"/>
      <c r="ID16" s="71">
        <v>9</v>
      </c>
      <c r="IE16" s="71">
        <v>11</v>
      </c>
      <c r="IF16" s="71">
        <v>10</v>
      </c>
      <c r="IG16" s="71">
        <v>11</v>
      </c>
      <c r="IH16" s="71">
        <v>5</v>
      </c>
      <c r="II16" s="72">
        <v>46</v>
      </c>
      <c r="IJ16" s="73">
        <v>75</v>
      </c>
      <c r="IK16" s="70">
        <v>40</v>
      </c>
      <c r="IL16" s="71">
        <v>20</v>
      </c>
      <c r="IM16" s="72">
        <v>60</v>
      </c>
      <c r="IN16" s="244"/>
      <c r="IO16" s="71">
        <v>33</v>
      </c>
      <c r="IP16" s="71">
        <v>26</v>
      </c>
      <c r="IQ16" s="71">
        <v>10</v>
      </c>
      <c r="IR16" s="71">
        <v>18</v>
      </c>
      <c r="IS16" s="71">
        <v>8</v>
      </c>
      <c r="IT16" s="72">
        <v>95</v>
      </c>
      <c r="IU16" s="73">
        <v>155</v>
      </c>
      <c r="IV16" s="86">
        <v>51</v>
      </c>
      <c r="IW16" s="71">
        <v>46</v>
      </c>
      <c r="IX16" s="72">
        <v>97</v>
      </c>
      <c r="IY16" s="244"/>
      <c r="IZ16" s="71">
        <v>58</v>
      </c>
      <c r="JA16" s="71">
        <v>40</v>
      </c>
      <c r="JB16" s="71">
        <v>36</v>
      </c>
      <c r="JC16" s="71">
        <v>26</v>
      </c>
      <c r="JD16" s="71">
        <v>15</v>
      </c>
      <c r="JE16" s="72">
        <v>175</v>
      </c>
      <c r="JF16" s="73">
        <v>272</v>
      </c>
      <c r="JG16" s="70">
        <v>55</v>
      </c>
      <c r="JH16" s="71">
        <v>60</v>
      </c>
      <c r="JI16" s="72">
        <v>115</v>
      </c>
      <c r="JJ16" s="244"/>
      <c r="JK16" s="71">
        <v>61</v>
      </c>
      <c r="JL16" s="71">
        <v>58</v>
      </c>
      <c r="JM16" s="71">
        <v>36</v>
      </c>
      <c r="JN16" s="71">
        <v>52</v>
      </c>
      <c r="JO16" s="71">
        <v>14</v>
      </c>
      <c r="JP16" s="72">
        <v>221</v>
      </c>
      <c r="JQ16" s="73">
        <v>336</v>
      </c>
      <c r="JR16" s="70">
        <v>0</v>
      </c>
      <c r="JS16" s="71">
        <v>0</v>
      </c>
      <c r="JT16" s="72">
        <v>0</v>
      </c>
      <c r="JU16" s="244"/>
      <c r="JV16" s="71">
        <v>0</v>
      </c>
      <c r="JW16" s="71">
        <v>0</v>
      </c>
      <c r="JX16" s="71">
        <v>0</v>
      </c>
      <c r="JY16" s="71">
        <v>0</v>
      </c>
      <c r="JZ16" s="71">
        <v>0</v>
      </c>
      <c r="KA16" s="72">
        <v>0</v>
      </c>
      <c r="KB16" s="73">
        <v>0</v>
      </c>
      <c r="KC16" s="70">
        <v>169</v>
      </c>
      <c r="KD16" s="71">
        <v>158</v>
      </c>
      <c r="KE16" s="72">
        <v>327</v>
      </c>
      <c r="KF16" s="244"/>
      <c r="KG16" s="71">
        <v>169</v>
      </c>
      <c r="KH16" s="71">
        <v>139</v>
      </c>
      <c r="KI16" s="71">
        <v>99</v>
      </c>
      <c r="KJ16" s="71">
        <v>112</v>
      </c>
      <c r="KK16" s="71">
        <v>46</v>
      </c>
      <c r="KL16" s="72">
        <v>565</v>
      </c>
      <c r="KM16" s="73">
        <v>892</v>
      </c>
    </row>
    <row r="17" spans="2:299" ht="21" customHeight="1" x14ac:dyDescent="0.2">
      <c r="B17" s="126" t="s">
        <v>13</v>
      </c>
      <c r="C17" s="315">
        <v>42</v>
      </c>
      <c r="D17" s="82">
        <v>51</v>
      </c>
      <c r="E17" s="83">
        <v>93</v>
      </c>
      <c r="F17" s="241"/>
      <c r="G17" s="82">
        <v>85</v>
      </c>
      <c r="H17" s="82">
        <v>73</v>
      </c>
      <c r="I17" s="82">
        <v>39</v>
      </c>
      <c r="J17" s="82">
        <v>40</v>
      </c>
      <c r="K17" s="82">
        <v>28</v>
      </c>
      <c r="L17" s="84">
        <v>265</v>
      </c>
      <c r="M17" s="85">
        <v>358</v>
      </c>
      <c r="N17" s="70">
        <v>0</v>
      </c>
      <c r="O17" s="71">
        <v>0</v>
      </c>
      <c r="P17" s="72">
        <v>0</v>
      </c>
      <c r="Q17" s="244"/>
      <c r="R17" s="71">
        <v>2</v>
      </c>
      <c r="S17" s="71">
        <v>0</v>
      </c>
      <c r="T17" s="71">
        <v>0</v>
      </c>
      <c r="U17" s="71">
        <v>1</v>
      </c>
      <c r="V17" s="71">
        <v>0</v>
      </c>
      <c r="W17" s="72">
        <v>3</v>
      </c>
      <c r="X17" s="73">
        <v>3</v>
      </c>
      <c r="Y17" s="70">
        <v>3</v>
      </c>
      <c r="Z17" s="71">
        <v>1</v>
      </c>
      <c r="AA17" s="72">
        <v>4</v>
      </c>
      <c r="AB17" s="244"/>
      <c r="AC17" s="71">
        <v>6</v>
      </c>
      <c r="AD17" s="71">
        <v>1</v>
      </c>
      <c r="AE17" s="71">
        <v>0</v>
      </c>
      <c r="AF17" s="71">
        <v>0</v>
      </c>
      <c r="AG17" s="71">
        <v>3</v>
      </c>
      <c r="AH17" s="72">
        <v>10</v>
      </c>
      <c r="AI17" s="73">
        <v>14</v>
      </c>
      <c r="AJ17" s="70">
        <v>5</v>
      </c>
      <c r="AK17" s="71">
        <v>4</v>
      </c>
      <c r="AL17" s="72">
        <v>9</v>
      </c>
      <c r="AM17" s="244"/>
      <c r="AN17" s="71">
        <v>3</v>
      </c>
      <c r="AO17" s="71">
        <v>8</v>
      </c>
      <c r="AP17" s="71">
        <v>4</v>
      </c>
      <c r="AQ17" s="71">
        <v>2</v>
      </c>
      <c r="AR17" s="71">
        <v>1</v>
      </c>
      <c r="AS17" s="72">
        <v>18</v>
      </c>
      <c r="AT17" s="73">
        <v>27</v>
      </c>
      <c r="AU17" s="70">
        <v>4</v>
      </c>
      <c r="AV17" s="71">
        <v>14</v>
      </c>
      <c r="AW17" s="72">
        <v>18</v>
      </c>
      <c r="AX17" s="244"/>
      <c r="AY17" s="71">
        <v>13</v>
      </c>
      <c r="AZ17" s="71">
        <v>12</v>
      </c>
      <c r="BA17" s="71">
        <v>5</v>
      </c>
      <c r="BB17" s="71">
        <v>5</v>
      </c>
      <c r="BC17" s="71">
        <v>6</v>
      </c>
      <c r="BD17" s="72">
        <v>41</v>
      </c>
      <c r="BE17" s="73">
        <v>59</v>
      </c>
      <c r="BF17" s="70">
        <v>16</v>
      </c>
      <c r="BG17" s="71">
        <v>22</v>
      </c>
      <c r="BH17" s="72">
        <v>38</v>
      </c>
      <c r="BI17" s="244"/>
      <c r="BJ17" s="71">
        <v>31</v>
      </c>
      <c r="BK17" s="71">
        <v>22</v>
      </c>
      <c r="BL17" s="71">
        <v>13</v>
      </c>
      <c r="BM17" s="71">
        <v>19</v>
      </c>
      <c r="BN17" s="71">
        <v>5</v>
      </c>
      <c r="BO17" s="72">
        <v>90</v>
      </c>
      <c r="BP17" s="73">
        <v>128</v>
      </c>
      <c r="BQ17" s="70">
        <v>14</v>
      </c>
      <c r="BR17" s="71">
        <v>10</v>
      </c>
      <c r="BS17" s="72">
        <v>24</v>
      </c>
      <c r="BT17" s="244"/>
      <c r="BU17" s="71">
        <v>30</v>
      </c>
      <c r="BV17" s="71">
        <v>30</v>
      </c>
      <c r="BW17" s="71">
        <v>17</v>
      </c>
      <c r="BX17" s="71">
        <v>13</v>
      </c>
      <c r="BY17" s="71">
        <v>13</v>
      </c>
      <c r="BZ17" s="72">
        <v>103</v>
      </c>
      <c r="CA17" s="73">
        <v>127</v>
      </c>
      <c r="CB17" s="70">
        <v>0</v>
      </c>
      <c r="CC17" s="71">
        <v>0</v>
      </c>
      <c r="CD17" s="72">
        <v>0</v>
      </c>
      <c r="CE17" s="244"/>
      <c r="CF17" s="71">
        <v>0</v>
      </c>
      <c r="CG17" s="71">
        <v>0</v>
      </c>
      <c r="CH17" s="71">
        <v>0</v>
      </c>
      <c r="CI17" s="71">
        <v>0</v>
      </c>
      <c r="CJ17" s="71">
        <v>0</v>
      </c>
      <c r="CK17" s="72">
        <v>0</v>
      </c>
      <c r="CL17" s="73">
        <v>0</v>
      </c>
      <c r="CM17" s="70">
        <v>42</v>
      </c>
      <c r="CN17" s="71">
        <v>51</v>
      </c>
      <c r="CO17" s="72">
        <v>93</v>
      </c>
      <c r="CP17" s="244"/>
      <c r="CQ17" s="71">
        <v>85</v>
      </c>
      <c r="CR17" s="71">
        <v>73</v>
      </c>
      <c r="CS17" s="71">
        <v>39</v>
      </c>
      <c r="CT17" s="71">
        <v>40</v>
      </c>
      <c r="CU17" s="71">
        <v>28</v>
      </c>
      <c r="CV17" s="72">
        <v>265</v>
      </c>
      <c r="CW17" s="73">
        <v>358</v>
      </c>
      <c r="CX17" s="123">
        <v>10</v>
      </c>
      <c r="CY17" s="82">
        <v>4</v>
      </c>
      <c r="CZ17" s="83">
        <v>14</v>
      </c>
      <c r="DA17" s="241"/>
      <c r="DB17" s="82">
        <v>12</v>
      </c>
      <c r="DC17" s="82">
        <v>7</v>
      </c>
      <c r="DD17" s="82">
        <v>5</v>
      </c>
      <c r="DE17" s="82">
        <v>6</v>
      </c>
      <c r="DF17" s="82">
        <v>3</v>
      </c>
      <c r="DG17" s="84">
        <v>33</v>
      </c>
      <c r="DH17" s="85">
        <v>47</v>
      </c>
      <c r="DI17" s="70">
        <v>0</v>
      </c>
      <c r="DJ17" s="71">
        <v>0</v>
      </c>
      <c r="DK17" s="72">
        <v>0</v>
      </c>
      <c r="DL17" s="244"/>
      <c r="DM17" s="71">
        <v>0</v>
      </c>
      <c r="DN17" s="71">
        <v>0</v>
      </c>
      <c r="DO17" s="71">
        <v>0</v>
      </c>
      <c r="DP17" s="71">
        <v>1</v>
      </c>
      <c r="DQ17" s="71">
        <v>1</v>
      </c>
      <c r="DR17" s="72">
        <v>2</v>
      </c>
      <c r="DS17" s="73">
        <v>2</v>
      </c>
      <c r="DT17" s="70">
        <v>0</v>
      </c>
      <c r="DU17" s="71">
        <v>0</v>
      </c>
      <c r="DV17" s="72">
        <v>0</v>
      </c>
      <c r="DW17" s="244"/>
      <c r="DX17" s="71">
        <v>0</v>
      </c>
      <c r="DY17" s="71">
        <v>0</v>
      </c>
      <c r="DZ17" s="71">
        <v>0</v>
      </c>
      <c r="EA17" s="71">
        <v>0</v>
      </c>
      <c r="EB17" s="71">
        <v>0</v>
      </c>
      <c r="EC17" s="72">
        <v>0</v>
      </c>
      <c r="ED17" s="73">
        <v>0</v>
      </c>
      <c r="EE17" s="70">
        <v>2</v>
      </c>
      <c r="EF17" s="71">
        <v>0</v>
      </c>
      <c r="EG17" s="72">
        <v>2</v>
      </c>
      <c r="EH17" s="244"/>
      <c r="EI17" s="71">
        <v>2</v>
      </c>
      <c r="EJ17" s="71">
        <v>0</v>
      </c>
      <c r="EK17" s="71">
        <v>1</v>
      </c>
      <c r="EL17" s="71">
        <v>0</v>
      </c>
      <c r="EM17" s="71">
        <v>0</v>
      </c>
      <c r="EN17" s="72">
        <v>3</v>
      </c>
      <c r="EO17" s="73">
        <v>5</v>
      </c>
      <c r="EP17" s="70">
        <v>2</v>
      </c>
      <c r="EQ17" s="71">
        <v>1</v>
      </c>
      <c r="ER17" s="72">
        <v>3</v>
      </c>
      <c r="ES17" s="244"/>
      <c r="ET17" s="71">
        <v>2</v>
      </c>
      <c r="EU17" s="71">
        <v>1</v>
      </c>
      <c r="EV17" s="71">
        <v>0</v>
      </c>
      <c r="EW17" s="71">
        <v>0</v>
      </c>
      <c r="EX17" s="71">
        <v>0</v>
      </c>
      <c r="EY17" s="72">
        <v>3</v>
      </c>
      <c r="EZ17" s="73">
        <v>6</v>
      </c>
      <c r="FA17" s="70">
        <v>3</v>
      </c>
      <c r="FB17" s="71">
        <v>0</v>
      </c>
      <c r="FC17" s="72">
        <v>3</v>
      </c>
      <c r="FD17" s="244"/>
      <c r="FE17" s="71">
        <v>4</v>
      </c>
      <c r="FF17" s="71">
        <v>2</v>
      </c>
      <c r="FG17" s="71">
        <v>2</v>
      </c>
      <c r="FH17" s="71">
        <v>1</v>
      </c>
      <c r="FI17" s="71">
        <v>0</v>
      </c>
      <c r="FJ17" s="72">
        <v>9</v>
      </c>
      <c r="FK17" s="73">
        <v>12</v>
      </c>
      <c r="FL17" s="70">
        <v>3</v>
      </c>
      <c r="FM17" s="71">
        <v>3</v>
      </c>
      <c r="FN17" s="72">
        <v>6</v>
      </c>
      <c r="FO17" s="244"/>
      <c r="FP17" s="71">
        <v>4</v>
      </c>
      <c r="FQ17" s="71">
        <v>4</v>
      </c>
      <c r="FR17" s="71">
        <v>2</v>
      </c>
      <c r="FS17" s="71">
        <v>4</v>
      </c>
      <c r="FT17" s="71">
        <v>2</v>
      </c>
      <c r="FU17" s="72">
        <v>16</v>
      </c>
      <c r="FV17" s="73">
        <v>22</v>
      </c>
      <c r="FW17" s="70">
        <v>0</v>
      </c>
      <c r="FX17" s="71">
        <v>0</v>
      </c>
      <c r="FY17" s="72">
        <v>0</v>
      </c>
      <c r="FZ17" s="244"/>
      <c r="GA17" s="71">
        <v>0</v>
      </c>
      <c r="GB17" s="71">
        <v>0</v>
      </c>
      <c r="GC17" s="71">
        <v>0</v>
      </c>
      <c r="GD17" s="71">
        <v>0</v>
      </c>
      <c r="GE17" s="71">
        <v>0</v>
      </c>
      <c r="GF17" s="72">
        <v>0</v>
      </c>
      <c r="GG17" s="73">
        <v>0</v>
      </c>
      <c r="GH17" s="70">
        <v>10</v>
      </c>
      <c r="GI17" s="71">
        <v>4</v>
      </c>
      <c r="GJ17" s="72">
        <v>14</v>
      </c>
      <c r="GK17" s="244"/>
      <c r="GL17" s="71">
        <v>12</v>
      </c>
      <c r="GM17" s="71">
        <v>7</v>
      </c>
      <c r="GN17" s="71">
        <v>5</v>
      </c>
      <c r="GO17" s="71">
        <v>6</v>
      </c>
      <c r="GP17" s="71">
        <v>3</v>
      </c>
      <c r="GQ17" s="72">
        <v>33</v>
      </c>
      <c r="GR17" s="73">
        <v>47</v>
      </c>
      <c r="GS17" s="123">
        <v>52</v>
      </c>
      <c r="GT17" s="82">
        <v>55</v>
      </c>
      <c r="GU17" s="83">
        <v>107</v>
      </c>
      <c r="GV17" s="241"/>
      <c r="GW17" s="82">
        <v>97</v>
      </c>
      <c r="GX17" s="82">
        <v>80</v>
      </c>
      <c r="GY17" s="82">
        <v>44</v>
      </c>
      <c r="GZ17" s="82">
        <v>46</v>
      </c>
      <c r="HA17" s="82">
        <v>31</v>
      </c>
      <c r="HB17" s="84">
        <v>298</v>
      </c>
      <c r="HC17" s="85">
        <v>405</v>
      </c>
      <c r="HD17" s="70">
        <v>0</v>
      </c>
      <c r="HE17" s="71">
        <v>0</v>
      </c>
      <c r="HF17" s="72">
        <v>0</v>
      </c>
      <c r="HG17" s="244"/>
      <c r="HH17" s="71">
        <v>2</v>
      </c>
      <c r="HI17" s="71">
        <v>0</v>
      </c>
      <c r="HJ17" s="71">
        <v>0</v>
      </c>
      <c r="HK17" s="71">
        <v>2</v>
      </c>
      <c r="HL17" s="71">
        <v>1</v>
      </c>
      <c r="HM17" s="72">
        <v>5</v>
      </c>
      <c r="HN17" s="73">
        <v>5</v>
      </c>
      <c r="HO17" s="70">
        <v>3</v>
      </c>
      <c r="HP17" s="71">
        <v>1</v>
      </c>
      <c r="HQ17" s="72">
        <v>4</v>
      </c>
      <c r="HR17" s="244"/>
      <c r="HS17" s="71">
        <v>6</v>
      </c>
      <c r="HT17" s="71">
        <v>1</v>
      </c>
      <c r="HU17" s="71">
        <v>0</v>
      </c>
      <c r="HV17" s="71">
        <v>0</v>
      </c>
      <c r="HW17" s="71">
        <v>3</v>
      </c>
      <c r="HX17" s="72">
        <v>10</v>
      </c>
      <c r="HY17" s="73">
        <v>14</v>
      </c>
      <c r="HZ17" s="70">
        <v>7</v>
      </c>
      <c r="IA17" s="71">
        <v>4</v>
      </c>
      <c r="IB17" s="72">
        <v>11</v>
      </c>
      <c r="IC17" s="244"/>
      <c r="ID17" s="71">
        <v>5</v>
      </c>
      <c r="IE17" s="71">
        <v>8</v>
      </c>
      <c r="IF17" s="71">
        <v>5</v>
      </c>
      <c r="IG17" s="71">
        <v>2</v>
      </c>
      <c r="IH17" s="71">
        <v>1</v>
      </c>
      <c r="II17" s="72">
        <v>21</v>
      </c>
      <c r="IJ17" s="73">
        <v>32</v>
      </c>
      <c r="IK17" s="70">
        <v>6</v>
      </c>
      <c r="IL17" s="71">
        <v>15</v>
      </c>
      <c r="IM17" s="72">
        <v>21</v>
      </c>
      <c r="IN17" s="244"/>
      <c r="IO17" s="71">
        <v>15</v>
      </c>
      <c r="IP17" s="71">
        <v>13</v>
      </c>
      <c r="IQ17" s="71">
        <v>5</v>
      </c>
      <c r="IR17" s="71">
        <v>5</v>
      </c>
      <c r="IS17" s="71">
        <v>6</v>
      </c>
      <c r="IT17" s="72">
        <v>44</v>
      </c>
      <c r="IU17" s="73">
        <v>65</v>
      </c>
      <c r="IV17" s="70">
        <v>19</v>
      </c>
      <c r="IW17" s="71">
        <v>22</v>
      </c>
      <c r="IX17" s="72">
        <v>41</v>
      </c>
      <c r="IY17" s="244"/>
      <c r="IZ17" s="71">
        <v>35</v>
      </c>
      <c r="JA17" s="71">
        <v>24</v>
      </c>
      <c r="JB17" s="71">
        <v>15</v>
      </c>
      <c r="JC17" s="71">
        <v>20</v>
      </c>
      <c r="JD17" s="71">
        <v>5</v>
      </c>
      <c r="JE17" s="72">
        <v>99</v>
      </c>
      <c r="JF17" s="73">
        <v>140</v>
      </c>
      <c r="JG17" s="70">
        <v>17</v>
      </c>
      <c r="JH17" s="71">
        <v>13</v>
      </c>
      <c r="JI17" s="72">
        <v>30</v>
      </c>
      <c r="JJ17" s="244"/>
      <c r="JK17" s="71">
        <v>34</v>
      </c>
      <c r="JL17" s="71">
        <v>34</v>
      </c>
      <c r="JM17" s="71">
        <v>19</v>
      </c>
      <c r="JN17" s="71">
        <v>17</v>
      </c>
      <c r="JO17" s="71">
        <v>15</v>
      </c>
      <c r="JP17" s="72">
        <v>119</v>
      </c>
      <c r="JQ17" s="73">
        <v>149</v>
      </c>
      <c r="JR17" s="70">
        <v>0</v>
      </c>
      <c r="JS17" s="71">
        <v>0</v>
      </c>
      <c r="JT17" s="72">
        <v>0</v>
      </c>
      <c r="JU17" s="244"/>
      <c r="JV17" s="71">
        <v>0</v>
      </c>
      <c r="JW17" s="71">
        <v>0</v>
      </c>
      <c r="JX17" s="71">
        <v>0</v>
      </c>
      <c r="JY17" s="71">
        <v>0</v>
      </c>
      <c r="JZ17" s="71">
        <v>0</v>
      </c>
      <c r="KA17" s="72">
        <v>0</v>
      </c>
      <c r="KB17" s="73">
        <v>0</v>
      </c>
      <c r="KC17" s="70">
        <v>52</v>
      </c>
      <c r="KD17" s="71">
        <v>55</v>
      </c>
      <c r="KE17" s="72">
        <v>107</v>
      </c>
      <c r="KF17" s="244"/>
      <c r="KG17" s="71">
        <v>97</v>
      </c>
      <c r="KH17" s="71">
        <v>80</v>
      </c>
      <c r="KI17" s="71">
        <v>44</v>
      </c>
      <c r="KJ17" s="71">
        <v>46</v>
      </c>
      <c r="KK17" s="71">
        <v>31</v>
      </c>
      <c r="KL17" s="72">
        <v>298</v>
      </c>
      <c r="KM17" s="73">
        <v>405</v>
      </c>
    </row>
    <row r="18" spans="2:299" ht="21" customHeight="1" x14ac:dyDescent="0.2">
      <c r="B18" s="126" t="s">
        <v>15</v>
      </c>
      <c r="C18" s="315">
        <v>23</v>
      </c>
      <c r="D18" s="82">
        <v>26</v>
      </c>
      <c r="E18" s="83">
        <v>49</v>
      </c>
      <c r="F18" s="241"/>
      <c r="G18" s="82">
        <v>41</v>
      </c>
      <c r="H18" s="82">
        <v>25</v>
      </c>
      <c r="I18" s="82">
        <v>25</v>
      </c>
      <c r="J18" s="82">
        <v>26</v>
      </c>
      <c r="K18" s="82">
        <v>9</v>
      </c>
      <c r="L18" s="84">
        <v>126</v>
      </c>
      <c r="M18" s="85">
        <v>175</v>
      </c>
      <c r="N18" s="70">
        <v>1</v>
      </c>
      <c r="O18" s="71">
        <v>0</v>
      </c>
      <c r="P18" s="72">
        <v>1</v>
      </c>
      <c r="Q18" s="244"/>
      <c r="R18" s="71">
        <v>1</v>
      </c>
      <c r="S18" s="71">
        <v>1</v>
      </c>
      <c r="T18" s="71">
        <v>0</v>
      </c>
      <c r="U18" s="71">
        <v>1</v>
      </c>
      <c r="V18" s="71">
        <v>1</v>
      </c>
      <c r="W18" s="72">
        <v>4</v>
      </c>
      <c r="X18" s="73">
        <v>5</v>
      </c>
      <c r="Y18" s="70">
        <v>2</v>
      </c>
      <c r="Z18" s="71">
        <v>1</v>
      </c>
      <c r="AA18" s="72">
        <v>3</v>
      </c>
      <c r="AB18" s="244"/>
      <c r="AC18" s="71">
        <v>4</v>
      </c>
      <c r="AD18" s="71">
        <v>0</v>
      </c>
      <c r="AE18" s="71">
        <v>2</v>
      </c>
      <c r="AF18" s="71">
        <v>3</v>
      </c>
      <c r="AG18" s="71">
        <v>2</v>
      </c>
      <c r="AH18" s="72">
        <v>11</v>
      </c>
      <c r="AI18" s="73">
        <v>14</v>
      </c>
      <c r="AJ18" s="70">
        <v>3</v>
      </c>
      <c r="AK18" s="71">
        <v>3</v>
      </c>
      <c r="AL18" s="72">
        <v>6</v>
      </c>
      <c r="AM18" s="244"/>
      <c r="AN18" s="71">
        <v>4</v>
      </c>
      <c r="AO18" s="71">
        <v>2</v>
      </c>
      <c r="AP18" s="71">
        <v>2</v>
      </c>
      <c r="AQ18" s="71">
        <v>4</v>
      </c>
      <c r="AR18" s="71">
        <v>1</v>
      </c>
      <c r="AS18" s="72">
        <v>13</v>
      </c>
      <c r="AT18" s="73">
        <v>19</v>
      </c>
      <c r="AU18" s="70">
        <v>6</v>
      </c>
      <c r="AV18" s="71">
        <v>3</v>
      </c>
      <c r="AW18" s="72">
        <v>9</v>
      </c>
      <c r="AX18" s="244"/>
      <c r="AY18" s="71">
        <v>9</v>
      </c>
      <c r="AZ18" s="71">
        <v>6</v>
      </c>
      <c r="BA18" s="71">
        <v>4</v>
      </c>
      <c r="BB18" s="71">
        <v>4</v>
      </c>
      <c r="BC18" s="71">
        <v>1</v>
      </c>
      <c r="BD18" s="72">
        <v>24</v>
      </c>
      <c r="BE18" s="73">
        <v>33</v>
      </c>
      <c r="BF18" s="70">
        <v>4</v>
      </c>
      <c r="BG18" s="71">
        <v>10</v>
      </c>
      <c r="BH18" s="72">
        <v>14</v>
      </c>
      <c r="BI18" s="244"/>
      <c r="BJ18" s="71">
        <v>9</v>
      </c>
      <c r="BK18" s="71">
        <v>3</v>
      </c>
      <c r="BL18" s="71">
        <v>5</v>
      </c>
      <c r="BM18" s="71">
        <v>5</v>
      </c>
      <c r="BN18" s="71">
        <v>2</v>
      </c>
      <c r="BO18" s="72">
        <v>24</v>
      </c>
      <c r="BP18" s="73">
        <v>38</v>
      </c>
      <c r="BQ18" s="70">
        <v>7</v>
      </c>
      <c r="BR18" s="71">
        <v>9</v>
      </c>
      <c r="BS18" s="72">
        <v>16</v>
      </c>
      <c r="BT18" s="244"/>
      <c r="BU18" s="71">
        <v>14</v>
      </c>
      <c r="BV18" s="71">
        <v>13</v>
      </c>
      <c r="BW18" s="71">
        <v>12</v>
      </c>
      <c r="BX18" s="71">
        <v>9</v>
      </c>
      <c r="BY18" s="71">
        <v>2</v>
      </c>
      <c r="BZ18" s="72">
        <v>50</v>
      </c>
      <c r="CA18" s="73">
        <v>66</v>
      </c>
      <c r="CB18" s="70">
        <v>0</v>
      </c>
      <c r="CC18" s="71">
        <v>0</v>
      </c>
      <c r="CD18" s="72">
        <v>0</v>
      </c>
      <c r="CE18" s="244"/>
      <c r="CF18" s="71">
        <v>0</v>
      </c>
      <c r="CG18" s="71">
        <v>0</v>
      </c>
      <c r="CH18" s="71">
        <v>0</v>
      </c>
      <c r="CI18" s="71">
        <v>0</v>
      </c>
      <c r="CJ18" s="71">
        <v>0</v>
      </c>
      <c r="CK18" s="72">
        <v>0</v>
      </c>
      <c r="CL18" s="73">
        <v>0</v>
      </c>
      <c r="CM18" s="70">
        <v>23</v>
      </c>
      <c r="CN18" s="71">
        <v>26</v>
      </c>
      <c r="CO18" s="72">
        <v>49</v>
      </c>
      <c r="CP18" s="244"/>
      <c r="CQ18" s="71">
        <v>41</v>
      </c>
      <c r="CR18" s="71">
        <v>25</v>
      </c>
      <c r="CS18" s="71">
        <v>25</v>
      </c>
      <c r="CT18" s="71">
        <v>26</v>
      </c>
      <c r="CU18" s="71">
        <v>9</v>
      </c>
      <c r="CV18" s="72">
        <v>126</v>
      </c>
      <c r="CW18" s="73">
        <v>175</v>
      </c>
      <c r="CX18" s="123">
        <v>2</v>
      </c>
      <c r="CY18" s="82">
        <v>3</v>
      </c>
      <c r="CZ18" s="83">
        <v>5</v>
      </c>
      <c r="DA18" s="241"/>
      <c r="DB18" s="82">
        <v>5</v>
      </c>
      <c r="DC18" s="82">
        <v>9</v>
      </c>
      <c r="DD18" s="82">
        <v>2</v>
      </c>
      <c r="DE18" s="82">
        <v>2</v>
      </c>
      <c r="DF18" s="82">
        <v>2</v>
      </c>
      <c r="DG18" s="84">
        <v>20</v>
      </c>
      <c r="DH18" s="85">
        <v>25</v>
      </c>
      <c r="DI18" s="70">
        <v>0</v>
      </c>
      <c r="DJ18" s="71">
        <v>0</v>
      </c>
      <c r="DK18" s="72">
        <v>0</v>
      </c>
      <c r="DL18" s="244"/>
      <c r="DM18" s="71">
        <v>1</v>
      </c>
      <c r="DN18" s="71">
        <v>0</v>
      </c>
      <c r="DO18" s="71">
        <v>0</v>
      </c>
      <c r="DP18" s="71">
        <v>0</v>
      </c>
      <c r="DQ18" s="71">
        <v>0</v>
      </c>
      <c r="DR18" s="72">
        <v>1</v>
      </c>
      <c r="DS18" s="73">
        <v>1</v>
      </c>
      <c r="DT18" s="70">
        <v>0</v>
      </c>
      <c r="DU18" s="71">
        <v>0</v>
      </c>
      <c r="DV18" s="72">
        <v>0</v>
      </c>
      <c r="DW18" s="244"/>
      <c r="DX18" s="71">
        <v>0</v>
      </c>
      <c r="DY18" s="71">
        <v>0</v>
      </c>
      <c r="DZ18" s="71">
        <v>0</v>
      </c>
      <c r="EA18" s="71">
        <v>0</v>
      </c>
      <c r="EB18" s="71">
        <v>0</v>
      </c>
      <c r="EC18" s="72">
        <v>0</v>
      </c>
      <c r="ED18" s="73">
        <v>0</v>
      </c>
      <c r="EE18" s="70">
        <v>0</v>
      </c>
      <c r="EF18" s="71">
        <v>0</v>
      </c>
      <c r="EG18" s="72">
        <v>0</v>
      </c>
      <c r="EH18" s="244"/>
      <c r="EI18" s="71">
        <v>1</v>
      </c>
      <c r="EJ18" s="71">
        <v>2</v>
      </c>
      <c r="EK18" s="71">
        <v>0</v>
      </c>
      <c r="EL18" s="71">
        <v>0</v>
      </c>
      <c r="EM18" s="71">
        <v>0</v>
      </c>
      <c r="EN18" s="72">
        <v>3</v>
      </c>
      <c r="EO18" s="73">
        <v>3</v>
      </c>
      <c r="EP18" s="70">
        <v>0</v>
      </c>
      <c r="EQ18" s="71">
        <v>2</v>
      </c>
      <c r="ER18" s="72">
        <v>2</v>
      </c>
      <c r="ES18" s="244"/>
      <c r="ET18" s="71">
        <v>0</v>
      </c>
      <c r="EU18" s="71">
        <v>1</v>
      </c>
      <c r="EV18" s="71">
        <v>1</v>
      </c>
      <c r="EW18" s="71">
        <v>0</v>
      </c>
      <c r="EX18" s="71">
        <v>0</v>
      </c>
      <c r="EY18" s="72">
        <v>2</v>
      </c>
      <c r="EZ18" s="73">
        <v>4</v>
      </c>
      <c r="FA18" s="70">
        <v>0</v>
      </c>
      <c r="FB18" s="71">
        <v>0</v>
      </c>
      <c r="FC18" s="72">
        <v>0</v>
      </c>
      <c r="FD18" s="244"/>
      <c r="FE18" s="71">
        <v>0</v>
      </c>
      <c r="FF18" s="71">
        <v>0</v>
      </c>
      <c r="FG18" s="71">
        <v>0</v>
      </c>
      <c r="FH18" s="71">
        <v>1</v>
      </c>
      <c r="FI18" s="71">
        <v>1</v>
      </c>
      <c r="FJ18" s="72">
        <v>2</v>
      </c>
      <c r="FK18" s="73">
        <v>2</v>
      </c>
      <c r="FL18" s="70">
        <v>2</v>
      </c>
      <c r="FM18" s="71">
        <v>1</v>
      </c>
      <c r="FN18" s="72">
        <v>3</v>
      </c>
      <c r="FO18" s="244"/>
      <c r="FP18" s="71">
        <v>3</v>
      </c>
      <c r="FQ18" s="71">
        <v>6</v>
      </c>
      <c r="FR18" s="71">
        <v>1</v>
      </c>
      <c r="FS18" s="71">
        <v>1</v>
      </c>
      <c r="FT18" s="71">
        <v>1</v>
      </c>
      <c r="FU18" s="72">
        <v>12</v>
      </c>
      <c r="FV18" s="73">
        <v>15</v>
      </c>
      <c r="FW18" s="70">
        <v>0</v>
      </c>
      <c r="FX18" s="71">
        <v>0</v>
      </c>
      <c r="FY18" s="72">
        <v>0</v>
      </c>
      <c r="FZ18" s="244"/>
      <c r="GA18" s="71">
        <v>0</v>
      </c>
      <c r="GB18" s="71">
        <v>0</v>
      </c>
      <c r="GC18" s="71">
        <v>0</v>
      </c>
      <c r="GD18" s="71">
        <v>0</v>
      </c>
      <c r="GE18" s="71">
        <v>0</v>
      </c>
      <c r="GF18" s="72">
        <v>0</v>
      </c>
      <c r="GG18" s="73">
        <v>0</v>
      </c>
      <c r="GH18" s="70">
        <v>2</v>
      </c>
      <c r="GI18" s="71">
        <v>3</v>
      </c>
      <c r="GJ18" s="72">
        <v>5</v>
      </c>
      <c r="GK18" s="244"/>
      <c r="GL18" s="71">
        <v>5</v>
      </c>
      <c r="GM18" s="71">
        <v>9</v>
      </c>
      <c r="GN18" s="71">
        <v>2</v>
      </c>
      <c r="GO18" s="71">
        <v>2</v>
      </c>
      <c r="GP18" s="71">
        <v>2</v>
      </c>
      <c r="GQ18" s="72">
        <v>20</v>
      </c>
      <c r="GR18" s="73">
        <v>25</v>
      </c>
      <c r="GS18" s="123">
        <v>25</v>
      </c>
      <c r="GT18" s="82">
        <v>29</v>
      </c>
      <c r="GU18" s="83">
        <v>54</v>
      </c>
      <c r="GV18" s="241"/>
      <c r="GW18" s="82">
        <v>46</v>
      </c>
      <c r="GX18" s="82">
        <v>34</v>
      </c>
      <c r="GY18" s="82">
        <v>27</v>
      </c>
      <c r="GZ18" s="82">
        <v>28</v>
      </c>
      <c r="HA18" s="82">
        <v>11</v>
      </c>
      <c r="HB18" s="84">
        <v>146</v>
      </c>
      <c r="HC18" s="85">
        <v>200</v>
      </c>
      <c r="HD18" s="70">
        <v>1</v>
      </c>
      <c r="HE18" s="71">
        <v>0</v>
      </c>
      <c r="HF18" s="72">
        <v>1</v>
      </c>
      <c r="HG18" s="244"/>
      <c r="HH18" s="71">
        <v>2</v>
      </c>
      <c r="HI18" s="71">
        <v>1</v>
      </c>
      <c r="HJ18" s="71">
        <v>0</v>
      </c>
      <c r="HK18" s="71">
        <v>1</v>
      </c>
      <c r="HL18" s="71">
        <v>1</v>
      </c>
      <c r="HM18" s="72">
        <v>5</v>
      </c>
      <c r="HN18" s="73">
        <v>6</v>
      </c>
      <c r="HO18" s="70">
        <v>2</v>
      </c>
      <c r="HP18" s="71">
        <v>1</v>
      </c>
      <c r="HQ18" s="72">
        <v>3</v>
      </c>
      <c r="HR18" s="244"/>
      <c r="HS18" s="71">
        <v>4</v>
      </c>
      <c r="HT18" s="71">
        <v>0</v>
      </c>
      <c r="HU18" s="71">
        <v>2</v>
      </c>
      <c r="HV18" s="71">
        <v>3</v>
      </c>
      <c r="HW18" s="71">
        <v>2</v>
      </c>
      <c r="HX18" s="72">
        <v>11</v>
      </c>
      <c r="HY18" s="73">
        <v>14</v>
      </c>
      <c r="HZ18" s="70">
        <v>3</v>
      </c>
      <c r="IA18" s="71">
        <v>3</v>
      </c>
      <c r="IB18" s="72">
        <v>6</v>
      </c>
      <c r="IC18" s="244"/>
      <c r="ID18" s="71">
        <v>5</v>
      </c>
      <c r="IE18" s="71">
        <v>4</v>
      </c>
      <c r="IF18" s="71">
        <v>2</v>
      </c>
      <c r="IG18" s="71">
        <v>4</v>
      </c>
      <c r="IH18" s="71">
        <v>1</v>
      </c>
      <c r="II18" s="72">
        <v>16</v>
      </c>
      <c r="IJ18" s="73">
        <v>22</v>
      </c>
      <c r="IK18" s="70">
        <v>6</v>
      </c>
      <c r="IL18" s="71">
        <v>5</v>
      </c>
      <c r="IM18" s="72">
        <v>11</v>
      </c>
      <c r="IN18" s="244"/>
      <c r="IO18" s="71">
        <v>9</v>
      </c>
      <c r="IP18" s="71">
        <v>7</v>
      </c>
      <c r="IQ18" s="71">
        <v>5</v>
      </c>
      <c r="IR18" s="71">
        <v>4</v>
      </c>
      <c r="IS18" s="71">
        <v>1</v>
      </c>
      <c r="IT18" s="72">
        <v>26</v>
      </c>
      <c r="IU18" s="73">
        <v>37</v>
      </c>
      <c r="IV18" s="70">
        <v>4</v>
      </c>
      <c r="IW18" s="71">
        <v>10</v>
      </c>
      <c r="IX18" s="72">
        <v>14</v>
      </c>
      <c r="IY18" s="244"/>
      <c r="IZ18" s="71">
        <v>9</v>
      </c>
      <c r="JA18" s="71">
        <v>3</v>
      </c>
      <c r="JB18" s="71">
        <v>5</v>
      </c>
      <c r="JC18" s="71">
        <v>6</v>
      </c>
      <c r="JD18" s="71">
        <v>3</v>
      </c>
      <c r="JE18" s="72">
        <v>26</v>
      </c>
      <c r="JF18" s="73">
        <v>40</v>
      </c>
      <c r="JG18" s="70">
        <v>9</v>
      </c>
      <c r="JH18" s="71">
        <v>10</v>
      </c>
      <c r="JI18" s="72">
        <v>19</v>
      </c>
      <c r="JJ18" s="244"/>
      <c r="JK18" s="71">
        <v>17</v>
      </c>
      <c r="JL18" s="71">
        <v>19</v>
      </c>
      <c r="JM18" s="71">
        <v>13</v>
      </c>
      <c r="JN18" s="71">
        <v>10</v>
      </c>
      <c r="JO18" s="71">
        <v>3</v>
      </c>
      <c r="JP18" s="72">
        <v>62</v>
      </c>
      <c r="JQ18" s="73">
        <v>81</v>
      </c>
      <c r="JR18" s="70">
        <v>0</v>
      </c>
      <c r="JS18" s="71">
        <v>0</v>
      </c>
      <c r="JT18" s="72">
        <v>0</v>
      </c>
      <c r="JU18" s="244"/>
      <c r="JV18" s="71">
        <v>0</v>
      </c>
      <c r="JW18" s="71">
        <v>0</v>
      </c>
      <c r="JX18" s="71">
        <v>0</v>
      </c>
      <c r="JY18" s="71">
        <v>0</v>
      </c>
      <c r="JZ18" s="71">
        <v>0</v>
      </c>
      <c r="KA18" s="72">
        <v>0</v>
      </c>
      <c r="KB18" s="73">
        <v>0</v>
      </c>
      <c r="KC18" s="70">
        <v>25</v>
      </c>
      <c r="KD18" s="71">
        <v>29</v>
      </c>
      <c r="KE18" s="72">
        <v>54</v>
      </c>
      <c r="KF18" s="244"/>
      <c r="KG18" s="71">
        <v>46</v>
      </c>
      <c r="KH18" s="71">
        <v>34</v>
      </c>
      <c r="KI18" s="71">
        <v>27</v>
      </c>
      <c r="KJ18" s="71">
        <v>28</v>
      </c>
      <c r="KK18" s="71">
        <v>11</v>
      </c>
      <c r="KL18" s="72">
        <v>146</v>
      </c>
      <c r="KM18" s="73">
        <v>200</v>
      </c>
    </row>
    <row r="19" spans="2:299" ht="21" customHeight="1" x14ac:dyDescent="0.2">
      <c r="B19" s="126" t="s">
        <v>16</v>
      </c>
      <c r="C19" s="315">
        <v>39</v>
      </c>
      <c r="D19" s="82">
        <v>41</v>
      </c>
      <c r="E19" s="83">
        <v>80</v>
      </c>
      <c r="F19" s="241"/>
      <c r="G19" s="82">
        <v>89</v>
      </c>
      <c r="H19" s="82">
        <v>85</v>
      </c>
      <c r="I19" s="82">
        <v>53</v>
      </c>
      <c r="J19" s="82">
        <v>49</v>
      </c>
      <c r="K19" s="82">
        <v>20</v>
      </c>
      <c r="L19" s="84">
        <v>296</v>
      </c>
      <c r="M19" s="85">
        <v>376</v>
      </c>
      <c r="N19" s="70">
        <v>1</v>
      </c>
      <c r="O19" s="71">
        <v>1</v>
      </c>
      <c r="P19" s="72">
        <v>2</v>
      </c>
      <c r="Q19" s="244"/>
      <c r="R19" s="71">
        <v>3</v>
      </c>
      <c r="S19" s="71">
        <v>3</v>
      </c>
      <c r="T19" s="71">
        <v>1</v>
      </c>
      <c r="U19" s="71">
        <v>2</v>
      </c>
      <c r="V19" s="71">
        <v>1</v>
      </c>
      <c r="W19" s="72">
        <v>10</v>
      </c>
      <c r="X19" s="73">
        <v>12</v>
      </c>
      <c r="Y19" s="70">
        <v>5</v>
      </c>
      <c r="Z19" s="71">
        <v>6</v>
      </c>
      <c r="AA19" s="72">
        <v>11</v>
      </c>
      <c r="AB19" s="244"/>
      <c r="AC19" s="71">
        <v>6</v>
      </c>
      <c r="AD19" s="71">
        <v>4</v>
      </c>
      <c r="AE19" s="71">
        <v>4</v>
      </c>
      <c r="AF19" s="71">
        <v>0</v>
      </c>
      <c r="AG19" s="71">
        <v>1</v>
      </c>
      <c r="AH19" s="72">
        <v>15</v>
      </c>
      <c r="AI19" s="73">
        <v>26</v>
      </c>
      <c r="AJ19" s="70">
        <v>6</v>
      </c>
      <c r="AK19" s="71">
        <v>4</v>
      </c>
      <c r="AL19" s="72">
        <v>10</v>
      </c>
      <c r="AM19" s="244"/>
      <c r="AN19" s="71">
        <v>9</v>
      </c>
      <c r="AO19" s="71">
        <v>6</v>
      </c>
      <c r="AP19" s="71">
        <v>6</v>
      </c>
      <c r="AQ19" s="71">
        <v>3</v>
      </c>
      <c r="AR19" s="71">
        <v>3</v>
      </c>
      <c r="AS19" s="72">
        <v>27</v>
      </c>
      <c r="AT19" s="73">
        <v>37</v>
      </c>
      <c r="AU19" s="70">
        <v>6</v>
      </c>
      <c r="AV19" s="71">
        <v>6</v>
      </c>
      <c r="AW19" s="72">
        <v>12</v>
      </c>
      <c r="AX19" s="244"/>
      <c r="AY19" s="71">
        <v>21</v>
      </c>
      <c r="AZ19" s="71">
        <v>22</v>
      </c>
      <c r="BA19" s="71">
        <v>12</v>
      </c>
      <c r="BB19" s="71">
        <v>9</v>
      </c>
      <c r="BC19" s="71">
        <v>7</v>
      </c>
      <c r="BD19" s="72">
        <v>71</v>
      </c>
      <c r="BE19" s="73">
        <v>83</v>
      </c>
      <c r="BF19" s="70">
        <v>11</v>
      </c>
      <c r="BG19" s="71">
        <v>12</v>
      </c>
      <c r="BH19" s="72">
        <v>23</v>
      </c>
      <c r="BI19" s="244"/>
      <c r="BJ19" s="71">
        <v>23</v>
      </c>
      <c r="BK19" s="71">
        <v>24</v>
      </c>
      <c r="BL19" s="71">
        <v>8</v>
      </c>
      <c r="BM19" s="71">
        <v>11</v>
      </c>
      <c r="BN19" s="71">
        <v>3</v>
      </c>
      <c r="BO19" s="72">
        <v>69</v>
      </c>
      <c r="BP19" s="73">
        <v>92</v>
      </c>
      <c r="BQ19" s="70">
        <v>10</v>
      </c>
      <c r="BR19" s="71">
        <v>12</v>
      </c>
      <c r="BS19" s="72">
        <v>22</v>
      </c>
      <c r="BT19" s="244"/>
      <c r="BU19" s="71">
        <v>27</v>
      </c>
      <c r="BV19" s="71">
        <v>26</v>
      </c>
      <c r="BW19" s="71">
        <v>22</v>
      </c>
      <c r="BX19" s="71">
        <v>24</v>
      </c>
      <c r="BY19" s="71">
        <v>5</v>
      </c>
      <c r="BZ19" s="72">
        <v>104</v>
      </c>
      <c r="CA19" s="73">
        <v>126</v>
      </c>
      <c r="CB19" s="70">
        <v>0</v>
      </c>
      <c r="CC19" s="71">
        <v>0</v>
      </c>
      <c r="CD19" s="72">
        <v>0</v>
      </c>
      <c r="CE19" s="244"/>
      <c r="CF19" s="71">
        <v>0</v>
      </c>
      <c r="CG19" s="71">
        <v>0</v>
      </c>
      <c r="CH19" s="71">
        <v>0</v>
      </c>
      <c r="CI19" s="71">
        <v>0</v>
      </c>
      <c r="CJ19" s="71">
        <v>0</v>
      </c>
      <c r="CK19" s="72">
        <v>0</v>
      </c>
      <c r="CL19" s="73">
        <v>0</v>
      </c>
      <c r="CM19" s="70">
        <v>39</v>
      </c>
      <c r="CN19" s="71">
        <v>41</v>
      </c>
      <c r="CO19" s="72">
        <v>80</v>
      </c>
      <c r="CP19" s="244"/>
      <c r="CQ19" s="71">
        <v>89</v>
      </c>
      <c r="CR19" s="71">
        <v>85</v>
      </c>
      <c r="CS19" s="71">
        <v>53</v>
      </c>
      <c r="CT19" s="71">
        <v>49</v>
      </c>
      <c r="CU19" s="71">
        <v>20</v>
      </c>
      <c r="CV19" s="72">
        <v>296</v>
      </c>
      <c r="CW19" s="73">
        <v>376</v>
      </c>
      <c r="CX19" s="123">
        <v>6</v>
      </c>
      <c r="CY19" s="82">
        <v>6</v>
      </c>
      <c r="CZ19" s="83">
        <v>12</v>
      </c>
      <c r="DA19" s="241"/>
      <c r="DB19" s="82">
        <v>13</v>
      </c>
      <c r="DC19" s="82">
        <v>16</v>
      </c>
      <c r="DD19" s="82">
        <v>8</v>
      </c>
      <c r="DE19" s="82">
        <v>10</v>
      </c>
      <c r="DF19" s="82">
        <v>6</v>
      </c>
      <c r="DG19" s="84">
        <v>53</v>
      </c>
      <c r="DH19" s="85">
        <v>65</v>
      </c>
      <c r="DI19" s="70">
        <v>0</v>
      </c>
      <c r="DJ19" s="71">
        <v>0</v>
      </c>
      <c r="DK19" s="72">
        <v>0</v>
      </c>
      <c r="DL19" s="244"/>
      <c r="DM19" s="71">
        <v>0</v>
      </c>
      <c r="DN19" s="71">
        <v>0</v>
      </c>
      <c r="DO19" s="71">
        <v>0</v>
      </c>
      <c r="DP19" s="71">
        <v>0</v>
      </c>
      <c r="DQ19" s="71">
        <v>0</v>
      </c>
      <c r="DR19" s="72">
        <v>0</v>
      </c>
      <c r="DS19" s="73">
        <v>0</v>
      </c>
      <c r="DT19" s="70">
        <v>1</v>
      </c>
      <c r="DU19" s="71">
        <v>1</v>
      </c>
      <c r="DV19" s="72">
        <v>2</v>
      </c>
      <c r="DW19" s="244"/>
      <c r="DX19" s="71">
        <v>2</v>
      </c>
      <c r="DY19" s="71">
        <v>1</v>
      </c>
      <c r="DZ19" s="71">
        <v>0</v>
      </c>
      <c r="EA19" s="71">
        <v>0</v>
      </c>
      <c r="EB19" s="71">
        <v>0</v>
      </c>
      <c r="EC19" s="72">
        <v>3</v>
      </c>
      <c r="ED19" s="73">
        <v>5</v>
      </c>
      <c r="EE19" s="70">
        <v>1</v>
      </c>
      <c r="EF19" s="71">
        <v>1</v>
      </c>
      <c r="EG19" s="72">
        <v>2</v>
      </c>
      <c r="EH19" s="244"/>
      <c r="EI19" s="71">
        <v>0</v>
      </c>
      <c r="EJ19" s="71">
        <v>1</v>
      </c>
      <c r="EK19" s="71">
        <v>2</v>
      </c>
      <c r="EL19" s="71">
        <v>1</v>
      </c>
      <c r="EM19" s="71">
        <v>0</v>
      </c>
      <c r="EN19" s="72">
        <v>4</v>
      </c>
      <c r="EO19" s="73">
        <v>6</v>
      </c>
      <c r="EP19" s="70">
        <v>1</v>
      </c>
      <c r="EQ19" s="71">
        <v>0</v>
      </c>
      <c r="ER19" s="72">
        <v>1</v>
      </c>
      <c r="ES19" s="244"/>
      <c r="ET19" s="71">
        <v>3</v>
      </c>
      <c r="EU19" s="71">
        <v>4</v>
      </c>
      <c r="EV19" s="71">
        <v>1</v>
      </c>
      <c r="EW19" s="71">
        <v>1</v>
      </c>
      <c r="EX19" s="71">
        <v>0</v>
      </c>
      <c r="EY19" s="72">
        <v>9</v>
      </c>
      <c r="EZ19" s="73">
        <v>10</v>
      </c>
      <c r="FA19" s="70">
        <v>2</v>
      </c>
      <c r="FB19" s="71">
        <v>1</v>
      </c>
      <c r="FC19" s="72">
        <v>3</v>
      </c>
      <c r="FD19" s="244"/>
      <c r="FE19" s="71">
        <v>1</v>
      </c>
      <c r="FF19" s="71">
        <v>5</v>
      </c>
      <c r="FG19" s="71">
        <v>2</v>
      </c>
      <c r="FH19" s="71">
        <v>1</v>
      </c>
      <c r="FI19" s="71">
        <v>3</v>
      </c>
      <c r="FJ19" s="72">
        <v>12</v>
      </c>
      <c r="FK19" s="73">
        <v>15</v>
      </c>
      <c r="FL19" s="70">
        <v>1</v>
      </c>
      <c r="FM19" s="71">
        <v>3</v>
      </c>
      <c r="FN19" s="72">
        <v>4</v>
      </c>
      <c r="FO19" s="244"/>
      <c r="FP19" s="71">
        <v>7</v>
      </c>
      <c r="FQ19" s="71">
        <v>5</v>
      </c>
      <c r="FR19" s="71">
        <v>3</v>
      </c>
      <c r="FS19" s="71">
        <v>7</v>
      </c>
      <c r="FT19" s="71">
        <v>3</v>
      </c>
      <c r="FU19" s="72">
        <v>25</v>
      </c>
      <c r="FV19" s="73">
        <v>29</v>
      </c>
      <c r="FW19" s="70">
        <v>0</v>
      </c>
      <c r="FX19" s="71">
        <v>0</v>
      </c>
      <c r="FY19" s="72">
        <v>0</v>
      </c>
      <c r="FZ19" s="244"/>
      <c r="GA19" s="71">
        <v>0</v>
      </c>
      <c r="GB19" s="71">
        <v>0</v>
      </c>
      <c r="GC19" s="71">
        <v>0</v>
      </c>
      <c r="GD19" s="71">
        <v>0</v>
      </c>
      <c r="GE19" s="71">
        <v>0</v>
      </c>
      <c r="GF19" s="72">
        <v>0</v>
      </c>
      <c r="GG19" s="73">
        <v>0</v>
      </c>
      <c r="GH19" s="70">
        <v>6</v>
      </c>
      <c r="GI19" s="71">
        <v>6</v>
      </c>
      <c r="GJ19" s="72">
        <v>12</v>
      </c>
      <c r="GK19" s="244"/>
      <c r="GL19" s="71">
        <v>13</v>
      </c>
      <c r="GM19" s="71">
        <v>16</v>
      </c>
      <c r="GN19" s="71">
        <v>8</v>
      </c>
      <c r="GO19" s="71">
        <v>10</v>
      </c>
      <c r="GP19" s="71">
        <v>6</v>
      </c>
      <c r="GQ19" s="72">
        <v>53</v>
      </c>
      <c r="GR19" s="73">
        <v>65</v>
      </c>
      <c r="GS19" s="123">
        <v>45</v>
      </c>
      <c r="GT19" s="82">
        <v>47</v>
      </c>
      <c r="GU19" s="83">
        <v>92</v>
      </c>
      <c r="GV19" s="241"/>
      <c r="GW19" s="82">
        <v>102</v>
      </c>
      <c r="GX19" s="82">
        <v>101</v>
      </c>
      <c r="GY19" s="82">
        <v>61</v>
      </c>
      <c r="GZ19" s="82">
        <v>59</v>
      </c>
      <c r="HA19" s="82">
        <v>26</v>
      </c>
      <c r="HB19" s="84">
        <v>349</v>
      </c>
      <c r="HC19" s="85">
        <v>441</v>
      </c>
      <c r="HD19" s="70">
        <v>1</v>
      </c>
      <c r="HE19" s="71">
        <v>1</v>
      </c>
      <c r="HF19" s="72">
        <v>2</v>
      </c>
      <c r="HG19" s="244"/>
      <c r="HH19" s="71">
        <v>3</v>
      </c>
      <c r="HI19" s="71">
        <v>3</v>
      </c>
      <c r="HJ19" s="71">
        <v>1</v>
      </c>
      <c r="HK19" s="71">
        <v>2</v>
      </c>
      <c r="HL19" s="71">
        <v>1</v>
      </c>
      <c r="HM19" s="72">
        <v>10</v>
      </c>
      <c r="HN19" s="73">
        <v>12</v>
      </c>
      <c r="HO19" s="70">
        <v>6</v>
      </c>
      <c r="HP19" s="71">
        <v>7</v>
      </c>
      <c r="HQ19" s="72">
        <v>13</v>
      </c>
      <c r="HR19" s="244"/>
      <c r="HS19" s="71">
        <v>8</v>
      </c>
      <c r="HT19" s="71">
        <v>5</v>
      </c>
      <c r="HU19" s="71">
        <v>4</v>
      </c>
      <c r="HV19" s="71">
        <v>0</v>
      </c>
      <c r="HW19" s="71">
        <v>1</v>
      </c>
      <c r="HX19" s="72">
        <v>18</v>
      </c>
      <c r="HY19" s="73">
        <v>31</v>
      </c>
      <c r="HZ19" s="70">
        <v>7</v>
      </c>
      <c r="IA19" s="71">
        <v>5</v>
      </c>
      <c r="IB19" s="72">
        <v>12</v>
      </c>
      <c r="IC19" s="244"/>
      <c r="ID19" s="71">
        <v>9</v>
      </c>
      <c r="IE19" s="71">
        <v>7</v>
      </c>
      <c r="IF19" s="71">
        <v>8</v>
      </c>
      <c r="IG19" s="71">
        <v>4</v>
      </c>
      <c r="IH19" s="71">
        <v>3</v>
      </c>
      <c r="II19" s="72">
        <v>31</v>
      </c>
      <c r="IJ19" s="73">
        <v>43</v>
      </c>
      <c r="IK19" s="70">
        <v>7</v>
      </c>
      <c r="IL19" s="71">
        <v>6</v>
      </c>
      <c r="IM19" s="72">
        <v>13</v>
      </c>
      <c r="IN19" s="244"/>
      <c r="IO19" s="71">
        <v>24</v>
      </c>
      <c r="IP19" s="71">
        <v>26</v>
      </c>
      <c r="IQ19" s="71">
        <v>13</v>
      </c>
      <c r="IR19" s="71">
        <v>10</v>
      </c>
      <c r="IS19" s="71">
        <v>7</v>
      </c>
      <c r="IT19" s="72">
        <v>80</v>
      </c>
      <c r="IU19" s="73">
        <v>93</v>
      </c>
      <c r="IV19" s="70">
        <v>13</v>
      </c>
      <c r="IW19" s="71">
        <v>13</v>
      </c>
      <c r="IX19" s="72">
        <v>26</v>
      </c>
      <c r="IY19" s="244"/>
      <c r="IZ19" s="71">
        <v>24</v>
      </c>
      <c r="JA19" s="71">
        <v>29</v>
      </c>
      <c r="JB19" s="71">
        <v>10</v>
      </c>
      <c r="JC19" s="71">
        <v>12</v>
      </c>
      <c r="JD19" s="71">
        <v>6</v>
      </c>
      <c r="JE19" s="72">
        <v>81</v>
      </c>
      <c r="JF19" s="73">
        <v>107</v>
      </c>
      <c r="JG19" s="70">
        <v>11</v>
      </c>
      <c r="JH19" s="71">
        <v>15</v>
      </c>
      <c r="JI19" s="72">
        <v>26</v>
      </c>
      <c r="JJ19" s="244"/>
      <c r="JK19" s="71">
        <v>34</v>
      </c>
      <c r="JL19" s="71">
        <v>31</v>
      </c>
      <c r="JM19" s="71">
        <v>25</v>
      </c>
      <c r="JN19" s="71">
        <v>31</v>
      </c>
      <c r="JO19" s="71">
        <v>8</v>
      </c>
      <c r="JP19" s="72">
        <v>129</v>
      </c>
      <c r="JQ19" s="73">
        <v>155</v>
      </c>
      <c r="JR19" s="70">
        <v>0</v>
      </c>
      <c r="JS19" s="71">
        <v>0</v>
      </c>
      <c r="JT19" s="72">
        <v>0</v>
      </c>
      <c r="JU19" s="244"/>
      <c r="JV19" s="71">
        <v>0</v>
      </c>
      <c r="JW19" s="71">
        <v>0</v>
      </c>
      <c r="JX19" s="71">
        <v>0</v>
      </c>
      <c r="JY19" s="71">
        <v>0</v>
      </c>
      <c r="JZ19" s="71">
        <v>0</v>
      </c>
      <c r="KA19" s="72">
        <v>0</v>
      </c>
      <c r="KB19" s="73">
        <v>0</v>
      </c>
      <c r="KC19" s="70">
        <v>45</v>
      </c>
      <c r="KD19" s="71">
        <v>47</v>
      </c>
      <c r="KE19" s="72">
        <v>92</v>
      </c>
      <c r="KF19" s="244"/>
      <c r="KG19" s="71">
        <v>102</v>
      </c>
      <c r="KH19" s="71">
        <v>101</v>
      </c>
      <c r="KI19" s="71">
        <v>61</v>
      </c>
      <c r="KJ19" s="71">
        <v>59</v>
      </c>
      <c r="KK19" s="71">
        <v>26</v>
      </c>
      <c r="KL19" s="72">
        <v>349</v>
      </c>
      <c r="KM19" s="73">
        <v>441</v>
      </c>
    </row>
    <row r="20" spans="2:299" ht="21" customHeight="1" x14ac:dyDescent="0.2">
      <c r="B20" s="126" t="s">
        <v>17</v>
      </c>
      <c r="C20" s="315">
        <v>60</v>
      </c>
      <c r="D20" s="82">
        <v>59</v>
      </c>
      <c r="E20" s="83">
        <v>119</v>
      </c>
      <c r="F20" s="241"/>
      <c r="G20" s="82">
        <v>102</v>
      </c>
      <c r="H20" s="82">
        <v>99</v>
      </c>
      <c r="I20" s="82">
        <v>75</v>
      </c>
      <c r="J20" s="82">
        <v>48</v>
      </c>
      <c r="K20" s="82">
        <v>36</v>
      </c>
      <c r="L20" s="84">
        <v>360</v>
      </c>
      <c r="M20" s="85">
        <v>479</v>
      </c>
      <c r="N20" s="70">
        <v>1</v>
      </c>
      <c r="O20" s="71">
        <v>2</v>
      </c>
      <c r="P20" s="72">
        <v>3</v>
      </c>
      <c r="Q20" s="244"/>
      <c r="R20" s="71">
        <v>4</v>
      </c>
      <c r="S20" s="71">
        <v>2</v>
      </c>
      <c r="T20" s="71">
        <v>6</v>
      </c>
      <c r="U20" s="71">
        <v>2</v>
      </c>
      <c r="V20" s="71">
        <v>1</v>
      </c>
      <c r="W20" s="72">
        <v>15</v>
      </c>
      <c r="X20" s="73">
        <v>18</v>
      </c>
      <c r="Y20" s="70">
        <v>2</v>
      </c>
      <c r="Z20" s="71">
        <v>1</v>
      </c>
      <c r="AA20" s="72">
        <v>3</v>
      </c>
      <c r="AB20" s="244"/>
      <c r="AC20" s="71">
        <v>3</v>
      </c>
      <c r="AD20" s="71">
        <v>3</v>
      </c>
      <c r="AE20" s="71">
        <v>6</v>
      </c>
      <c r="AF20" s="71">
        <v>3</v>
      </c>
      <c r="AG20" s="71">
        <v>1</v>
      </c>
      <c r="AH20" s="72">
        <v>16</v>
      </c>
      <c r="AI20" s="73">
        <v>19</v>
      </c>
      <c r="AJ20" s="70">
        <v>12</v>
      </c>
      <c r="AK20" s="71">
        <v>6</v>
      </c>
      <c r="AL20" s="72">
        <v>18</v>
      </c>
      <c r="AM20" s="244"/>
      <c r="AN20" s="71">
        <v>10</v>
      </c>
      <c r="AO20" s="71">
        <v>12</v>
      </c>
      <c r="AP20" s="71">
        <v>6</v>
      </c>
      <c r="AQ20" s="71">
        <v>4</v>
      </c>
      <c r="AR20" s="71">
        <v>4</v>
      </c>
      <c r="AS20" s="72">
        <v>36</v>
      </c>
      <c r="AT20" s="73">
        <v>54</v>
      </c>
      <c r="AU20" s="70">
        <v>12</v>
      </c>
      <c r="AV20" s="71">
        <v>19</v>
      </c>
      <c r="AW20" s="72">
        <v>31</v>
      </c>
      <c r="AX20" s="244"/>
      <c r="AY20" s="71">
        <v>25</v>
      </c>
      <c r="AZ20" s="71">
        <v>23</v>
      </c>
      <c r="BA20" s="71">
        <v>16</v>
      </c>
      <c r="BB20" s="71">
        <v>9</v>
      </c>
      <c r="BC20" s="71">
        <v>7</v>
      </c>
      <c r="BD20" s="72">
        <v>80</v>
      </c>
      <c r="BE20" s="73">
        <v>111</v>
      </c>
      <c r="BF20" s="70">
        <v>19</v>
      </c>
      <c r="BG20" s="71">
        <v>16</v>
      </c>
      <c r="BH20" s="72">
        <v>35</v>
      </c>
      <c r="BI20" s="244"/>
      <c r="BJ20" s="71">
        <v>35</v>
      </c>
      <c r="BK20" s="71">
        <v>37</v>
      </c>
      <c r="BL20" s="71">
        <v>20</v>
      </c>
      <c r="BM20" s="71">
        <v>17</v>
      </c>
      <c r="BN20" s="71">
        <v>9</v>
      </c>
      <c r="BO20" s="72">
        <v>118</v>
      </c>
      <c r="BP20" s="73">
        <v>153</v>
      </c>
      <c r="BQ20" s="70">
        <v>14</v>
      </c>
      <c r="BR20" s="71">
        <v>15</v>
      </c>
      <c r="BS20" s="72">
        <v>29</v>
      </c>
      <c r="BT20" s="244"/>
      <c r="BU20" s="71">
        <v>25</v>
      </c>
      <c r="BV20" s="71">
        <v>22</v>
      </c>
      <c r="BW20" s="71">
        <v>21</v>
      </c>
      <c r="BX20" s="71">
        <v>13</v>
      </c>
      <c r="BY20" s="71">
        <v>14</v>
      </c>
      <c r="BZ20" s="72">
        <v>95</v>
      </c>
      <c r="CA20" s="73">
        <v>124</v>
      </c>
      <c r="CB20" s="70">
        <v>0</v>
      </c>
      <c r="CC20" s="71">
        <v>0</v>
      </c>
      <c r="CD20" s="72">
        <v>0</v>
      </c>
      <c r="CE20" s="244"/>
      <c r="CF20" s="71">
        <v>0</v>
      </c>
      <c r="CG20" s="71">
        <v>0</v>
      </c>
      <c r="CH20" s="71">
        <v>0</v>
      </c>
      <c r="CI20" s="71">
        <v>0</v>
      </c>
      <c r="CJ20" s="71">
        <v>0</v>
      </c>
      <c r="CK20" s="72">
        <v>0</v>
      </c>
      <c r="CL20" s="73">
        <v>0</v>
      </c>
      <c r="CM20" s="70">
        <v>60</v>
      </c>
      <c r="CN20" s="71">
        <v>59</v>
      </c>
      <c r="CO20" s="72">
        <v>119</v>
      </c>
      <c r="CP20" s="244"/>
      <c r="CQ20" s="71">
        <v>102</v>
      </c>
      <c r="CR20" s="71">
        <v>99</v>
      </c>
      <c r="CS20" s="71">
        <v>75</v>
      </c>
      <c r="CT20" s="71">
        <v>48</v>
      </c>
      <c r="CU20" s="71">
        <v>36</v>
      </c>
      <c r="CV20" s="72">
        <v>360</v>
      </c>
      <c r="CW20" s="73">
        <v>479</v>
      </c>
      <c r="CX20" s="123">
        <v>11</v>
      </c>
      <c r="CY20" s="82">
        <v>10</v>
      </c>
      <c r="CZ20" s="83">
        <v>21</v>
      </c>
      <c r="DA20" s="241"/>
      <c r="DB20" s="82">
        <v>8</v>
      </c>
      <c r="DC20" s="82">
        <v>14</v>
      </c>
      <c r="DD20" s="82">
        <v>8</v>
      </c>
      <c r="DE20" s="82">
        <v>10</v>
      </c>
      <c r="DF20" s="82">
        <v>5</v>
      </c>
      <c r="DG20" s="84">
        <v>45</v>
      </c>
      <c r="DH20" s="85">
        <v>66</v>
      </c>
      <c r="DI20" s="70">
        <v>0</v>
      </c>
      <c r="DJ20" s="71">
        <v>0</v>
      </c>
      <c r="DK20" s="72">
        <v>0</v>
      </c>
      <c r="DL20" s="244"/>
      <c r="DM20" s="71">
        <v>0</v>
      </c>
      <c r="DN20" s="71">
        <v>2</v>
      </c>
      <c r="DO20" s="71">
        <v>0</v>
      </c>
      <c r="DP20" s="71">
        <v>0</v>
      </c>
      <c r="DQ20" s="71">
        <v>1</v>
      </c>
      <c r="DR20" s="72">
        <v>3</v>
      </c>
      <c r="DS20" s="73">
        <v>3</v>
      </c>
      <c r="DT20" s="70">
        <v>0</v>
      </c>
      <c r="DU20" s="71">
        <v>1</v>
      </c>
      <c r="DV20" s="72">
        <v>1</v>
      </c>
      <c r="DW20" s="244"/>
      <c r="DX20" s="71">
        <v>1</v>
      </c>
      <c r="DY20" s="71">
        <v>1</v>
      </c>
      <c r="DZ20" s="71">
        <v>1</v>
      </c>
      <c r="EA20" s="71">
        <v>1</v>
      </c>
      <c r="EB20" s="71">
        <v>0</v>
      </c>
      <c r="EC20" s="72">
        <v>4</v>
      </c>
      <c r="ED20" s="73">
        <v>5</v>
      </c>
      <c r="EE20" s="70">
        <v>1</v>
      </c>
      <c r="EF20" s="71">
        <v>2</v>
      </c>
      <c r="EG20" s="72">
        <v>3</v>
      </c>
      <c r="EH20" s="244"/>
      <c r="EI20" s="71">
        <v>1</v>
      </c>
      <c r="EJ20" s="71">
        <v>0</v>
      </c>
      <c r="EK20" s="71">
        <v>2</v>
      </c>
      <c r="EL20" s="71">
        <v>0</v>
      </c>
      <c r="EM20" s="71">
        <v>0</v>
      </c>
      <c r="EN20" s="72">
        <v>3</v>
      </c>
      <c r="EO20" s="73">
        <v>6</v>
      </c>
      <c r="EP20" s="70">
        <v>5</v>
      </c>
      <c r="EQ20" s="71">
        <v>2</v>
      </c>
      <c r="ER20" s="72">
        <v>7</v>
      </c>
      <c r="ES20" s="244"/>
      <c r="ET20" s="71">
        <v>2</v>
      </c>
      <c r="EU20" s="71">
        <v>3</v>
      </c>
      <c r="EV20" s="71">
        <v>2</v>
      </c>
      <c r="EW20" s="71">
        <v>2</v>
      </c>
      <c r="EX20" s="71">
        <v>1</v>
      </c>
      <c r="EY20" s="72">
        <v>10</v>
      </c>
      <c r="EZ20" s="73">
        <v>17</v>
      </c>
      <c r="FA20" s="70">
        <v>4</v>
      </c>
      <c r="FB20" s="71">
        <v>3</v>
      </c>
      <c r="FC20" s="72">
        <v>7</v>
      </c>
      <c r="FD20" s="244"/>
      <c r="FE20" s="71">
        <v>3</v>
      </c>
      <c r="FF20" s="71">
        <v>5</v>
      </c>
      <c r="FG20" s="71">
        <v>1</v>
      </c>
      <c r="FH20" s="71">
        <v>2</v>
      </c>
      <c r="FI20" s="71">
        <v>0</v>
      </c>
      <c r="FJ20" s="72">
        <v>11</v>
      </c>
      <c r="FK20" s="73">
        <v>18</v>
      </c>
      <c r="FL20" s="70">
        <v>1</v>
      </c>
      <c r="FM20" s="71">
        <v>2</v>
      </c>
      <c r="FN20" s="72">
        <v>3</v>
      </c>
      <c r="FO20" s="244"/>
      <c r="FP20" s="71">
        <v>1</v>
      </c>
      <c r="FQ20" s="71">
        <v>3</v>
      </c>
      <c r="FR20" s="71">
        <v>2</v>
      </c>
      <c r="FS20" s="71">
        <v>5</v>
      </c>
      <c r="FT20" s="71">
        <v>3</v>
      </c>
      <c r="FU20" s="72">
        <v>14</v>
      </c>
      <c r="FV20" s="73">
        <v>17</v>
      </c>
      <c r="FW20" s="70">
        <v>0</v>
      </c>
      <c r="FX20" s="71">
        <v>0</v>
      </c>
      <c r="FY20" s="72">
        <v>0</v>
      </c>
      <c r="FZ20" s="244"/>
      <c r="GA20" s="71">
        <v>0</v>
      </c>
      <c r="GB20" s="71">
        <v>0</v>
      </c>
      <c r="GC20" s="71">
        <v>0</v>
      </c>
      <c r="GD20" s="71">
        <v>0</v>
      </c>
      <c r="GE20" s="71">
        <v>0</v>
      </c>
      <c r="GF20" s="72">
        <v>0</v>
      </c>
      <c r="GG20" s="73">
        <v>0</v>
      </c>
      <c r="GH20" s="70">
        <v>11</v>
      </c>
      <c r="GI20" s="71">
        <v>10</v>
      </c>
      <c r="GJ20" s="72">
        <v>21</v>
      </c>
      <c r="GK20" s="244"/>
      <c r="GL20" s="71">
        <v>8</v>
      </c>
      <c r="GM20" s="71">
        <v>14</v>
      </c>
      <c r="GN20" s="71">
        <v>8</v>
      </c>
      <c r="GO20" s="71">
        <v>10</v>
      </c>
      <c r="GP20" s="71">
        <v>5</v>
      </c>
      <c r="GQ20" s="72">
        <v>45</v>
      </c>
      <c r="GR20" s="73">
        <v>66</v>
      </c>
      <c r="GS20" s="123">
        <v>71</v>
      </c>
      <c r="GT20" s="82">
        <v>69</v>
      </c>
      <c r="GU20" s="83">
        <v>140</v>
      </c>
      <c r="GV20" s="241"/>
      <c r="GW20" s="82">
        <v>110</v>
      </c>
      <c r="GX20" s="82">
        <v>113</v>
      </c>
      <c r="GY20" s="82">
        <v>83</v>
      </c>
      <c r="GZ20" s="82">
        <v>58</v>
      </c>
      <c r="HA20" s="82">
        <v>41</v>
      </c>
      <c r="HB20" s="84">
        <v>405</v>
      </c>
      <c r="HC20" s="85">
        <v>545</v>
      </c>
      <c r="HD20" s="70">
        <v>1</v>
      </c>
      <c r="HE20" s="71">
        <v>2</v>
      </c>
      <c r="HF20" s="72">
        <v>3</v>
      </c>
      <c r="HG20" s="244"/>
      <c r="HH20" s="71">
        <v>4</v>
      </c>
      <c r="HI20" s="71">
        <v>4</v>
      </c>
      <c r="HJ20" s="71">
        <v>6</v>
      </c>
      <c r="HK20" s="71">
        <v>2</v>
      </c>
      <c r="HL20" s="71">
        <v>2</v>
      </c>
      <c r="HM20" s="72">
        <v>18</v>
      </c>
      <c r="HN20" s="73">
        <v>21</v>
      </c>
      <c r="HO20" s="70">
        <v>2</v>
      </c>
      <c r="HP20" s="71">
        <v>2</v>
      </c>
      <c r="HQ20" s="72">
        <v>4</v>
      </c>
      <c r="HR20" s="244"/>
      <c r="HS20" s="71">
        <v>4</v>
      </c>
      <c r="HT20" s="71">
        <v>4</v>
      </c>
      <c r="HU20" s="71">
        <v>7</v>
      </c>
      <c r="HV20" s="71">
        <v>4</v>
      </c>
      <c r="HW20" s="71">
        <v>1</v>
      </c>
      <c r="HX20" s="72">
        <v>20</v>
      </c>
      <c r="HY20" s="73">
        <v>24</v>
      </c>
      <c r="HZ20" s="70">
        <v>13</v>
      </c>
      <c r="IA20" s="71">
        <v>8</v>
      </c>
      <c r="IB20" s="72">
        <v>21</v>
      </c>
      <c r="IC20" s="244"/>
      <c r="ID20" s="71">
        <v>11</v>
      </c>
      <c r="IE20" s="71">
        <v>12</v>
      </c>
      <c r="IF20" s="71">
        <v>8</v>
      </c>
      <c r="IG20" s="71">
        <v>4</v>
      </c>
      <c r="IH20" s="71">
        <v>4</v>
      </c>
      <c r="II20" s="72">
        <v>39</v>
      </c>
      <c r="IJ20" s="73">
        <v>60</v>
      </c>
      <c r="IK20" s="70">
        <v>17</v>
      </c>
      <c r="IL20" s="71">
        <v>21</v>
      </c>
      <c r="IM20" s="72">
        <v>38</v>
      </c>
      <c r="IN20" s="244"/>
      <c r="IO20" s="71">
        <v>27</v>
      </c>
      <c r="IP20" s="71">
        <v>26</v>
      </c>
      <c r="IQ20" s="71">
        <v>18</v>
      </c>
      <c r="IR20" s="71">
        <v>11</v>
      </c>
      <c r="IS20" s="71">
        <v>8</v>
      </c>
      <c r="IT20" s="72">
        <v>90</v>
      </c>
      <c r="IU20" s="73">
        <v>128</v>
      </c>
      <c r="IV20" s="70">
        <v>23</v>
      </c>
      <c r="IW20" s="71">
        <v>19</v>
      </c>
      <c r="IX20" s="72">
        <v>42</v>
      </c>
      <c r="IY20" s="244"/>
      <c r="IZ20" s="71">
        <v>38</v>
      </c>
      <c r="JA20" s="71">
        <v>42</v>
      </c>
      <c r="JB20" s="71">
        <v>21</v>
      </c>
      <c r="JC20" s="71">
        <v>19</v>
      </c>
      <c r="JD20" s="71">
        <v>9</v>
      </c>
      <c r="JE20" s="72">
        <v>129</v>
      </c>
      <c r="JF20" s="73">
        <v>171</v>
      </c>
      <c r="JG20" s="70">
        <v>15</v>
      </c>
      <c r="JH20" s="71">
        <v>17</v>
      </c>
      <c r="JI20" s="72">
        <v>32</v>
      </c>
      <c r="JJ20" s="244"/>
      <c r="JK20" s="71">
        <v>26</v>
      </c>
      <c r="JL20" s="71">
        <v>25</v>
      </c>
      <c r="JM20" s="71">
        <v>23</v>
      </c>
      <c r="JN20" s="71">
        <v>18</v>
      </c>
      <c r="JO20" s="71">
        <v>17</v>
      </c>
      <c r="JP20" s="72">
        <v>109</v>
      </c>
      <c r="JQ20" s="73">
        <v>141</v>
      </c>
      <c r="JR20" s="70">
        <v>0</v>
      </c>
      <c r="JS20" s="71">
        <v>0</v>
      </c>
      <c r="JT20" s="72">
        <v>0</v>
      </c>
      <c r="JU20" s="244"/>
      <c r="JV20" s="71">
        <v>0</v>
      </c>
      <c r="JW20" s="71">
        <v>0</v>
      </c>
      <c r="JX20" s="71">
        <v>0</v>
      </c>
      <c r="JY20" s="71">
        <v>0</v>
      </c>
      <c r="JZ20" s="71">
        <v>0</v>
      </c>
      <c r="KA20" s="72">
        <v>0</v>
      </c>
      <c r="KB20" s="73">
        <v>0</v>
      </c>
      <c r="KC20" s="70">
        <v>71</v>
      </c>
      <c r="KD20" s="71">
        <v>69</v>
      </c>
      <c r="KE20" s="72">
        <v>140</v>
      </c>
      <c r="KF20" s="244"/>
      <c r="KG20" s="71">
        <v>110</v>
      </c>
      <c r="KH20" s="71">
        <v>113</v>
      </c>
      <c r="KI20" s="71">
        <v>83</v>
      </c>
      <c r="KJ20" s="71">
        <v>58</v>
      </c>
      <c r="KK20" s="71">
        <v>41</v>
      </c>
      <c r="KL20" s="72">
        <v>405</v>
      </c>
      <c r="KM20" s="73">
        <v>545</v>
      </c>
    </row>
    <row r="21" spans="2:299" ht="21" customHeight="1" x14ac:dyDescent="0.2">
      <c r="B21" s="126" t="s">
        <v>18</v>
      </c>
      <c r="C21" s="315">
        <v>77</v>
      </c>
      <c r="D21" s="82">
        <v>81</v>
      </c>
      <c r="E21" s="83">
        <v>158</v>
      </c>
      <c r="F21" s="241"/>
      <c r="G21" s="82">
        <v>152</v>
      </c>
      <c r="H21" s="82">
        <v>113</v>
      </c>
      <c r="I21" s="82">
        <v>87</v>
      </c>
      <c r="J21" s="82">
        <v>67</v>
      </c>
      <c r="K21" s="82">
        <v>37</v>
      </c>
      <c r="L21" s="84">
        <v>456</v>
      </c>
      <c r="M21" s="85">
        <v>614</v>
      </c>
      <c r="N21" s="70">
        <v>0</v>
      </c>
      <c r="O21" s="71">
        <v>3</v>
      </c>
      <c r="P21" s="72">
        <v>3</v>
      </c>
      <c r="Q21" s="244"/>
      <c r="R21" s="71">
        <v>3</v>
      </c>
      <c r="S21" s="71">
        <v>2</v>
      </c>
      <c r="T21" s="71">
        <v>1</v>
      </c>
      <c r="U21" s="71">
        <v>1</v>
      </c>
      <c r="V21" s="71">
        <v>2</v>
      </c>
      <c r="W21" s="72">
        <v>9</v>
      </c>
      <c r="X21" s="73">
        <v>12</v>
      </c>
      <c r="Y21" s="70">
        <v>3</v>
      </c>
      <c r="Z21" s="71">
        <v>3</v>
      </c>
      <c r="AA21" s="72">
        <v>6</v>
      </c>
      <c r="AB21" s="244"/>
      <c r="AC21" s="71">
        <v>8</v>
      </c>
      <c r="AD21" s="71">
        <v>4</v>
      </c>
      <c r="AE21" s="71">
        <v>2</v>
      </c>
      <c r="AF21" s="71">
        <v>5</v>
      </c>
      <c r="AG21" s="71">
        <v>3</v>
      </c>
      <c r="AH21" s="72">
        <v>22</v>
      </c>
      <c r="AI21" s="73">
        <v>28</v>
      </c>
      <c r="AJ21" s="70">
        <v>7</v>
      </c>
      <c r="AK21" s="71">
        <v>9</v>
      </c>
      <c r="AL21" s="72">
        <v>16</v>
      </c>
      <c r="AM21" s="244"/>
      <c r="AN21" s="71">
        <v>11</v>
      </c>
      <c r="AO21" s="71">
        <v>6</v>
      </c>
      <c r="AP21" s="71">
        <v>7</v>
      </c>
      <c r="AQ21" s="71">
        <v>6</v>
      </c>
      <c r="AR21" s="71">
        <v>5</v>
      </c>
      <c r="AS21" s="72">
        <v>35</v>
      </c>
      <c r="AT21" s="73">
        <v>51</v>
      </c>
      <c r="AU21" s="70">
        <v>21</v>
      </c>
      <c r="AV21" s="71">
        <v>15</v>
      </c>
      <c r="AW21" s="72">
        <v>36</v>
      </c>
      <c r="AX21" s="244"/>
      <c r="AY21" s="71">
        <v>27</v>
      </c>
      <c r="AZ21" s="71">
        <v>24</v>
      </c>
      <c r="BA21" s="71">
        <v>11</v>
      </c>
      <c r="BB21" s="71">
        <v>11</v>
      </c>
      <c r="BC21" s="71">
        <v>9</v>
      </c>
      <c r="BD21" s="72">
        <v>82</v>
      </c>
      <c r="BE21" s="73">
        <v>118</v>
      </c>
      <c r="BF21" s="70">
        <v>23</v>
      </c>
      <c r="BG21" s="71">
        <v>27</v>
      </c>
      <c r="BH21" s="72">
        <v>50</v>
      </c>
      <c r="BI21" s="244"/>
      <c r="BJ21" s="71">
        <v>48</v>
      </c>
      <c r="BK21" s="71">
        <v>31</v>
      </c>
      <c r="BL21" s="71">
        <v>37</v>
      </c>
      <c r="BM21" s="71">
        <v>20</v>
      </c>
      <c r="BN21" s="71">
        <v>11</v>
      </c>
      <c r="BO21" s="72">
        <v>147</v>
      </c>
      <c r="BP21" s="73">
        <v>197</v>
      </c>
      <c r="BQ21" s="70">
        <v>23</v>
      </c>
      <c r="BR21" s="71">
        <v>24</v>
      </c>
      <c r="BS21" s="72">
        <v>47</v>
      </c>
      <c r="BT21" s="244"/>
      <c r="BU21" s="71">
        <v>55</v>
      </c>
      <c r="BV21" s="71">
        <v>46</v>
      </c>
      <c r="BW21" s="71">
        <v>29</v>
      </c>
      <c r="BX21" s="71">
        <v>24</v>
      </c>
      <c r="BY21" s="71">
        <v>7</v>
      </c>
      <c r="BZ21" s="72">
        <v>161</v>
      </c>
      <c r="CA21" s="73">
        <v>208</v>
      </c>
      <c r="CB21" s="70">
        <v>0</v>
      </c>
      <c r="CC21" s="71">
        <v>0</v>
      </c>
      <c r="CD21" s="72">
        <v>0</v>
      </c>
      <c r="CE21" s="244"/>
      <c r="CF21" s="71">
        <v>0</v>
      </c>
      <c r="CG21" s="71">
        <v>0</v>
      </c>
      <c r="CH21" s="71">
        <v>0</v>
      </c>
      <c r="CI21" s="71">
        <v>0</v>
      </c>
      <c r="CJ21" s="71">
        <v>0</v>
      </c>
      <c r="CK21" s="72">
        <v>0</v>
      </c>
      <c r="CL21" s="73">
        <v>0</v>
      </c>
      <c r="CM21" s="70">
        <v>77</v>
      </c>
      <c r="CN21" s="71">
        <v>81</v>
      </c>
      <c r="CO21" s="72">
        <v>158</v>
      </c>
      <c r="CP21" s="244"/>
      <c r="CQ21" s="71">
        <v>152</v>
      </c>
      <c r="CR21" s="71">
        <v>113</v>
      </c>
      <c r="CS21" s="71">
        <v>87</v>
      </c>
      <c r="CT21" s="71">
        <v>67</v>
      </c>
      <c r="CU21" s="71">
        <v>37</v>
      </c>
      <c r="CV21" s="72">
        <v>456</v>
      </c>
      <c r="CW21" s="73">
        <v>614</v>
      </c>
      <c r="CX21" s="123">
        <v>13</v>
      </c>
      <c r="CY21" s="82">
        <v>10</v>
      </c>
      <c r="CZ21" s="83">
        <v>23</v>
      </c>
      <c r="DA21" s="241"/>
      <c r="DB21" s="82">
        <v>22</v>
      </c>
      <c r="DC21" s="82">
        <v>15</v>
      </c>
      <c r="DD21" s="82">
        <v>7</v>
      </c>
      <c r="DE21" s="82">
        <v>9</v>
      </c>
      <c r="DF21" s="82">
        <v>4</v>
      </c>
      <c r="DG21" s="84">
        <v>57</v>
      </c>
      <c r="DH21" s="85">
        <v>80</v>
      </c>
      <c r="DI21" s="70">
        <v>0</v>
      </c>
      <c r="DJ21" s="71">
        <v>1</v>
      </c>
      <c r="DK21" s="72">
        <v>1</v>
      </c>
      <c r="DL21" s="244"/>
      <c r="DM21" s="71">
        <v>1</v>
      </c>
      <c r="DN21" s="71">
        <v>0</v>
      </c>
      <c r="DO21" s="71">
        <v>0</v>
      </c>
      <c r="DP21" s="71">
        <v>0</v>
      </c>
      <c r="DQ21" s="71">
        <v>0</v>
      </c>
      <c r="DR21" s="72">
        <v>1</v>
      </c>
      <c r="DS21" s="73">
        <v>2</v>
      </c>
      <c r="DT21" s="70">
        <v>1</v>
      </c>
      <c r="DU21" s="71">
        <v>1</v>
      </c>
      <c r="DV21" s="72">
        <v>2</v>
      </c>
      <c r="DW21" s="244"/>
      <c r="DX21" s="71">
        <v>2</v>
      </c>
      <c r="DY21" s="71">
        <v>0</v>
      </c>
      <c r="DZ21" s="71">
        <v>1</v>
      </c>
      <c r="EA21" s="71">
        <v>0</v>
      </c>
      <c r="EB21" s="71">
        <v>0</v>
      </c>
      <c r="EC21" s="72">
        <v>3</v>
      </c>
      <c r="ED21" s="73">
        <v>5</v>
      </c>
      <c r="EE21" s="70">
        <v>1</v>
      </c>
      <c r="EF21" s="71">
        <v>2</v>
      </c>
      <c r="EG21" s="72">
        <v>3</v>
      </c>
      <c r="EH21" s="244"/>
      <c r="EI21" s="71">
        <v>2</v>
      </c>
      <c r="EJ21" s="71">
        <v>2</v>
      </c>
      <c r="EK21" s="71">
        <v>1</v>
      </c>
      <c r="EL21" s="71">
        <v>0</v>
      </c>
      <c r="EM21" s="71">
        <v>0</v>
      </c>
      <c r="EN21" s="72">
        <v>5</v>
      </c>
      <c r="EO21" s="73">
        <v>8</v>
      </c>
      <c r="EP21" s="70">
        <v>6</v>
      </c>
      <c r="EQ21" s="71">
        <v>6</v>
      </c>
      <c r="ER21" s="72">
        <v>12</v>
      </c>
      <c r="ES21" s="244"/>
      <c r="ET21" s="71">
        <v>4</v>
      </c>
      <c r="EU21" s="71">
        <v>4</v>
      </c>
      <c r="EV21" s="71">
        <v>0</v>
      </c>
      <c r="EW21" s="71">
        <v>1</v>
      </c>
      <c r="EX21" s="71">
        <v>0</v>
      </c>
      <c r="EY21" s="72">
        <v>9</v>
      </c>
      <c r="EZ21" s="73">
        <v>21</v>
      </c>
      <c r="FA21" s="70">
        <v>2</v>
      </c>
      <c r="FB21" s="71">
        <v>0</v>
      </c>
      <c r="FC21" s="72">
        <v>2</v>
      </c>
      <c r="FD21" s="244"/>
      <c r="FE21" s="71">
        <v>10</v>
      </c>
      <c r="FF21" s="71">
        <v>7</v>
      </c>
      <c r="FG21" s="71">
        <v>1</v>
      </c>
      <c r="FH21" s="71">
        <v>4</v>
      </c>
      <c r="FI21" s="71">
        <v>2</v>
      </c>
      <c r="FJ21" s="72">
        <v>24</v>
      </c>
      <c r="FK21" s="73">
        <v>26</v>
      </c>
      <c r="FL21" s="70">
        <v>3</v>
      </c>
      <c r="FM21" s="71">
        <v>0</v>
      </c>
      <c r="FN21" s="72">
        <v>3</v>
      </c>
      <c r="FO21" s="244"/>
      <c r="FP21" s="71">
        <v>3</v>
      </c>
      <c r="FQ21" s="71">
        <v>2</v>
      </c>
      <c r="FR21" s="71">
        <v>4</v>
      </c>
      <c r="FS21" s="71">
        <v>4</v>
      </c>
      <c r="FT21" s="71">
        <v>2</v>
      </c>
      <c r="FU21" s="72">
        <v>15</v>
      </c>
      <c r="FV21" s="73">
        <v>18</v>
      </c>
      <c r="FW21" s="70">
        <v>0</v>
      </c>
      <c r="FX21" s="71">
        <v>0</v>
      </c>
      <c r="FY21" s="72">
        <v>0</v>
      </c>
      <c r="FZ21" s="244"/>
      <c r="GA21" s="71">
        <v>0</v>
      </c>
      <c r="GB21" s="71">
        <v>0</v>
      </c>
      <c r="GC21" s="71">
        <v>0</v>
      </c>
      <c r="GD21" s="71">
        <v>0</v>
      </c>
      <c r="GE21" s="71">
        <v>0</v>
      </c>
      <c r="GF21" s="72">
        <v>0</v>
      </c>
      <c r="GG21" s="73">
        <v>0</v>
      </c>
      <c r="GH21" s="70">
        <v>13</v>
      </c>
      <c r="GI21" s="71">
        <v>10</v>
      </c>
      <c r="GJ21" s="72">
        <v>23</v>
      </c>
      <c r="GK21" s="244"/>
      <c r="GL21" s="71">
        <v>22</v>
      </c>
      <c r="GM21" s="71">
        <v>15</v>
      </c>
      <c r="GN21" s="71">
        <v>7</v>
      </c>
      <c r="GO21" s="71">
        <v>9</v>
      </c>
      <c r="GP21" s="71">
        <v>4</v>
      </c>
      <c r="GQ21" s="72">
        <v>57</v>
      </c>
      <c r="GR21" s="73">
        <v>80</v>
      </c>
      <c r="GS21" s="123">
        <v>90</v>
      </c>
      <c r="GT21" s="82">
        <v>91</v>
      </c>
      <c r="GU21" s="83">
        <v>181</v>
      </c>
      <c r="GV21" s="241"/>
      <c r="GW21" s="82">
        <v>174</v>
      </c>
      <c r="GX21" s="82">
        <v>128</v>
      </c>
      <c r="GY21" s="82">
        <v>94</v>
      </c>
      <c r="GZ21" s="82">
        <v>76</v>
      </c>
      <c r="HA21" s="82">
        <v>41</v>
      </c>
      <c r="HB21" s="84">
        <v>513</v>
      </c>
      <c r="HC21" s="85">
        <v>694</v>
      </c>
      <c r="HD21" s="70">
        <v>0</v>
      </c>
      <c r="HE21" s="71">
        <v>4</v>
      </c>
      <c r="HF21" s="72">
        <v>4</v>
      </c>
      <c r="HG21" s="244"/>
      <c r="HH21" s="71">
        <v>4</v>
      </c>
      <c r="HI21" s="71">
        <v>2</v>
      </c>
      <c r="HJ21" s="71">
        <v>1</v>
      </c>
      <c r="HK21" s="71">
        <v>1</v>
      </c>
      <c r="HL21" s="71">
        <v>2</v>
      </c>
      <c r="HM21" s="72">
        <v>10</v>
      </c>
      <c r="HN21" s="73">
        <v>14</v>
      </c>
      <c r="HO21" s="70">
        <v>4</v>
      </c>
      <c r="HP21" s="71">
        <v>4</v>
      </c>
      <c r="HQ21" s="72">
        <v>8</v>
      </c>
      <c r="HR21" s="244"/>
      <c r="HS21" s="71">
        <v>10</v>
      </c>
      <c r="HT21" s="71">
        <v>4</v>
      </c>
      <c r="HU21" s="71">
        <v>3</v>
      </c>
      <c r="HV21" s="71">
        <v>5</v>
      </c>
      <c r="HW21" s="71">
        <v>3</v>
      </c>
      <c r="HX21" s="72">
        <v>25</v>
      </c>
      <c r="HY21" s="73">
        <v>33</v>
      </c>
      <c r="HZ21" s="70">
        <v>8</v>
      </c>
      <c r="IA21" s="71">
        <v>11</v>
      </c>
      <c r="IB21" s="72">
        <v>19</v>
      </c>
      <c r="IC21" s="244"/>
      <c r="ID21" s="71">
        <v>13</v>
      </c>
      <c r="IE21" s="71">
        <v>8</v>
      </c>
      <c r="IF21" s="71">
        <v>8</v>
      </c>
      <c r="IG21" s="71">
        <v>6</v>
      </c>
      <c r="IH21" s="71">
        <v>5</v>
      </c>
      <c r="II21" s="72">
        <v>40</v>
      </c>
      <c r="IJ21" s="73">
        <v>59</v>
      </c>
      <c r="IK21" s="70">
        <v>27</v>
      </c>
      <c r="IL21" s="71">
        <v>21</v>
      </c>
      <c r="IM21" s="72">
        <v>48</v>
      </c>
      <c r="IN21" s="244"/>
      <c r="IO21" s="71">
        <v>31</v>
      </c>
      <c r="IP21" s="71">
        <v>28</v>
      </c>
      <c r="IQ21" s="71">
        <v>11</v>
      </c>
      <c r="IR21" s="71">
        <v>12</v>
      </c>
      <c r="IS21" s="71">
        <v>9</v>
      </c>
      <c r="IT21" s="72">
        <v>91</v>
      </c>
      <c r="IU21" s="73">
        <v>139</v>
      </c>
      <c r="IV21" s="70">
        <v>25</v>
      </c>
      <c r="IW21" s="71">
        <v>27</v>
      </c>
      <c r="IX21" s="72">
        <v>52</v>
      </c>
      <c r="IY21" s="244"/>
      <c r="IZ21" s="71">
        <v>58</v>
      </c>
      <c r="JA21" s="71">
        <v>38</v>
      </c>
      <c r="JB21" s="71">
        <v>38</v>
      </c>
      <c r="JC21" s="71">
        <v>24</v>
      </c>
      <c r="JD21" s="71">
        <v>13</v>
      </c>
      <c r="JE21" s="72">
        <v>171</v>
      </c>
      <c r="JF21" s="73">
        <v>223</v>
      </c>
      <c r="JG21" s="70">
        <v>26</v>
      </c>
      <c r="JH21" s="71">
        <v>24</v>
      </c>
      <c r="JI21" s="72">
        <v>50</v>
      </c>
      <c r="JJ21" s="244"/>
      <c r="JK21" s="71">
        <v>58</v>
      </c>
      <c r="JL21" s="71">
        <v>48</v>
      </c>
      <c r="JM21" s="71">
        <v>33</v>
      </c>
      <c r="JN21" s="71">
        <v>28</v>
      </c>
      <c r="JO21" s="71">
        <v>9</v>
      </c>
      <c r="JP21" s="72">
        <v>176</v>
      </c>
      <c r="JQ21" s="73">
        <v>226</v>
      </c>
      <c r="JR21" s="70">
        <v>0</v>
      </c>
      <c r="JS21" s="71">
        <v>0</v>
      </c>
      <c r="JT21" s="72">
        <v>0</v>
      </c>
      <c r="JU21" s="244"/>
      <c r="JV21" s="71">
        <v>0</v>
      </c>
      <c r="JW21" s="71">
        <v>0</v>
      </c>
      <c r="JX21" s="71">
        <v>0</v>
      </c>
      <c r="JY21" s="71">
        <v>0</v>
      </c>
      <c r="JZ21" s="71">
        <v>0</v>
      </c>
      <c r="KA21" s="72">
        <v>0</v>
      </c>
      <c r="KB21" s="73">
        <v>0</v>
      </c>
      <c r="KC21" s="70">
        <v>90</v>
      </c>
      <c r="KD21" s="71">
        <v>91</v>
      </c>
      <c r="KE21" s="72">
        <v>181</v>
      </c>
      <c r="KF21" s="244"/>
      <c r="KG21" s="71">
        <v>174</v>
      </c>
      <c r="KH21" s="71">
        <v>128</v>
      </c>
      <c r="KI21" s="71">
        <v>94</v>
      </c>
      <c r="KJ21" s="71">
        <v>76</v>
      </c>
      <c r="KK21" s="71">
        <v>41</v>
      </c>
      <c r="KL21" s="72">
        <v>513</v>
      </c>
      <c r="KM21" s="73">
        <v>694</v>
      </c>
    </row>
    <row r="22" spans="2:299" ht="21" customHeight="1" x14ac:dyDescent="0.2">
      <c r="B22" s="126" t="s">
        <v>19</v>
      </c>
      <c r="C22" s="315">
        <v>40</v>
      </c>
      <c r="D22" s="82">
        <v>32</v>
      </c>
      <c r="E22" s="83">
        <v>72</v>
      </c>
      <c r="F22" s="241"/>
      <c r="G22" s="82">
        <v>74</v>
      </c>
      <c r="H22" s="82">
        <v>56</v>
      </c>
      <c r="I22" s="82">
        <v>29</v>
      </c>
      <c r="J22" s="82">
        <v>19</v>
      </c>
      <c r="K22" s="82">
        <v>13</v>
      </c>
      <c r="L22" s="84">
        <v>191</v>
      </c>
      <c r="M22" s="85">
        <v>263</v>
      </c>
      <c r="N22" s="86">
        <v>1</v>
      </c>
      <c r="O22" s="71">
        <v>0</v>
      </c>
      <c r="P22" s="72">
        <v>1</v>
      </c>
      <c r="Q22" s="244"/>
      <c r="R22" s="71">
        <v>1</v>
      </c>
      <c r="S22" s="71">
        <v>2</v>
      </c>
      <c r="T22" s="71">
        <v>0</v>
      </c>
      <c r="U22" s="71">
        <v>0</v>
      </c>
      <c r="V22" s="71">
        <v>0</v>
      </c>
      <c r="W22" s="72">
        <v>3</v>
      </c>
      <c r="X22" s="73">
        <v>4</v>
      </c>
      <c r="Y22" s="70">
        <v>2</v>
      </c>
      <c r="Z22" s="71">
        <v>1</v>
      </c>
      <c r="AA22" s="72">
        <v>3</v>
      </c>
      <c r="AB22" s="244"/>
      <c r="AC22" s="71">
        <v>0</v>
      </c>
      <c r="AD22" s="71">
        <v>5</v>
      </c>
      <c r="AE22" s="71">
        <v>0</v>
      </c>
      <c r="AF22" s="71">
        <v>0</v>
      </c>
      <c r="AG22" s="71">
        <v>0</v>
      </c>
      <c r="AH22" s="72">
        <v>5</v>
      </c>
      <c r="AI22" s="73">
        <v>8</v>
      </c>
      <c r="AJ22" s="86">
        <v>2</v>
      </c>
      <c r="AK22" s="71">
        <v>4</v>
      </c>
      <c r="AL22" s="72">
        <v>6</v>
      </c>
      <c r="AM22" s="244"/>
      <c r="AN22" s="71">
        <v>5</v>
      </c>
      <c r="AO22" s="71">
        <v>3</v>
      </c>
      <c r="AP22" s="71">
        <v>2</v>
      </c>
      <c r="AQ22" s="71">
        <v>1</v>
      </c>
      <c r="AR22" s="71">
        <v>2</v>
      </c>
      <c r="AS22" s="72">
        <v>13</v>
      </c>
      <c r="AT22" s="73">
        <v>19</v>
      </c>
      <c r="AU22" s="70">
        <v>9</v>
      </c>
      <c r="AV22" s="71">
        <v>5</v>
      </c>
      <c r="AW22" s="72">
        <v>14</v>
      </c>
      <c r="AX22" s="244"/>
      <c r="AY22" s="71">
        <v>15</v>
      </c>
      <c r="AZ22" s="71">
        <v>11</v>
      </c>
      <c r="BA22" s="71">
        <v>2</v>
      </c>
      <c r="BB22" s="71">
        <v>6</v>
      </c>
      <c r="BC22" s="71">
        <v>2</v>
      </c>
      <c r="BD22" s="72">
        <v>36</v>
      </c>
      <c r="BE22" s="73">
        <v>50</v>
      </c>
      <c r="BF22" s="86">
        <v>14</v>
      </c>
      <c r="BG22" s="71">
        <v>11</v>
      </c>
      <c r="BH22" s="72">
        <v>25</v>
      </c>
      <c r="BI22" s="244"/>
      <c r="BJ22" s="71">
        <v>30</v>
      </c>
      <c r="BK22" s="71">
        <v>19</v>
      </c>
      <c r="BL22" s="71">
        <v>10</v>
      </c>
      <c r="BM22" s="71">
        <v>7</v>
      </c>
      <c r="BN22" s="71">
        <v>4</v>
      </c>
      <c r="BO22" s="72">
        <v>70</v>
      </c>
      <c r="BP22" s="73">
        <v>95</v>
      </c>
      <c r="BQ22" s="70">
        <v>12</v>
      </c>
      <c r="BR22" s="71">
        <v>11</v>
      </c>
      <c r="BS22" s="72">
        <v>23</v>
      </c>
      <c r="BT22" s="244"/>
      <c r="BU22" s="71">
        <v>23</v>
      </c>
      <c r="BV22" s="71">
        <v>16</v>
      </c>
      <c r="BW22" s="71">
        <v>15</v>
      </c>
      <c r="BX22" s="71">
        <v>5</v>
      </c>
      <c r="BY22" s="71">
        <v>5</v>
      </c>
      <c r="BZ22" s="72">
        <v>64</v>
      </c>
      <c r="CA22" s="73">
        <v>87</v>
      </c>
      <c r="CB22" s="70">
        <v>0</v>
      </c>
      <c r="CC22" s="71">
        <v>0</v>
      </c>
      <c r="CD22" s="72">
        <v>0</v>
      </c>
      <c r="CE22" s="244"/>
      <c r="CF22" s="71">
        <v>0</v>
      </c>
      <c r="CG22" s="71">
        <v>0</v>
      </c>
      <c r="CH22" s="71">
        <v>0</v>
      </c>
      <c r="CI22" s="71">
        <v>0</v>
      </c>
      <c r="CJ22" s="71">
        <v>0</v>
      </c>
      <c r="CK22" s="72">
        <v>0</v>
      </c>
      <c r="CL22" s="73">
        <v>0</v>
      </c>
      <c r="CM22" s="70">
        <v>40</v>
      </c>
      <c r="CN22" s="71">
        <v>32</v>
      </c>
      <c r="CO22" s="72">
        <v>72</v>
      </c>
      <c r="CP22" s="244"/>
      <c r="CQ22" s="71">
        <v>74</v>
      </c>
      <c r="CR22" s="71">
        <v>56</v>
      </c>
      <c r="CS22" s="71">
        <v>29</v>
      </c>
      <c r="CT22" s="71">
        <v>19</v>
      </c>
      <c r="CU22" s="71">
        <v>13</v>
      </c>
      <c r="CV22" s="72">
        <v>191</v>
      </c>
      <c r="CW22" s="73">
        <v>263</v>
      </c>
      <c r="CX22" s="123">
        <v>2</v>
      </c>
      <c r="CY22" s="82">
        <v>7</v>
      </c>
      <c r="CZ22" s="83">
        <v>9</v>
      </c>
      <c r="DA22" s="241"/>
      <c r="DB22" s="82">
        <v>8</v>
      </c>
      <c r="DC22" s="82">
        <v>6</v>
      </c>
      <c r="DD22" s="82">
        <v>7</v>
      </c>
      <c r="DE22" s="82">
        <v>5</v>
      </c>
      <c r="DF22" s="82">
        <v>4</v>
      </c>
      <c r="DG22" s="84">
        <v>30</v>
      </c>
      <c r="DH22" s="85">
        <v>39</v>
      </c>
      <c r="DI22" s="86">
        <v>0</v>
      </c>
      <c r="DJ22" s="71">
        <v>0</v>
      </c>
      <c r="DK22" s="72">
        <v>0</v>
      </c>
      <c r="DL22" s="244"/>
      <c r="DM22" s="71">
        <v>0</v>
      </c>
      <c r="DN22" s="71">
        <v>0</v>
      </c>
      <c r="DO22" s="71">
        <v>0</v>
      </c>
      <c r="DP22" s="71">
        <v>1</v>
      </c>
      <c r="DQ22" s="71">
        <v>0</v>
      </c>
      <c r="DR22" s="72">
        <v>1</v>
      </c>
      <c r="DS22" s="73">
        <v>1</v>
      </c>
      <c r="DT22" s="70">
        <v>0</v>
      </c>
      <c r="DU22" s="71">
        <v>0</v>
      </c>
      <c r="DV22" s="72">
        <v>0</v>
      </c>
      <c r="DW22" s="244"/>
      <c r="DX22" s="71">
        <v>0</v>
      </c>
      <c r="DY22" s="71">
        <v>0</v>
      </c>
      <c r="DZ22" s="71">
        <v>0</v>
      </c>
      <c r="EA22" s="71">
        <v>0</v>
      </c>
      <c r="EB22" s="71">
        <v>0</v>
      </c>
      <c r="EC22" s="72">
        <v>0</v>
      </c>
      <c r="ED22" s="73">
        <v>0</v>
      </c>
      <c r="EE22" s="86">
        <v>1</v>
      </c>
      <c r="EF22" s="71">
        <v>1</v>
      </c>
      <c r="EG22" s="72">
        <v>2</v>
      </c>
      <c r="EH22" s="244"/>
      <c r="EI22" s="71">
        <v>1</v>
      </c>
      <c r="EJ22" s="71">
        <v>0</v>
      </c>
      <c r="EK22" s="71">
        <v>0</v>
      </c>
      <c r="EL22" s="71">
        <v>0</v>
      </c>
      <c r="EM22" s="71">
        <v>0</v>
      </c>
      <c r="EN22" s="72">
        <v>1</v>
      </c>
      <c r="EO22" s="73">
        <v>3</v>
      </c>
      <c r="EP22" s="70">
        <v>1</v>
      </c>
      <c r="EQ22" s="71">
        <v>4</v>
      </c>
      <c r="ER22" s="72">
        <v>5</v>
      </c>
      <c r="ES22" s="244"/>
      <c r="ET22" s="71">
        <v>2</v>
      </c>
      <c r="EU22" s="71">
        <v>0</v>
      </c>
      <c r="EV22" s="71">
        <v>2</v>
      </c>
      <c r="EW22" s="71">
        <v>0</v>
      </c>
      <c r="EX22" s="71">
        <v>0</v>
      </c>
      <c r="EY22" s="72">
        <v>4</v>
      </c>
      <c r="EZ22" s="73">
        <v>9</v>
      </c>
      <c r="FA22" s="86">
        <v>0</v>
      </c>
      <c r="FB22" s="71">
        <v>0</v>
      </c>
      <c r="FC22" s="72">
        <v>0</v>
      </c>
      <c r="FD22" s="244"/>
      <c r="FE22" s="71">
        <v>3</v>
      </c>
      <c r="FF22" s="71">
        <v>4</v>
      </c>
      <c r="FG22" s="71">
        <v>2</v>
      </c>
      <c r="FH22" s="71">
        <v>1</v>
      </c>
      <c r="FI22" s="71">
        <v>0</v>
      </c>
      <c r="FJ22" s="72">
        <v>10</v>
      </c>
      <c r="FK22" s="73">
        <v>10</v>
      </c>
      <c r="FL22" s="70">
        <v>0</v>
      </c>
      <c r="FM22" s="71">
        <v>2</v>
      </c>
      <c r="FN22" s="72">
        <v>2</v>
      </c>
      <c r="FO22" s="244"/>
      <c r="FP22" s="71">
        <v>2</v>
      </c>
      <c r="FQ22" s="71">
        <v>2</v>
      </c>
      <c r="FR22" s="71">
        <v>3</v>
      </c>
      <c r="FS22" s="71">
        <v>3</v>
      </c>
      <c r="FT22" s="71">
        <v>4</v>
      </c>
      <c r="FU22" s="72">
        <v>14</v>
      </c>
      <c r="FV22" s="73">
        <v>16</v>
      </c>
      <c r="FW22" s="70">
        <v>0</v>
      </c>
      <c r="FX22" s="71">
        <v>0</v>
      </c>
      <c r="FY22" s="72">
        <v>0</v>
      </c>
      <c r="FZ22" s="244"/>
      <c r="GA22" s="71">
        <v>0</v>
      </c>
      <c r="GB22" s="71">
        <v>0</v>
      </c>
      <c r="GC22" s="71">
        <v>0</v>
      </c>
      <c r="GD22" s="71">
        <v>0</v>
      </c>
      <c r="GE22" s="71">
        <v>0</v>
      </c>
      <c r="GF22" s="72">
        <v>0</v>
      </c>
      <c r="GG22" s="73">
        <v>0</v>
      </c>
      <c r="GH22" s="70">
        <v>2</v>
      </c>
      <c r="GI22" s="71">
        <v>7</v>
      </c>
      <c r="GJ22" s="72">
        <v>9</v>
      </c>
      <c r="GK22" s="244"/>
      <c r="GL22" s="71">
        <v>8</v>
      </c>
      <c r="GM22" s="71">
        <v>6</v>
      </c>
      <c r="GN22" s="71">
        <v>7</v>
      </c>
      <c r="GO22" s="71">
        <v>5</v>
      </c>
      <c r="GP22" s="71">
        <v>4</v>
      </c>
      <c r="GQ22" s="72">
        <v>30</v>
      </c>
      <c r="GR22" s="73">
        <v>39</v>
      </c>
      <c r="GS22" s="123">
        <v>42</v>
      </c>
      <c r="GT22" s="82">
        <v>39</v>
      </c>
      <c r="GU22" s="83">
        <v>81</v>
      </c>
      <c r="GV22" s="241"/>
      <c r="GW22" s="82">
        <v>82</v>
      </c>
      <c r="GX22" s="82">
        <v>62</v>
      </c>
      <c r="GY22" s="82">
        <v>36</v>
      </c>
      <c r="GZ22" s="82">
        <v>24</v>
      </c>
      <c r="HA22" s="82">
        <v>17</v>
      </c>
      <c r="HB22" s="84">
        <v>221</v>
      </c>
      <c r="HC22" s="85">
        <v>302</v>
      </c>
      <c r="HD22" s="86">
        <v>1</v>
      </c>
      <c r="HE22" s="71">
        <v>0</v>
      </c>
      <c r="HF22" s="72">
        <v>1</v>
      </c>
      <c r="HG22" s="244"/>
      <c r="HH22" s="71">
        <v>1</v>
      </c>
      <c r="HI22" s="71">
        <v>2</v>
      </c>
      <c r="HJ22" s="71">
        <v>0</v>
      </c>
      <c r="HK22" s="71">
        <v>1</v>
      </c>
      <c r="HL22" s="71">
        <v>0</v>
      </c>
      <c r="HM22" s="72">
        <v>4</v>
      </c>
      <c r="HN22" s="73">
        <v>5</v>
      </c>
      <c r="HO22" s="70">
        <v>2</v>
      </c>
      <c r="HP22" s="71">
        <v>1</v>
      </c>
      <c r="HQ22" s="72">
        <v>3</v>
      </c>
      <c r="HR22" s="244"/>
      <c r="HS22" s="71">
        <v>0</v>
      </c>
      <c r="HT22" s="71">
        <v>5</v>
      </c>
      <c r="HU22" s="71">
        <v>0</v>
      </c>
      <c r="HV22" s="71">
        <v>0</v>
      </c>
      <c r="HW22" s="71">
        <v>0</v>
      </c>
      <c r="HX22" s="72">
        <v>5</v>
      </c>
      <c r="HY22" s="73">
        <v>8</v>
      </c>
      <c r="HZ22" s="86">
        <v>3</v>
      </c>
      <c r="IA22" s="71">
        <v>5</v>
      </c>
      <c r="IB22" s="72">
        <v>8</v>
      </c>
      <c r="IC22" s="244"/>
      <c r="ID22" s="71">
        <v>6</v>
      </c>
      <c r="IE22" s="71">
        <v>3</v>
      </c>
      <c r="IF22" s="71">
        <v>2</v>
      </c>
      <c r="IG22" s="71">
        <v>1</v>
      </c>
      <c r="IH22" s="71">
        <v>2</v>
      </c>
      <c r="II22" s="72">
        <v>14</v>
      </c>
      <c r="IJ22" s="73">
        <v>22</v>
      </c>
      <c r="IK22" s="70">
        <v>10</v>
      </c>
      <c r="IL22" s="71">
        <v>9</v>
      </c>
      <c r="IM22" s="72">
        <v>19</v>
      </c>
      <c r="IN22" s="244"/>
      <c r="IO22" s="71">
        <v>17</v>
      </c>
      <c r="IP22" s="71">
        <v>11</v>
      </c>
      <c r="IQ22" s="71">
        <v>4</v>
      </c>
      <c r="IR22" s="71">
        <v>6</v>
      </c>
      <c r="IS22" s="71">
        <v>2</v>
      </c>
      <c r="IT22" s="72">
        <v>40</v>
      </c>
      <c r="IU22" s="73">
        <v>59</v>
      </c>
      <c r="IV22" s="86">
        <v>14</v>
      </c>
      <c r="IW22" s="71">
        <v>11</v>
      </c>
      <c r="IX22" s="72">
        <v>25</v>
      </c>
      <c r="IY22" s="244"/>
      <c r="IZ22" s="71">
        <v>33</v>
      </c>
      <c r="JA22" s="71">
        <v>23</v>
      </c>
      <c r="JB22" s="71">
        <v>12</v>
      </c>
      <c r="JC22" s="71">
        <v>8</v>
      </c>
      <c r="JD22" s="71">
        <v>4</v>
      </c>
      <c r="JE22" s="72">
        <v>80</v>
      </c>
      <c r="JF22" s="73">
        <v>105</v>
      </c>
      <c r="JG22" s="70">
        <v>12</v>
      </c>
      <c r="JH22" s="71">
        <v>13</v>
      </c>
      <c r="JI22" s="72">
        <v>25</v>
      </c>
      <c r="JJ22" s="244"/>
      <c r="JK22" s="71">
        <v>25</v>
      </c>
      <c r="JL22" s="71">
        <v>18</v>
      </c>
      <c r="JM22" s="71">
        <v>18</v>
      </c>
      <c r="JN22" s="71">
        <v>8</v>
      </c>
      <c r="JO22" s="71">
        <v>9</v>
      </c>
      <c r="JP22" s="72">
        <v>78</v>
      </c>
      <c r="JQ22" s="73">
        <v>103</v>
      </c>
      <c r="JR22" s="70">
        <v>0</v>
      </c>
      <c r="JS22" s="71">
        <v>0</v>
      </c>
      <c r="JT22" s="72">
        <v>0</v>
      </c>
      <c r="JU22" s="244"/>
      <c r="JV22" s="71">
        <v>0</v>
      </c>
      <c r="JW22" s="71">
        <v>0</v>
      </c>
      <c r="JX22" s="71">
        <v>0</v>
      </c>
      <c r="JY22" s="71">
        <v>0</v>
      </c>
      <c r="JZ22" s="71">
        <v>0</v>
      </c>
      <c r="KA22" s="72">
        <v>0</v>
      </c>
      <c r="KB22" s="73">
        <v>0</v>
      </c>
      <c r="KC22" s="70">
        <v>42</v>
      </c>
      <c r="KD22" s="71">
        <v>39</v>
      </c>
      <c r="KE22" s="72">
        <v>81</v>
      </c>
      <c r="KF22" s="244"/>
      <c r="KG22" s="71">
        <v>82</v>
      </c>
      <c r="KH22" s="71">
        <v>62</v>
      </c>
      <c r="KI22" s="71">
        <v>36</v>
      </c>
      <c r="KJ22" s="71">
        <v>24</v>
      </c>
      <c r="KK22" s="71">
        <v>17</v>
      </c>
      <c r="KL22" s="72">
        <v>221</v>
      </c>
      <c r="KM22" s="73">
        <v>302</v>
      </c>
    </row>
    <row r="23" spans="2:299" ht="21" customHeight="1" x14ac:dyDescent="0.2">
      <c r="B23" s="126" t="s">
        <v>20</v>
      </c>
      <c r="C23" s="315">
        <v>54</v>
      </c>
      <c r="D23" s="82">
        <v>71</v>
      </c>
      <c r="E23" s="83">
        <v>125</v>
      </c>
      <c r="F23" s="241"/>
      <c r="G23" s="82">
        <v>111</v>
      </c>
      <c r="H23" s="82">
        <v>73</v>
      </c>
      <c r="I23" s="82">
        <v>53</v>
      </c>
      <c r="J23" s="82">
        <v>42</v>
      </c>
      <c r="K23" s="82">
        <v>19</v>
      </c>
      <c r="L23" s="84">
        <v>298</v>
      </c>
      <c r="M23" s="85">
        <v>423</v>
      </c>
      <c r="N23" s="70">
        <v>1</v>
      </c>
      <c r="O23" s="71">
        <v>0</v>
      </c>
      <c r="P23" s="72">
        <v>1</v>
      </c>
      <c r="Q23" s="244"/>
      <c r="R23" s="71">
        <v>2</v>
      </c>
      <c r="S23" s="71">
        <v>2</v>
      </c>
      <c r="T23" s="71">
        <v>3</v>
      </c>
      <c r="U23" s="71">
        <v>0</v>
      </c>
      <c r="V23" s="71">
        <v>0</v>
      </c>
      <c r="W23" s="72">
        <v>7</v>
      </c>
      <c r="X23" s="73">
        <v>8</v>
      </c>
      <c r="Y23" s="70">
        <v>1</v>
      </c>
      <c r="Z23" s="71">
        <v>1</v>
      </c>
      <c r="AA23" s="72">
        <v>2</v>
      </c>
      <c r="AB23" s="244"/>
      <c r="AC23" s="71">
        <v>3</v>
      </c>
      <c r="AD23" s="71">
        <v>2</v>
      </c>
      <c r="AE23" s="71">
        <v>2</v>
      </c>
      <c r="AF23" s="71">
        <v>3</v>
      </c>
      <c r="AG23" s="71">
        <v>0</v>
      </c>
      <c r="AH23" s="72">
        <v>10</v>
      </c>
      <c r="AI23" s="73">
        <v>12</v>
      </c>
      <c r="AJ23" s="70">
        <v>8</v>
      </c>
      <c r="AK23" s="71">
        <v>6</v>
      </c>
      <c r="AL23" s="72">
        <v>14</v>
      </c>
      <c r="AM23" s="244"/>
      <c r="AN23" s="71">
        <v>7</v>
      </c>
      <c r="AO23" s="71">
        <v>6</v>
      </c>
      <c r="AP23" s="71">
        <v>9</v>
      </c>
      <c r="AQ23" s="71">
        <v>6</v>
      </c>
      <c r="AR23" s="71">
        <v>3</v>
      </c>
      <c r="AS23" s="72">
        <v>31</v>
      </c>
      <c r="AT23" s="73">
        <v>45</v>
      </c>
      <c r="AU23" s="70">
        <v>13</v>
      </c>
      <c r="AV23" s="71">
        <v>18</v>
      </c>
      <c r="AW23" s="72">
        <v>31</v>
      </c>
      <c r="AX23" s="244"/>
      <c r="AY23" s="71">
        <v>25</v>
      </c>
      <c r="AZ23" s="71">
        <v>15</v>
      </c>
      <c r="BA23" s="71">
        <v>11</v>
      </c>
      <c r="BB23" s="71">
        <v>9</v>
      </c>
      <c r="BC23" s="71">
        <v>5</v>
      </c>
      <c r="BD23" s="72">
        <v>65</v>
      </c>
      <c r="BE23" s="73">
        <v>96</v>
      </c>
      <c r="BF23" s="70">
        <v>20</v>
      </c>
      <c r="BG23" s="71">
        <v>28</v>
      </c>
      <c r="BH23" s="72">
        <v>48</v>
      </c>
      <c r="BI23" s="244"/>
      <c r="BJ23" s="71">
        <v>44</v>
      </c>
      <c r="BK23" s="71">
        <v>25</v>
      </c>
      <c r="BL23" s="71">
        <v>15</v>
      </c>
      <c r="BM23" s="71">
        <v>7</v>
      </c>
      <c r="BN23" s="71">
        <v>5</v>
      </c>
      <c r="BO23" s="72">
        <v>96</v>
      </c>
      <c r="BP23" s="73">
        <v>144</v>
      </c>
      <c r="BQ23" s="70">
        <v>11</v>
      </c>
      <c r="BR23" s="71">
        <v>18</v>
      </c>
      <c r="BS23" s="72">
        <v>29</v>
      </c>
      <c r="BT23" s="244"/>
      <c r="BU23" s="71">
        <v>30</v>
      </c>
      <c r="BV23" s="71">
        <v>23</v>
      </c>
      <c r="BW23" s="71">
        <v>13</v>
      </c>
      <c r="BX23" s="71">
        <v>17</v>
      </c>
      <c r="BY23" s="71">
        <v>6</v>
      </c>
      <c r="BZ23" s="72">
        <v>89</v>
      </c>
      <c r="CA23" s="73">
        <v>118</v>
      </c>
      <c r="CB23" s="70">
        <v>0</v>
      </c>
      <c r="CC23" s="71">
        <v>0</v>
      </c>
      <c r="CD23" s="72">
        <v>0</v>
      </c>
      <c r="CE23" s="244"/>
      <c r="CF23" s="71">
        <v>0</v>
      </c>
      <c r="CG23" s="71">
        <v>0</v>
      </c>
      <c r="CH23" s="71">
        <v>0</v>
      </c>
      <c r="CI23" s="71">
        <v>0</v>
      </c>
      <c r="CJ23" s="71">
        <v>0</v>
      </c>
      <c r="CK23" s="72">
        <v>0</v>
      </c>
      <c r="CL23" s="73">
        <v>0</v>
      </c>
      <c r="CM23" s="70">
        <v>54</v>
      </c>
      <c r="CN23" s="71">
        <v>71</v>
      </c>
      <c r="CO23" s="72">
        <v>125</v>
      </c>
      <c r="CP23" s="244"/>
      <c r="CQ23" s="71">
        <v>111</v>
      </c>
      <c r="CR23" s="71">
        <v>73</v>
      </c>
      <c r="CS23" s="71">
        <v>53</v>
      </c>
      <c r="CT23" s="71">
        <v>42</v>
      </c>
      <c r="CU23" s="71">
        <v>19</v>
      </c>
      <c r="CV23" s="72">
        <v>298</v>
      </c>
      <c r="CW23" s="73">
        <v>423</v>
      </c>
      <c r="CX23" s="123">
        <v>4</v>
      </c>
      <c r="CY23" s="82">
        <v>7</v>
      </c>
      <c r="CZ23" s="83">
        <v>11</v>
      </c>
      <c r="DA23" s="241"/>
      <c r="DB23" s="82">
        <v>13</v>
      </c>
      <c r="DC23" s="82">
        <v>6</v>
      </c>
      <c r="DD23" s="82">
        <v>4</v>
      </c>
      <c r="DE23" s="82">
        <v>5</v>
      </c>
      <c r="DF23" s="82">
        <v>4</v>
      </c>
      <c r="DG23" s="84">
        <v>32</v>
      </c>
      <c r="DH23" s="85">
        <v>43</v>
      </c>
      <c r="DI23" s="70">
        <v>0</v>
      </c>
      <c r="DJ23" s="71">
        <v>0</v>
      </c>
      <c r="DK23" s="72">
        <v>0</v>
      </c>
      <c r="DL23" s="244"/>
      <c r="DM23" s="71">
        <v>0</v>
      </c>
      <c r="DN23" s="71">
        <v>0</v>
      </c>
      <c r="DO23" s="71">
        <v>0</v>
      </c>
      <c r="DP23" s="71">
        <v>0</v>
      </c>
      <c r="DQ23" s="71">
        <v>0</v>
      </c>
      <c r="DR23" s="72">
        <v>0</v>
      </c>
      <c r="DS23" s="73">
        <v>0</v>
      </c>
      <c r="DT23" s="70">
        <v>1</v>
      </c>
      <c r="DU23" s="71">
        <v>0</v>
      </c>
      <c r="DV23" s="72">
        <v>1</v>
      </c>
      <c r="DW23" s="244"/>
      <c r="DX23" s="71">
        <v>0</v>
      </c>
      <c r="DY23" s="71">
        <v>1</v>
      </c>
      <c r="DZ23" s="71">
        <v>0</v>
      </c>
      <c r="EA23" s="71">
        <v>0</v>
      </c>
      <c r="EB23" s="71">
        <v>0</v>
      </c>
      <c r="EC23" s="72">
        <v>1</v>
      </c>
      <c r="ED23" s="73">
        <v>2</v>
      </c>
      <c r="EE23" s="70">
        <v>0</v>
      </c>
      <c r="EF23" s="71">
        <v>0</v>
      </c>
      <c r="EG23" s="72">
        <v>0</v>
      </c>
      <c r="EH23" s="244"/>
      <c r="EI23" s="71">
        <v>2</v>
      </c>
      <c r="EJ23" s="71">
        <v>0</v>
      </c>
      <c r="EK23" s="71">
        <v>1</v>
      </c>
      <c r="EL23" s="71">
        <v>0</v>
      </c>
      <c r="EM23" s="71">
        <v>0</v>
      </c>
      <c r="EN23" s="72">
        <v>3</v>
      </c>
      <c r="EO23" s="73">
        <v>3</v>
      </c>
      <c r="EP23" s="70">
        <v>3</v>
      </c>
      <c r="EQ23" s="71">
        <v>2</v>
      </c>
      <c r="ER23" s="72">
        <v>5</v>
      </c>
      <c r="ES23" s="244"/>
      <c r="ET23" s="71">
        <v>0</v>
      </c>
      <c r="EU23" s="71">
        <v>3</v>
      </c>
      <c r="EV23" s="71">
        <v>1</v>
      </c>
      <c r="EW23" s="71">
        <v>1</v>
      </c>
      <c r="EX23" s="71">
        <v>2</v>
      </c>
      <c r="EY23" s="72">
        <v>7</v>
      </c>
      <c r="EZ23" s="73">
        <v>12</v>
      </c>
      <c r="FA23" s="70">
        <v>0</v>
      </c>
      <c r="FB23" s="71">
        <v>3</v>
      </c>
      <c r="FC23" s="72">
        <v>3</v>
      </c>
      <c r="FD23" s="244"/>
      <c r="FE23" s="71">
        <v>5</v>
      </c>
      <c r="FF23" s="71">
        <v>1</v>
      </c>
      <c r="FG23" s="71">
        <v>2</v>
      </c>
      <c r="FH23" s="71">
        <v>1</v>
      </c>
      <c r="FI23" s="71">
        <v>0</v>
      </c>
      <c r="FJ23" s="72">
        <v>9</v>
      </c>
      <c r="FK23" s="73">
        <v>12</v>
      </c>
      <c r="FL23" s="70">
        <v>0</v>
      </c>
      <c r="FM23" s="71">
        <v>2</v>
      </c>
      <c r="FN23" s="72">
        <v>2</v>
      </c>
      <c r="FO23" s="244"/>
      <c r="FP23" s="71">
        <v>6</v>
      </c>
      <c r="FQ23" s="71">
        <v>1</v>
      </c>
      <c r="FR23" s="71">
        <v>0</v>
      </c>
      <c r="FS23" s="71">
        <v>3</v>
      </c>
      <c r="FT23" s="71">
        <v>2</v>
      </c>
      <c r="FU23" s="72">
        <v>12</v>
      </c>
      <c r="FV23" s="73">
        <v>14</v>
      </c>
      <c r="FW23" s="70">
        <v>0</v>
      </c>
      <c r="FX23" s="71">
        <v>0</v>
      </c>
      <c r="FY23" s="72">
        <v>0</v>
      </c>
      <c r="FZ23" s="244"/>
      <c r="GA23" s="71">
        <v>0</v>
      </c>
      <c r="GB23" s="71">
        <v>0</v>
      </c>
      <c r="GC23" s="71">
        <v>0</v>
      </c>
      <c r="GD23" s="71">
        <v>0</v>
      </c>
      <c r="GE23" s="71">
        <v>0</v>
      </c>
      <c r="GF23" s="72">
        <v>0</v>
      </c>
      <c r="GG23" s="73">
        <v>0</v>
      </c>
      <c r="GH23" s="70">
        <v>4</v>
      </c>
      <c r="GI23" s="71">
        <v>7</v>
      </c>
      <c r="GJ23" s="72">
        <v>11</v>
      </c>
      <c r="GK23" s="244"/>
      <c r="GL23" s="71">
        <v>13</v>
      </c>
      <c r="GM23" s="71">
        <v>6</v>
      </c>
      <c r="GN23" s="71">
        <v>4</v>
      </c>
      <c r="GO23" s="71">
        <v>5</v>
      </c>
      <c r="GP23" s="71">
        <v>4</v>
      </c>
      <c r="GQ23" s="72">
        <v>32</v>
      </c>
      <c r="GR23" s="73">
        <v>43</v>
      </c>
      <c r="GS23" s="123">
        <v>58</v>
      </c>
      <c r="GT23" s="82">
        <v>78</v>
      </c>
      <c r="GU23" s="83">
        <v>136</v>
      </c>
      <c r="GV23" s="241"/>
      <c r="GW23" s="82">
        <v>124</v>
      </c>
      <c r="GX23" s="82">
        <v>79</v>
      </c>
      <c r="GY23" s="82">
        <v>57</v>
      </c>
      <c r="GZ23" s="82">
        <v>47</v>
      </c>
      <c r="HA23" s="82">
        <v>23</v>
      </c>
      <c r="HB23" s="84">
        <v>330</v>
      </c>
      <c r="HC23" s="85">
        <v>466</v>
      </c>
      <c r="HD23" s="70">
        <v>1</v>
      </c>
      <c r="HE23" s="71">
        <v>0</v>
      </c>
      <c r="HF23" s="72">
        <v>1</v>
      </c>
      <c r="HG23" s="244"/>
      <c r="HH23" s="71">
        <v>2</v>
      </c>
      <c r="HI23" s="71">
        <v>2</v>
      </c>
      <c r="HJ23" s="71">
        <v>3</v>
      </c>
      <c r="HK23" s="71">
        <v>0</v>
      </c>
      <c r="HL23" s="71">
        <v>0</v>
      </c>
      <c r="HM23" s="72">
        <v>7</v>
      </c>
      <c r="HN23" s="73">
        <v>8</v>
      </c>
      <c r="HO23" s="70">
        <v>2</v>
      </c>
      <c r="HP23" s="71">
        <v>1</v>
      </c>
      <c r="HQ23" s="72">
        <v>3</v>
      </c>
      <c r="HR23" s="244"/>
      <c r="HS23" s="71">
        <v>3</v>
      </c>
      <c r="HT23" s="71">
        <v>3</v>
      </c>
      <c r="HU23" s="71">
        <v>2</v>
      </c>
      <c r="HV23" s="71">
        <v>3</v>
      </c>
      <c r="HW23" s="71">
        <v>0</v>
      </c>
      <c r="HX23" s="72">
        <v>11</v>
      </c>
      <c r="HY23" s="73">
        <v>14</v>
      </c>
      <c r="HZ23" s="70">
        <v>8</v>
      </c>
      <c r="IA23" s="71">
        <v>6</v>
      </c>
      <c r="IB23" s="72">
        <v>14</v>
      </c>
      <c r="IC23" s="244"/>
      <c r="ID23" s="71">
        <v>9</v>
      </c>
      <c r="IE23" s="71">
        <v>6</v>
      </c>
      <c r="IF23" s="71">
        <v>10</v>
      </c>
      <c r="IG23" s="71">
        <v>6</v>
      </c>
      <c r="IH23" s="71">
        <v>3</v>
      </c>
      <c r="II23" s="72">
        <v>34</v>
      </c>
      <c r="IJ23" s="73">
        <v>48</v>
      </c>
      <c r="IK23" s="70">
        <v>16</v>
      </c>
      <c r="IL23" s="71">
        <v>20</v>
      </c>
      <c r="IM23" s="72">
        <v>36</v>
      </c>
      <c r="IN23" s="244"/>
      <c r="IO23" s="71">
        <v>25</v>
      </c>
      <c r="IP23" s="71">
        <v>18</v>
      </c>
      <c r="IQ23" s="71">
        <v>12</v>
      </c>
      <c r="IR23" s="71">
        <v>10</v>
      </c>
      <c r="IS23" s="71">
        <v>7</v>
      </c>
      <c r="IT23" s="72">
        <v>72</v>
      </c>
      <c r="IU23" s="73">
        <v>108</v>
      </c>
      <c r="IV23" s="70">
        <v>20</v>
      </c>
      <c r="IW23" s="71">
        <v>31</v>
      </c>
      <c r="IX23" s="72">
        <v>51</v>
      </c>
      <c r="IY23" s="244"/>
      <c r="IZ23" s="71">
        <v>49</v>
      </c>
      <c r="JA23" s="71">
        <v>26</v>
      </c>
      <c r="JB23" s="71">
        <v>17</v>
      </c>
      <c r="JC23" s="71">
        <v>8</v>
      </c>
      <c r="JD23" s="71">
        <v>5</v>
      </c>
      <c r="JE23" s="72">
        <v>105</v>
      </c>
      <c r="JF23" s="73">
        <v>156</v>
      </c>
      <c r="JG23" s="70">
        <v>11</v>
      </c>
      <c r="JH23" s="71">
        <v>20</v>
      </c>
      <c r="JI23" s="72">
        <v>31</v>
      </c>
      <c r="JJ23" s="244"/>
      <c r="JK23" s="71">
        <v>36</v>
      </c>
      <c r="JL23" s="71">
        <v>24</v>
      </c>
      <c r="JM23" s="71">
        <v>13</v>
      </c>
      <c r="JN23" s="71">
        <v>20</v>
      </c>
      <c r="JO23" s="71">
        <v>8</v>
      </c>
      <c r="JP23" s="72">
        <v>101</v>
      </c>
      <c r="JQ23" s="73">
        <v>132</v>
      </c>
      <c r="JR23" s="70">
        <v>0</v>
      </c>
      <c r="JS23" s="71">
        <v>0</v>
      </c>
      <c r="JT23" s="72">
        <v>0</v>
      </c>
      <c r="JU23" s="244"/>
      <c r="JV23" s="71">
        <v>0</v>
      </c>
      <c r="JW23" s="71">
        <v>0</v>
      </c>
      <c r="JX23" s="71">
        <v>0</v>
      </c>
      <c r="JY23" s="71">
        <v>0</v>
      </c>
      <c r="JZ23" s="71">
        <v>0</v>
      </c>
      <c r="KA23" s="72">
        <v>0</v>
      </c>
      <c r="KB23" s="73">
        <v>0</v>
      </c>
      <c r="KC23" s="70">
        <v>58</v>
      </c>
      <c r="KD23" s="71">
        <v>78</v>
      </c>
      <c r="KE23" s="72">
        <v>136</v>
      </c>
      <c r="KF23" s="244"/>
      <c r="KG23" s="71">
        <v>124</v>
      </c>
      <c r="KH23" s="71">
        <v>79</v>
      </c>
      <c r="KI23" s="71">
        <v>57</v>
      </c>
      <c r="KJ23" s="71">
        <v>47</v>
      </c>
      <c r="KK23" s="71">
        <v>23</v>
      </c>
      <c r="KL23" s="72">
        <v>330</v>
      </c>
      <c r="KM23" s="73">
        <v>466</v>
      </c>
    </row>
    <row r="24" spans="2:299" ht="21" customHeight="1" x14ac:dyDescent="0.2">
      <c r="B24" s="126" t="s">
        <v>21</v>
      </c>
      <c r="C24" s="315">
        <v>54</v>
      </c>
      <c r="D24" s="82">
        <v>46</v>
      </c>
      <c r="E24" s="83">
        <v>100</v>
      </c>
      <c r="F24" s="241"/>
      <c r="G24" s="82">
        <v>57</v>
      </c>
      <c r="H24" s="82">
        <v>68</v>
      </c>
      <c r="I24" s="82">
        <v>41</v>
      </c>
      <c r="J24" s="82">
        <v>34</v>
      </c>
      <c r="K24" s="82">
        <v>24</v>
      </c>
      <c r="L24" s="84">
        <v>224</v>
      </c>
      <c r="M24" s="85">
        <v>324</v>
      </c>
      <c r="N24" s="70">
        <v>0</v>
      </c>
      <c r="O24" s="71">
        <v>2</v>
      </c>
      <c r="P24" s="72">
        <v>2</v>
      </c>
      <c r="Q24" s="244"/>
      <c r="R24" s="71">
        <v>0</v>
      </c>
      <c r="S24" s="71">
        <v>2</v>
      </c>
      <c r="T24" s="71">
        <v>0</v>
      </c>
      <c r="U24" s="71">
        <v>0</v>
      </c>
      <c r="V24" s="71">
        <v>1</v>
      </c>
      <c r="W24" s="72">
        <v>3</v>
      </c>
      <c r="X24" s="73">
        <v>5</v>
      </c>
      <c r="Y24" s="70">
        <v>2</v>
      </c>
      <c r="Z24" s="71">
        <v>3</v>
      </c>
      <c r="AA24" s="72">
        <v>5</v>
      </c>
      <c r="AB24" s="244"/>
      <c r="AC24" s="71">
        <v>3</v>
      </c>
      <c r="AD24" s="71">
        <v>5</v>
      </c>
      <c r="AE24" s="71">
        <v>2</v>
      </c>
      <c r="AF24" s="71">
        <v>2</v>
      </c>
      <c r="AG24" s="71">
        <v>1</v>
      </c>
      <c r="AH24" s="72">
        <v>13</v>
      </c>
      <c r="AI24" s="73">
        <v>18</v>
      </c>
      <c r="AJ24" s="70">
        <v>4</v>
      </c>
      <c r="AK24" s="71">
        <v>4</v>
      </c>
      <c r="AL24" s="72">
        <v>8</v>
      </c>
      <c r="AM24" s="244"/>
      <c r="AN24" s="71">
        <v>7</v>
      </c>
      <c r="AO24" s="71">
        <v>7</v>
      </c>
      <c r="AP24" s="71">
        <v>4</v>
      </c>
      <c r="AQ24" s="71">
        <v>6</v>
      </c>
      <c r="AR24" s="71">
        <v>1</v>
      </c>
      <c r="AS24" s="72">
        <v>25</v>
      </c>
      <c r="AT24" s="73">
        <v>33</v>
      </c>
      <c r="AU24" s="70">
        <v>11</v>
      </c>
      <c r="AV24" s="71">
        <v>7</v>
      </c>
      <c r="AW24" s="72">
        <v>18</v>
      </c>
      <c r="AX24" s="244"/>
      <c r="AY24" s="71">
        <v>18</v>
      </c>
      <c r="AZ24" s="71">
        <v>16</v>
      </c>
      <c r="BA24" s="71">
        <v>8</v>
      </c>
      <c r="BB24" s="71">
        <v>7</v>
      </c>
      <c r="BC24" s="71">
        <v>1</v>
      </c>
      <c r="BD24" s="72">
        <v>50</v>
      </c>
      <c r="BE24" s="73">
        <v>68</v>
      </c>
      <c r="BF24" s="70">
        <v>23</v>
      </c>
      <c r="BG24" s="71">
        <v>12</v>
      </c>
      <c r="BH24" s="72">
        <v>35</v>
      </c>
      <c r="BI24" s="244"/>
      <c r="BJ24" s="71">
        <v>19</v>
      </c>
      <c r="BK24" s="71">
        <v>19</v>
      </c>
      <c r="BL24" s="71">
        <v>10</v>
      </c>
      <c r="BM24" s="71">
        <v>12</v>
      </c>
      <c r="BN24" s="71">
        <v>16</v>
      </c>
      <c r="BO24" s="72">
        <v>76</v>
      </c>
      <c r="BP24" s="73">
        <v>111</v>
      </c>
      <c r="BQ24" s="70">
        <v>14</v>
      </c>
      <c r="BR24" s="71">
        <v>18</v>
      </c>
      <c r="BS24" s="72">
        <v>32</v>
      </c>
      <c r="BT24" s="244"/>
      <c r="BU24" s="71">
        <v>10</v>
      </c>
      <c r="BV24" s="71">
        <v>19</v>
      </c>
      <c r="BW24" s="71">
        <v>17</v>
      </c>
      <c r="BX24" s="71">
        <v>7</v>
      </c>
      <c r="BY24" s="71">
        <v>4</v>
      </c>
      <c r="BZ24" s="72">
        <v>57</v>
      </c>
      <c r="CA24" s="73">
        <v>89</v>
      </c>
      <c r="CB24" s="70">
        <v>0</v>
      </c>
      <c r="CC24" s="71">
        <v>0</v>
      </c>
      <c r="CD24" s="72">
        <v>0</v>
      </c>
      <c r="CE24" s="244"/>
      <c r="CF24" s="71">
        <v>0</v>
      </c>
      <c r="CG24" s="71">
        <v>0</v>
      </c>
      <c r="CH24" s="71">
        <v>0</v>
      </c>
      <c r="CI24" s="71">
        <v>0</v>
      </c>
      <c r="CJ24" s="71">
        <v>0</v>
      </c>
      <c r="CK24" s="72">
        <v>0</v>
      </c>
      <c r="CL24" s="73">
        <v>0</v>
      </c>
      <c r="CM24" s="70">
        <v>54</v>
      </c>
      <c r="CN24" s="71">
        <v>46</v>
      </c>
      <c r="CO24" s="72">
        <v>100</v>
      </c>
      <c r="CP24" s="244"/>
      <c r="CQ24" s="71">
        <v>57</v>
      </c>
      <c r="CR24" s="71">
        <v>68</v>
      </c>
      <c r="CS24" s="71">
        <v>41</v>
      </c>
      <c r="CT24" s="71">
        <v>34</v>
      </c>
      <c r="CU24" s="71">
        <v>24</v>
      </c>
      <c r="CV24" s="72">
        <v>224</v>
      </c>
      <c r="CW24" s="73">
        <v>324</v>
      </c>
      <c r="CX24" s="123">
        <v>3</v>
      </c>
      <c r="CY24" s="82">
        <v>3</v>
      </c>
      <c r="CZ24" s="83">
        <v>6</v>
      </c>
      <c r="DA24" s="241"/>
      <c r="DB24" s="82">
        <v>8</v>
      </c>
      <c r="DC24" s="82">
        <v>8</v>
      </c>
      <c r="DD24" s="82">
        <v>9</v>
      </c>
      <c r="DE24" s="82">
        <v>10</v>
      </c>
      <c r="DF24" s="82">
        <v>5</v>
      </c>
      <c r="DG24" s="84">
        <v>40</v>
      </c>
      <c r="DH24" s="85">
        <v>46</v>
      </c>
      <c r="DI24" s="70">
        <v>0</v>
      </c>
      <c r="DJ24" s="71">
        <v>0</v>
      </c>
      <c r="DK24" s="72">
        <v>0</v>
      </c>
      <c r="DL24" s="244"/>
      <c r="DM24" s="71">
        <v>0</v>
      </c>
      <c r="DN24" s="71">
        <v>0</v>
      </c>
      <c r="DO24" s="71">
        <v>1</v>
      </c>
      <c r="DP24" s="71">
        <v>0</v>
      </c>
      <c r="DQ24" s="71">
        <v>0</v>
      </c>
      <c r="DR24" s="72">
        <v>1</v>
      </c>
      <c r="DS24" s="73">
        <v>1</v>
      </c>
      <c r="DT24" s="70">
        <v>0</v>
      </c>
      <c r="DU24" s="71">
        <v>0</v>
      </c>
      <c r="DV24" s="72">
        <v>0</v>
      </c>
      <c r="DW24" s="244"/>
      <c r="DX24" s="71">
        <v>0</v>
      </c>
      <c r="DY24" s="71">
        <v>1</v>
      </c>
      <c r="DZ24" s="71">
        <v>1</v>
      </c>
      <c r="EA24" s="71">
        <v>0</v>
      </c>
      <c r="EB24" s="71">
        <v>0</v>
      </c>
      <c r="EC24" s="72">
        <v>2</v>
      </c>
      <c r="ED24" s="73">
        <v>2</v>
      </c>
      <c r="EE24" s="70">
        <v>0</v>
      </c>
      <c r="EF24" s="71">
        <v>1</v>
      </c>
      <c r="EG24" s="72">
        <v>1</v>
      </c>
      <c r="EH24" s="244"/>
      <c r="EI24" s="71">
        <v>0</v>
      </c>
      <c r="EJ24" s="71">
        <v>0</v>
      </c>
      <c r="EK24" s="71">
        <v>0</v>
      </c>
      <c r="EL24" s="71">
        <v>0</v>
      </c>
      <c r="EM24" s="71">
        <v>0</v>
      </c>
      <c r="EN24" s="72">
        <v>0</v>
      </c>
      <c r="EO24" s="73">
        <v>1</v>
      </c>
      <c r="EP24" s="70">
        <v>0</v>
      </c>
      <c r="EQ24" s="71">
        <v>0</v>
      </c>
      <c r="ER24" s="72">
        <v>0</v>
      </c>
      <c r="ES24" s="244"/>
      <c r="ET24" s="71">
        <v>0</v>
      </c>
      <c r="EU24" s="71">
        <v>1</v>
      </c>
      <c r="EV24" s="71">
        <v>2</v>
      </c>
      <c r="EW24" s="71">
        <v>0</v>
      </c>
      <c r="EX24" s="71">
        <v>0</v>
      </c>
      <c r="EY24" s="72">
        <v>3</v>
      </c>
      <c r="EZ24" s="73">
        <v>3</v>
      </c>
      <c r="FA24" s="70">
        <v>1</v>
      </c>
      <c r="FB24" s="71">
        <v>0</v>
      </c>
      <c r="FC24" s="72">
        <v>1</v>
      </c>
      <c r="FD24" s="244"/>
      <c r="FE24" s="71">
        <v>4</v>
      </c>
      <c r="FF24" s="71">
        <v>2</v>
      </c>
      <c r="FG24" s="71">
        <v>2</v>
      </c>
      <c r="FH24" s="71">
        <v>4</v>
      </c>
      <c r="FI24" s="71">
        <v>2</v>
      </c>
      <c r="FJ24" s="72">
        <v>14</v>
      </c>
      <c r="FK24" s="73">
        <v>15</v>
      </c>
      <c r="FL24" s="70">
        <v>2</v>
      </c>
      <c r="FM24" s="71">
        <v>2</v>
      </c>
      <c r="FN24" s="72">
        <v>4</v>
      </c>
      <c r="FO24" s="244"/>
      <c r="FP24" s="71">
        <v>4</v>
      </c>
      <c r="FQ24" s="71">
        <v>4</v>
      </c>
      <c r="FR24" s="71">
        <v>3</v>
      </c>
      <c r="FS24" s="71">
        <v>6</v>
      </c>
      <c r="FT24" s="71">
        <v>3</v>
      </c>
      <c r="FU24" s="72">
        <v>20</v>
      </c>
      <c r="FV24" s="73">
        <v>24</v>
      </c>
      <c r="FW24" s="70">
        <v>0</v>
      </c>
      <c r="FX24" s="71">
        <v>0</v>
      </c>
      <c r="FY24" s="72">
        <v>0</v>
      </c>
      <c r="FZ24" s="244"/>
      <c r="GA24" s="71">
        <v>0</v>
      </c>
      <c r="GB24" s="71">
        <v>0</v>
      </c>
      <c r="GC24" s="71">
        <v>0</v>
      </c>
      <c r="GD24" s="71">
        <v>0</v>
      </c>
      <c r="GE24" s="71">
        <v>0</v>
      </c>
      <c r="GF24" s="72">
        <v>0</v>
      </c>
      <c r="GG24" s="73">
        <v>0</v>
      </c>
      <c r="GH24" s="70">
        <v>3</v>
      </c>
      <c r="GI24" s="71">
        <v>3</v>
      </c>
      <c r="GJ24" s="72">
        <v>6</v>
      </c>
      <c r="GK24" s="244"/>
      <c r="GL24" s="71">
        <v>8</v>
      </c>
      <c r="GM24" s="71">
        <v>8</v>
      </c>
      <c r="GN24" s="71">
        <v>9</v>
      </c>
      <c r="GO24" s="71">
        <v>10</v>
      </c>
      <c r="GP24" s="71">
        <v>5</v>
      </c>
      <c r="GQ24" s="72">
        <v>40</v>
      </c>
      <c r="GR24" s="73">
        <v>46</v>
      </c>
      <c r="GS24" s="123">
        <v>57</v>
      </c>
      <c r="GT24" s="82">
        <v>49</v>
      </c>
      <c r="GU24" s="83">
        <v>106</v>
      </c>
      <c r="GV24" s="241"/>
      <c r="GW24" s="82">
        <v>65</v>
      </c>
      <c r="GX24" s="82">
        <v>76</v>
      </c>
      <c r="GY24" s="82">
        <v>50</v>
      </c>
      <c r="GZ24" s="82">
        <v>44</v>
      </c>
      <c r="HA24" s="82">
        <v>29</v>
      </c>
      <c r="HB24" s="84">
        <v>264</v>
      </c>
      <c r="HC24" s="85">
        <v>370</v>
      </c>
      <c r="HD24" s="70">
        <v>0</v>
      </c>
      <c r="HE24" s="71">
        <v>2</v>
      </c>
      <c r="HF24" s="72">
        <v>2</v>
      </c>
      <c r="HG24" s="244"/>
      <c r="HH24" s="71">
        <v>0</v>
      </c>
      <c r="HI24" s="71">
        <v>2</v>
      </c>
      <c r="HJ24" s="71">
        <v>1</v>
      </c>
      <c r="HK24" s="71">
        <v>0</v>
      </c>
      <c r="HL24" s="71">
        <v>1</v>
      </c>
      <c r="HM24" s="72">
        <v>4</v>
      </c>
      <c r="HN24" s="73">
        <v>6</v>
      </c>
      <c r="HO24" s="70">
        <v>2</v>
      </c>
      <c r="HP24" s="71">
        <v>3</v>
      </c>
      <c r="HQ24" s="72">
        <v>5</v>
      </c>
      <c r="HR24" s="244"/>
      <c r="HS24" s="71">
        <v>3</v>
      </c>
      <c r="HT24" s="71">
        <v>6</v>
      </c>
      <c r="HU24" s="71">
        <v>3</v>
      </c>
      <c r="HV24" s="71">
        <v>2</v>
      </c>
      <c r="HW24" s="71">
        <v>1</v>
      </c>
      <c r="HX24" s="72">
        <v>15</v>
      </c>
      <c r="HY24" s="73">
        <v>20</v>
      </c>
      <c r="HZ24" s="70">
        <v>4</v>
      </c>
      <c r="IA24" s="71">
        <v>5</v>
      </c>
      <c r="IB24" s="72">
        <v>9</v>
      </c>
      <c r="IC24" s="244"/>
      <c r="ID24" s="71">
        <v>7</v>
      </c>
      <c r="IE24" s="71">
        <v>7</v>
      </c>
      <c r="IF24" s="71">
        <v>4</v>
      </c>
      <c r="IG24" s="71">
        <v>6</v>
      </c>
      <c r="IH24" s="71">
        <v>1</v>
      </c>
      <c r="II24" s="72">
        <v>25</v>
      </c>
      <c r="IJ24" s="73">
        <v>34</v>
      </c>
      <c r="IK24" s="70">
        <v>11</v>
      </c>
      <c r="IL24" s="71">
        <v>7</v>
      </c>
      <c r="IM24" s="72">
        <v>18</v>
      </c>
      <c r="IN24" s="244"/>
      <c r="IO24" s="71">
        <v>18</v>
      </c>
      <c r="IP24" s="71">
        <v>17</v>
      </c>
      <c r="IQ24" s="71">
        <v>10</v>
      </c>
      <c r="IR24" s="71">
        <v>7</v>
      </c>
      <c r="IS24" s="71">
        <v>1</v>
      </c>
      <c r="IT24" s="72">
        <v>53</v>
      </c>
      <c r="IU24" s="73">
        <v>71</v>
      </c>
      <c r="IV24" s="70">
        <v>24</v>
      </c>
      <c r="IW24" s="71">
        <v>12</v>
      </c>
      <c r="IX24" s="72">
        <v>36</v>
      </c>
      <c r="IY24" s="244"/>
      <c r="IZ24" s="71">
        <v>23</v>
      </c>
      <c r="JA24" s="71">
        <v>21</v>
      </c>
      <c r="JB24" s="71">
        <v>12</v>
      </c>
      <c r="JC24" s="71">
        <v>16</v>
      </c>
      <c r="JD24" s="71">
        <v>18</v>
      </c>
      <c r="JE24" s="72">
        <v>90</v>
      </c>
      <c r="JF24" s="73">
        <v>126</v>
      </c>
      <c r="JG24" s="70">
        <v>16</v>
      </c>
      <c r="JH24" s="71">
        <v>20</v>
      </c>
      <c r="JI24" s="72">
        <v>36</v>
      </c>
      <c r="JJ24" s="244"/>
      <c r="JK24" s="71">
        <v>14</v>
      </c>
      <c r="JL24" s="71">
        <v>23</v>
      </c>
      <c r="JM24" s="71">
        <v>20</v>
      </c>
      <c r="JN24" s="71">
        <v>13</v>
      </c>
      <c r="JO24" s="71">
        <v>7</v>
      </c>
      <c r="JP24" s="72">
        <v>77</v>
      </c>
      <c r="JQ24" s="73">
        <v>113</v>
      </c>
      <c r="JR24" s="70">
        <v>0</v>
      </c>
      <c r="JS24" s="71">
        <v>0</v>
      </c>
      <c r="JT24" s="72">
        <v>0</v>
      </c>
      <c r="JU24" s="244"/>
      <c r="JV24" s="71">
        <v>0</v>
      </c>
      <c r="JW24" s="71">
        <v>0</v>
      </c>
      <c r="JX24" s="71">
        <v>0</v>
      </c>
      <c r="JY24" s="71">
        <v>0</v>
      </c>
      <c r="JZ24" s="71">
        <v>0</v>
      </c>
      <c r="KA24" s="72">
        <v>0</v>
      </c>
      <c r="KB24" s="73">
        <v>0</v>
      </c>
      <c r="KC24" s="70">
        <v>57</v>
      </c>
      <c r="KD24" s="71">
        <v>49</v>
      </c>
      <c r="KE24" s="72">
        <v>106</v>
      </c>
      <c r="KF24" s="244"/>
      <c r="KG24" s="71">
        <v>65</v>
      </c>
      <c r="KH24" s="71">
        <v>76</v>
      </c>
      <c r="KI24" s="71">
        <v>50</v>
      </c>
      <c r="KJ24" s="71">
        <v>44</v>
      </c>
      <c r="KK24" s="71">
        <v>29</v>
      </c>
      <c r="KL24" s="72">
        <v>264</v>
      </c>
      <c r="KM24" s="73">
        <v>370</v>
      </c>
    </row>
    <row r="25" spans="2:299" ht="21" customHeight="1" x14ac:dyDescent="0.2">
      <c r="B25" s="126" t="s">
        <v>22</v>
      </c>
      <c r="C25" s="315">
        <v>18</v>
      </c>
      <c r="D25" s="82">
        <v>17</v>
      </c>
      <c r="E25" s="83">
        <v>35</v>
      </c>
      <c r="F25" s="241"/>
      <c r="G25" s="82">
        <v>39</v>
      </c>
      <c r="H25" s="82">
        <v>28</v>
      </c>
      <c r="I25" s="82">
        <v>16</v>
      </c>
      <c r="J25" s="82">
        <v>21</v>
      </c>
      <c r="K25" s="82">
        <v>9</v>
      </c>
      <c r="L25" s="84">
        <v>113</v>
      </c>
      <c r="M25" s="85">
        <v>148</v>
      </c>
      <c r="N25" s="70">
        <v>0</v>
      </c>
      <c r="O25" s="71">
        <v>0</v>
      </c>
      <c r="P25" s="72">
        <v>0</v>
      </c>
      <c r="Q25" s="244"/>
      <c r="R25" s="71">
        <v>0</v>
      </c>
      <c r="S25" s="71">
        <v>0</v>
      </c>
      <c r="T25" s="71">
        <v>0</v>
      </c>
      <c r="U25" s="71">
        <v>0</v>
      </c>
      <c r="V25" s="71">
        <v>0</v>
      </c>
      <c r="W25" s="72">
        <v>0</v>
      </c>
      <c r="X25" s="73">
        <v>0</v>
      </c>
      <c r="Y25" s="70">
        <v>1</v>
      </c>
      <c r="Z25" s="71">
        <v>1</v>
      </c>
      <c r="AA25" s="72">
        <v>2</v>
      </c>
      <c r="AB25" s="244"/>
      <c r="AC25" s="71">
        <v>2</v>
      </c>
      <c r="AD25" s="71">
        <v>2</v>
      </c>
      <c r="AE25" s="71">
        <v>1</v>
      </c>
      <c r="AF25" s="71">
        <v>2</v>
      </c>
      <c r="AG25" s="71">
        <v>0</v>
      </c>
      <c r="AH25" s="72">
        <v>7</v>
      </c>
      <c r="AI25" s="73">
        <v>9</v>
      </c>
      <c r="AJ25" s="70">
        <v>0</v>
      </c>
      <c r="AK25" s="71">
        <v>2</v>
      </c>
      <c r="AL25" s="72">
        <v>2</v>
      </c>
      <c r="AM25" s="244"/>
      <c r="AN25" s="71">
        <v>3</v>
      </c>
      <c r="AO25" s="71">
        <v>1</v>
      </c>
      <c r="AP25" s="71">
        <v>3</v>
      </c>
      <c r="AQ25" s="71">
        <v>1</v>
      </c>
      <c r="AR25" s="71">
        <v>1</v>
      </c>
      <c r="AS25" s="72">
        <v>9</v>
      </c>
      <c r="AT25" s="73">
        <v>11</v>
      </c>
      <c r="AU25" s="70">
        <v>4</v>
      </c>
      <c r="AV25" s="71">
        <v>0</v>
      </c>
      <c r="AW25" s="72">
        <v>4</v>
      </c>
      <c r="AX25" s="244"/>
      <c r="AY25" s="71">
        <v>6</v>
      </c>
      <c r="AZ25" s="71">
        <v>4</v>
      </c>
      <c r="BA25" s="71">
        <v>4</v>
      </c>
      <c r="BB25" s="71">
        <v>5</v>
      </c>
      <c r="BC25" s="71">
        <v>4</v>
      </c>
      <c r="BD25" s="72">
        <v>23</v>
      </c>
      <c r="BE25" s="73">
        <v>27</v>
      </c>
      <c r="BF25" s="70">
        <v>6</v>
      </c>
      <c r="BG25" s="71">
        <v>9</v>
      </c>
      <c r="BH25" s="72">
        <v>15</v>
      </c>
      <c r="BI25" s="244"/>
      <c r="BJ25" s="71">
        <v>14</v>
      </c>
      <c r="BK25" s="71">
        <v>9</v>
      </c>
      <c r="BL25" s="71">
        <v>2</v>
      </c>
      <c r="BM25" s="71">
        <v>8</v>
      </c>
      <c r="BN25" s="71">
        <v>1</v>
      </c>
      <c r="BO25" s="72">
        <v>34</v>
      </c>
      <c r="BP25" s="73">
        <v>49</v>
      </c>
      <c r="BQ25" s="70">
        <v>7</v>
      </c>
      <c r="BR25" s="71">
        <v>5</v>
      </c>
      <c r="BS25" s="72">
        <v>12</v>
      </c>
      <c r="BT25" s="244"/>
      <c r="BU25" s="71">
        <v>14</v>
      </c>
      <c r="BV25" s="71">
        <v>12</v>
      </c>
      <c r="BW25" s="71">
        <v>6</v>
      </c>
      <c r="BX25" s="71">
        <v>5</v>
      </c>
      <c r="BY25" s="71">
        <v>3</v>
      </c>
      <c r="BZ25" s="72">
        <v>40</v>
      </c>
      <c r="CA25" s="73">
        <v>52</v>
      </c>
      <c r="CB25" s="70">
        <v>0</v>
      </c>
      <c r="CC25" s="71">
        <v>0</v>
      </c>
      <c r="CD25" s="72">
        <v>0</v>
      </c>
      <c r="CE25" s="244"/>
      <c r="CF25" s="71">
        <v>0</v>
      </c>
      <c r="CG25" s="71">
        <v>0</v>
      </c>
      <c r="CH25" s="71">
        <v>0</v>
      </c>
      <c r="CI25" s="71">
        <v>0</v>
      </c>
      <c r="CJ25" s="71">
        <v>0</v>
      </c>
      <c r="CK25" s="72">
        <v>0</v>
      </c>
      <c r="CL25" s="73">
        <v>0</v>
      </c>
      <c r="CM25" s="70">
        <v>18</v>
      </c>
      <c r="CN25" s="71">
        <v>17</v>
      </c>
      <c r="CO25" s="72">
        <v>35</v>
      </c>
      <c r="CP25" s="244"/>
      <c r="CQ25" s="71">
        <v>39</v>
      </c>
      <c r="CR25" s="71">
        <v>28</v>
      </c>
      <c r="CS25" s="71">
        <v>16</v>
      </c>
      <c r="CT25" s="71">
        <v>21</v>
      </c>
      <c r="CU25" s="71">
        <v>9</v>
      </c>
      <c r="CV25" s="72">
        <v>113</v>
      </c>
      <c r="CW25" s="73">
        <v>148</v>
      </c>
      <c r="CX25" s="123">
        <v>2</v>
      </c>
      <c r="CY25" s="82">
        <v>4</v>
      </c>
      <c r="CZ25" s="83">
        <v>6</v>
      </c>
      <c r="DA25" s="241"/>
      <c r="DB25" s="82">
        <v>6</v>
      </c>
      <c r="DC25" s="82">
        <v>3</v>
      </c>
      <c r="DD25" s="82">
        <v>2</v>
      </c>
      <c r="DE25" s="82">
        <v>2</v>
      </c>
      <c r="DF25" s="82">
        <v>1</v>
      </c>
      <c r="DG25" s="84">
        <v>14</v>
      </c>
      <c r="DH25" s="85">
        <v>20</v>
      </c>
      <c r="DI25" s="70">
        <v>0</v>
      </c>
      <c r="DJ25" s="71">
        <v>0</v>
      </c>
      <c r="DK25" s="72">
        <v>0</v>
      </c>
      <c r="DL25" s="244"/>
      <c r="DM25" s="71">
        <v>0</v>
      </c>
      <c r="DN25" s="71">
        <v>0</v>
      </c>
      <c r="DO25" s="71">
        <v>0</v>
      </c>
      <c r="DP25" s="71">
        <v>0</v>
      </c>
      <c r="DQ25" s="71">
        <v>0</v>
      </c>
      <c r="DR25" s="72">
        <v>0</v>
      </c>
      <c r="DS25" s="73">
        <v>0</v>
      </c>
      <c r="DT25" s="70">
        <v>0</v>
      </c>
      <c r="DU25" s="71">
        <v>0</v>
      </c>
      <c r="DV25" s="72">
        <v>0</v>
      </c>
      <c r="DW25" s="244"/>
      <c r="DX25" s="71">
        <v>0</v>
      </c>
      <c r="DY25" s="71">
        <v>0</v>
      </c>
      <c r="DZ25" s="71">
        <v>0</v>
      </c>
      <c r="EA25" s="71">
        <v>0</v>
      </c>
      <c r="EB25" s="71">
        <v>0</v>
      </c>
      <c r="EC25" s="72">
        <v>0</v>
      </c>
      <c r="ED25" s="73">
        <v>0</v>
      </c>
      <c r="EE25" s="70">
        <v>1</v>
      </c>
      <c r="EF25" s="71">
        <v>2</v>
      </c>
      <c r="EG25" s="72">
        <v>3</v>
      </c>
      <c r="EH25" s="244"/>
      <c r="EI25" s="71">
        <v>0</v>
      </c>
      <c r="EJ25" s="71">
        <v>0</v>
      </c>
      <c r="EK25" s="71">
        <v>2</v>
      </c>
      <c r="EL25" s="71">
        <v>0</v>
      </c>
      <c r="EM25" s="71">
        <v>0</v>
      </c>
      <c r="EN25" s="72">
        <v>2</v>
      </c>
      <c r="EO25" s="73">
        <v>5</v>
      </c>
      <c r="EP25" s="70">
        <v>1</v>
      </c>
      <c r="EQ25" s="71">
        <v>0</v>
      </c>
      <c r="ER25" s="72">
        <v>1</v>
      </c>
      <c r="ES25" s="244"/>
      <c r="ET25" s="71">
        <v>1</v>
      </c>
      <c r="EU25" s="71">
        <v>0</v>
      </c>
      <c r="EV25" s="71">
        <v>0</v>
      </c>
      <c r="EW25" s="71">
        <v>0</v>
      </c>
      <c r="EX25" s="71">
        <v>0</v>
      </c>
      <c r="EY25" s="72">
        <v>1</v>
      </c>
      <c r="EZ25" s="73">
        <v>2</v>
      </c>
      <c r="FA25" s="70">
        <v>0</v>
      </c>
      <c r="FB25" s="71">
        <v>0</v>
      </c>
      <c r="FC25" s="72">
        <v>0</v>
      </c>
      <c r="FD25" s="244"/>
      <c r="FE25" s="71">
        <v>2</v>
      </c>
      <c r="FF25" s="71">
        <v>1</v>
      </c>
      <c r="FG25" s="71">
        <v>0</v>
      </c>
      <c r="FH25" s="71">
        <v>0</v>
      </c>
      <c r="FI25" s="71">
        <v>0</v>
      </c>
      <c r="FJ25" s="72">
        <v>3</v>
      </c>
      <c r="FK25" s="73">
        <v>3</v>
      </c>
      <c r="FL25" s="70">
        <v>0</v>
      </c>
      <c r="FM25" s="71">
        <v>2</v>
      </c>
      <c r="FN25" s="72">
        <v>2</v>
      </c>
      <c r="FO25" s="244"/>
      <c r="FP25" s="71">
        <v>3</v>
      </c>
      <c r="FQ25" s="71">
        <v>2</v>
      </c>
      <c r="FR25" s="71">
        <v>0</v>
      </c>
      <c r="FS25" s="71">
        <v>2</v>
      </c>
      <c r="FT25" s="71">
        <v>1</v>
      </c>
      <c r="FU25" s="72">
        <v>8</v>
      </c>
      <c r="FV25" s="73">
        <v>10</v>
      </c>
      <c r="FW25" s="70">
        <v>0</v>
      </c>
      <c r="FX25" s="71">
        <v>0</v>
      </c>
      <c r="FY25" s="72">
        <v>0</v>
      </c>
      <c r="FZ25" s="244"/>
      <c r="GA25" s="71">
        <v>0</v>
      </c>
      <c r="GB25" s="71">
        <v>0</v>
      </c>
      <c r="GC25" s="71">
        <v>0</v>
      </c>
      <c r="GD25" s="71">
        <v>0</v>
      </c>
      <c r="GE25" s="71">
        <v>0</v>
      </c>
      <c r="GF25" s="72">
        <v>0</v>
      </c>
      <c r="GG25" s="73">
        <v>0</v>
      </c>
      <c r="GH25" s="70">
        <v>2</v>
      </c>
      <c r="GI25" s="71">
        <v>4</v>
      </c>
      <c r="GJ25" s="72">
        <v>6</v>
      </c>
      <c r="GK25" s="244"/>
      <c r="GL25" s="71">
        <v>6</v>
      </c>
      <c r="GM25" s="71">
        <v>3</v>
      </c>
      <c r="GN25" s="71">
        <v>2</v>
      </c>
      <c r="GO25" s="71">
        <v>2</v>
      </c>
      <c r="GP25" s="71">
        <v>1</v>
      </c>
      <c r="GQ25" s="72">
        <v>14</v>
      </c>
      <c r="GR25" s="73">
        <v>20</v>
      </c>
      <c r="GS25" s="123">
        <v>20</v>
      </c>
      <c r="GT25" s="82">
        <v>21</v>
      </c>
      <c r="GU25" s="83">
        <v>41</v>
      </c>
      <c r="GV25" s="241"/>
      <c r="GW25" s="82">
        <v>45</v>
      </c>
      <c r="GX25" s="82">
        <v>31</v>
      </c>
      <c r="GY25" s="82">
        <v>18</v>
      </c>
      <c r="GZ25" s="82">
        <v>23</v>
      </c>
      <c r="HA25" s="82">
        <v>10</v>
      </c>
      <c r="HB25" s="84">
        <v>127</v>
      </c>
      <c r="HC25" s="85">
        <v>168</v>
      </c>
      <c r="HD25" s="70">
        <v>0</v>
      </c>
      <c r="HE25" s="71">
        <v>0</v>
      </c>
      <c r="HF25" s="72">
        <v>0</v>
      </c>
      <c r="HG25" s="244"/>
      <c r="HH25" s="71">
        <v>0</v>
      </c>
      <c r="HI25" s="71">
        <v>0</v>
      </c>
      <c r="HJ25" s="71">
        <v>0</v>
      </c>
      <c r="HK25" s="71">
        <v>0</v>
      </c>
      <c r="HL25" s="71">
        <v>0</v>
      </c>
      <c r="HM25" s="72">
        <v>0</v>
      </c>
      <c r="HN25" s="73">
        <v>0</v>
      </c>
      <c r="HO25" s="70">
        <v>1</v>
      </c>
      <c r="HP25" s="71">
        <v>1</v>
      </c>
      <c r="HQ25" s="72">
        <v>2</v>
      </c>
      <c r="HR25" s="244"/>
      <c r="HS25" s="71">
        <v>2</v>
      </c>
      <c r="HT25" s="71">
        <v>2</v>
      </c>
      <c r="HU25" s="71">
        <v>1</v>
      </c>
      <c r="HV25" s="71">
        <v>2</v>
      </c>
      <c r="HW25" s="71">
        <v>0</v>
      </c>
      <c r="HX25" s="72">
        <v>7</v>
      </c>
      <c r="HY25" s="73">
        <v>9</v>
      </c>
      <c r="HZ25" s="70">
        <v>1</v>
      </c>
      <c r="IA25" s="71">
        <v>4</v>
      </c>
      <c r="IB25" s="72">
        <v>5</v>
      </c>
      <c r="IC25" s="244"/>
      <c r="ID25" s="71">
        <v>3</v>
      </c>
      <c r="IE25" s="71">
        <v>1</v>
      </c>
      <c r="IF25" s="71">
        <v>5</v>
      </c>
      <c r="IG25" s="71">
        <v>1</v>
      </c>
      <c r="IH25" s="71">
        <v>1</v>
      </c>
      <c r="II25" s="72">
        <v>11</v>
      </c>
      <c r="IJ25" s="73">
        <v>16</v>
      </c>
      <c r="IK25" s="70">
        <v>5</v>
      </c>
      <c r="IL25" s="71">
        <v>0</v>
      </c>
      <c r="IM25" s="72">
        <v>5</v>
      </c>
      <c r="IN25" s="244"/>
      <c r="IO25" s="71">
        <v>7</v>
      </c>
      <c r="IP25" s="71">
        <v>4</v>
      </c>
      <c r="IQ25" s="71">
        <v>4</v>
      </c>
      <c r="IR25" s="71">
        <v>5</v>
      </c>
      <c r="IS25" s="71">
        <v>4</v>
      </c>
      <c r="IT25" s="72">
        <v>24</v>
      </c>
      <c r="IU25" s="73">
        <v>29</v>
      </c>
      <c r="IV25" s="70">
        <v>6</v>
      </c>
      <c r="IW25" s="71">
        <v>9</v>
      </c>
      <c r="IX25" s="72">
        <v>15</v>
      </c>
      <c r="IY25" s="244"/>
      <c r="IZ25" s="71">
        <v>16</v>
      </c>
      <c r="JA25" s="71">
        <v>10</v>
      </c>
      <c r="JB25" s="71">
        <v>2</v>
      </c>
      <c r="JC25" s="71">
        <v>8</v>
      </c>
      <c r="JD25" s="71">
        <v>1</v>
      </c>
      <c r="JE25" s="72">
        <v>37</v>
      </c>
      <c r="JF25" s="73">
        <v>52</v>
      </c>
      <c r="JG25" s="70">
        <v>7</v>
      </c>
      <c r="JH25" s="71">
        <v>7</v>
      </c>
      <c r="JI25" s="72">
        <v>14</v>
      </c>
      <c r="JJ25" s="244"/>
      <c r="JK25" s="71">
        <v>17</v>
      </c>
      <c r="JL25" s="71">
        <v>14</v>
      </c>
      <c r="JM25" s="71">
        <v>6</v>
      </c>
      <c r="JN25" s="71">
        <v>7</v>
      </c>
      <c r="JO25" s="71">
        <v>4</v>
      </c>
      <c r="JP25" s="72">
        <v>48</v>
      </c>
      <c r="JQ25" s="73">
        <v>62</v>
      </c>
      <c r="JR25" s="70">
        <v>0</v>
      </c>
      <c r="JS25" s="71">
        <v>0</v>
      </c>
      <c r="JT25" s="72">
        <v>0</v>
      </c>
      <c r="JU25" s="244"/>
      <c r="JV25" s="71">
        <v>0</v>
      </c>
      <c r="JW25" s="71">
        <v>0</v>
      </c>
      <c r="JX25" s="71">
        <v>0</v>
      </c>
      <c r="JY25" s="71">
        <v>0</v>
      </c>
      <c r="JZ25" s="71">
        <v>0</v>
      </c>
      <c r="KA25" s="72">
        <v>0</v>
      </c>
      <c r="KB25" s="73">
        <v>0</v>
      </c>
      <c r="KC25" s="70">
        <v>20</v>
      </c>
      <c r="KD25" s="71">
        <v>21</v>
      </c>
      <c r="KE25" s="72">
        <v>41</v>
      </c>
      <c r="KF25" s="244"/>
      <c r="KG25" s="71">
        <v>45</v>
      </c>
      <c r="KH25" s="71">
        <v>31</v>
      </c>
      <c r="KI25" s="71">
        <v>18</v>
      </c>
      <c r="KJ25" s="71">
        <v>23</v>
      </c>
      <c r="KK25" s="71">
        <v>10</v>
      </c>
      <c r="KL25" s="72">
        <v>127</v>
      </c>
      <c r="KM25" s="73">
        <v>168</v>
      </c>
    </row>
    <row r="26" spans="2:299" ht="21" customHeight="1" x14ac:dyDescent="0.2">
      <c r="B26" s="126" t="s">
        <v>23</v>
      </c>
      <c r="C26" s="315">
        <v>32</v>
      </c>
      <c r="D26" s="82">
        <v>32</v>
      </c>
      <c r="E26" s="83">
        <v>64</v>
      </c>
      <c r="F26" s="241"/>
      <c r="G26" s="82">
        <v>56</v>
      </c>
      <c r="H26" s="82">
        <v>34</v>
      </c>
      <c r="I26" s="82">
        <v>18</v>
      </c>
      <c r="J26" s="82">
        <v>21</v>
      </c>
      <c r="K26" s="82">
        <v>7</v>
      </c>
      <c r="L26" s="84">
        <v>136</v>
      </c>
      <c r="M26" s="85">
        <v>200</v>
      </c>
      <c r="N26" s="70">
        <v>0</v>
      </c>
      <c r="O26" s="71">
        <v>0</v>
      </c>
      <c r="P26" s="72">
        <v>0</v>
      </c>
      <c r="Q26" s="244"/>
      <c r="R26" s="71">
        <v>2</v>
      </c>
      <c r="S26" s="71">
        <v>1</v>
      </c>
      <c r="T26" s="71">
        <v>1</v>
      </c>
      <c r="U26" s="71">
        <v>0</v>
      </c>
      <c r="V26" s="71">
        <v>0</v>
      </c>
      <c r="W26" s="72">
        <v>4</v>
      </c>
      <c r="X26" s="73">
        <v>4</v>
      </c>
      <c r="Y26" s="70">
        <v>2</v>
      </c>
      <c r="Z26" s="71">
        <v>1</v>
      </c>
      <c r="AA26" s="72">
        <v>3</v>
      </c>
      <c r="AB26" s="244"/>
      <c r="AC26" s="71">
        <v>1</v>
      </c>
      <c r="AD26" s="71">
        <v>2</v>
      </c>
      <c r="AE26" s="71">
        <v>0</v>
      </c>
      <c r="AF26" s="71">
        <v>2</v>
      </c>
      <c r="AG26" s="71">
        <v>1</v>
      </c>
      <c r="AH26" s="72">
        <v>6</v>
      </c>
      <c r="AI26" s="73">
        <v>9</v>
      </c>
      <c r="AJ26" s="70">
        <v>7</v>
      </c>
      <c r="AK26" s="71">
        <v>2</v>
      </c>
      <c r="AL26" s="72">
        <v>9</v>
      </c>
      <c r="AM26" s="244"/>
      <c r="AN26" s="71">
        <v>7</v>
      </c>
      <c r="AO26" s="71">
        <v>4</v>
      </c>
      <c r="AP26" s="71">
        <v>1</v>
      </c>
      <c r="AQ26" s="71">
        <v>2</v>
      </c>
      <c r="AR26" s="71">
        <v>0</v>
      </c>
      <c r="AS26" s="72">
        <v>14</v>
      </c>
      <c r="AT26" s="73">
        <v>23</v>
      </c>
      <c r="AU26" s="70">
        <v>8</v>
      </c>
      <c r="AV26" s="71">
        <v>13</v>
      </c>
      <c r="AW26" s="72">
        <v>21</v>
      </c>
      <c r="AX26" s="244"/>
      <c r="AY26" s="71">
        <v>16</v>
      </c>
      <c r="AZ26" s="71">
        <v>9</v>
      </c>
      <c r="BA26" s="71">
        <v>6</v>
      </c>
      <c r="BB26" s="71">
        <v>8</v>
      </c>
      <c r="BC26" s="71">
        <v>1</v>
      </c>
      <c r="BD26" s="72">
        <v>40</v>
      </c>
      <c r="BE26" s="73">
        <v>61</v>
      </c>
      <c r="BF26" s="70">
        <v>10</v>
      </c>
      <c r="BG26" s="71">
        <v>11</v>
      </c>
      <c r="BH26" s="72">
        <v>21</v>
      </c>
      <c r="BI26" s="244"/>
      <c r="BJ26" s="71">
        <v>20</v>
      </c>
      <c r="BK26" s="71">
        <v>6</v>
      </c>
      <c r="BL26" s="71">
        <v>3</v>
      </c>
      <c r="BM26" s="71">
        <v>3</v>
      </c>
      <c r="BN26" s="71">
        <v>4</v>
      </c>
      <c r="BO26" s="72">
        <v>36</v>
      </c>
      <c r="BP26" s="73">
        <v>57</v>
      </c>
      <c r="BQ26" s="70">
        <v>5</v>
      </c>
      <c r="BR26" s="71">
        <v>5</v>
      </c>
      <c r="BS26" s="72">
        <v>10</v>
      </c>
      <c r="BT26" s="244"/>
      <c r="BU26" s="71">
        <v>10</v>
      </c>
      <c r="BV26" s="71">
        <v>12</v>
      </c>
      <c r="BW26" s="71">
        <v>7</v>
      </c>
      <c r="BX26" s="71">
        <v>6</v>
      </c>
      <c r="BY26" s="71">
        <v>1</v>
      </c>
      <c r="BZ26" s="72">
        <v>36</v>
      </c>
      <c r="CA26" s="73">
        <v>46</v>
      </c>
      <c r="CB26" s="70">
        <v>0</v>
      </c>
      <c r="CC26" s="71">
        <v>0</v>
      </c>
      <c r="CD26" s="72">
        <v>0</v>
      </c>
      <c r="CE26" s="244"/>
      <c r="CF26" s="71">
        <v>0</v>
      </c>
      <c r="CG26" s="71">
        <v>0</v>
      </c>
      <c r="CH26" s="71">
        <v>0</v>
      </c>
      <c r="CI26" s="71">
        <v>0</v>
      </c>
      <c r="CJ26" s="71">
        <v>0</v>
      </c>
      <c r="CK26" s="72">
        <v>0</v>
      </c>
      <c r="CL26" s="73">
        <v>0</v>
      </c>
      <c r="CM26" s="70">
        <v>32</v>
      </c>
      <c r="CN26" s="71">
        <v>32</v>
      </c>
      <c r="CO26" s="72">
        <v>64</v>
      </c>
      <c r="CP26" s="244"/>
      <c r="CQ26" s="71">
        <v>56</v>
      </c>
      <c r="CR26" s="71">
        <v>34</v>
      </c>
      <c r="CS26" s="71">
        <v>18</v>
      </c>
      <c r="CT26" s="71">
        <v>21</v>
      </c>
      <c r="CU26" s="71">
        <v>7</v>
      </c>
      <c r="CV26" s="72">
        <v>136</v>
      </c>
      <c r="CW26" s="73">
        <v>200</v>
      </c>
      <c r="CX26" s="123">
        <v>3</v>
      </c>
      <c r="CY26" s="82">
        <v>4</v>
      </c>
      <c r="CZ26" s="83">
        <v>7</v>
      </c>
      <c r="DA26" s="241"/>
      <c r="DB26" s="82">
        <v>7</v>
      </c>
      <c r="DC26" s="82">
        <v>3</v>
      </c>
      <c r="DD26" s="82">
        <v>2</v>
      </c>
      <c r="DE26" s="82">
        <v>6</v>
      </c>
      <c r="DF26" s="82">
        <v>4</v>
      </c>
      <c r="DG26" s="84">
        <v>22</v>
      </c>
      <c r="DH26" s="85">
        <v>29</v>
      </c>
      <c r="DI26" s="70">
        <v>0</v>
      </c>
      <c r="DJ26" s="71">
        <v>0</v>
      </c>
      <c r="DK26" s="72">
        <v>0</v>
      </c>
      <c r="DL26" s="244"/>
      <c r="DM26" s="71">
        <v>0</v>
      </c>
      <c r="DN26" s="71">
        <v>0</v>
      </c>
      <c r="DO26" s="71">
        <v>0</v>
      </c>
      <c r="DP26" s="71">
        <v>0</v>
      </c>
      <c r="DQ26" s="71">
        <v>0</v>
      </c>
      <c r="DR26" s="72">
        <v>0</v>
      </c>
      <c r="DS26" s="73">
        <v>0</v>
      </c>
      <c r="DT26" s="70">
        <v>1</v>
      </c>
      <c r="DU26" s="71">
        <v>1</v>
      </c>
      <c r="DV26" s="72">
        <v>2</v>
      </c>
      <c r="DW26" s="244"/>
      <c r="DX26" s="71">
        <v>1</v>
      </c>
      <c r="DY26" s="71">
        <v>0</v>
      </c>
      <c r="DZ26" s="71">
        <v>1</v>
      </c>
      <c r="EA26" s="71">
        <v>1</v>
      </c>
      <c r="EB26" s="71">
        <v>1</v>
      </c>
      <c r="EC26" s="72">
        <v>4</v>
      </c>
      <c r="ED26" s="73">
        <v>6</v>
      </c>
      <c r="EE26" s="70">
        <v>1</v>
      </c>
      <c r="EF26" s="71">
        <v>1</v>
      </c>
      <c r="EG26" s="72">
        <v>2</v>
      </c>
      <c r="EH26" s="244"/>
      <c r="EI26" s="71">
        <v>1</v>
      </c>
      <c r="EJ26" s="71">
        <v>2</v>
      </c>
      <c r="EK26" s="71">
        <v>0</v>
      </c>
      <c r="EL26" s="71">
        <v>1</v>
      </c>
      <c r="EM26" s="71">
        <v>1</v>
      </c>
      <c r="EN26" s="72">
        <v>5</v>
      </c>
      <c r="EO26" s="73">
        <v>7</v>
      </c>
      <c r="EP26" s="70">
        <v>1</v>
      </c>
      <c r="EQ26" s="71">
        <v>1</v>
      </c>
      <c r="ER26" s="72">
        <v>2</v>
      </c>
      <c r="ES26" s="244"/>
      <c r="ET26" s="71">
        <v>2</v>
      </c>
      <c r="EU26" s="71">
        <v>0</v>
      </c>
      <c r="EV26" s="71">
        <v>0</v>
      </c>
      <c r="EW26" s="71">
        <v>0</v>
      </c>
      <c r="EX26" s="71">
        <v>0</v>
      </c>
      <c r="EY26" s="72">
        <v>2</v>
      </c>
      <c r="EZ26" s="73">
        <v>4</v>
      </c>
      <c r="FA26" s="70">
        <v>0</v>
      </c>
      <c r="FB26" s="71">
        <v>1</v>
      </c>
      <c r="FC26" s="72">
        <v>1</v>
      </c>
      <c r="FD26" s="244"/>
      <c r="FE26" s="71">
        <v>3</v>
      </c>
      <c r="FF26" s="71">
        <v>1</v>
      </c>
      <c r="FG26" s="71">
        <v>0</v>
      </c>
      <c r="FH26" s="71">
        <v>3</v>
      </c>
      <c r="FI26" s="71">
        <v>1</v>
      </c>
      <c r="FJ26" s="72">
        <v>8</v>
      </c>
      <c r="FK26" s="73">
        <v>9</v>
      </c>
      <c r="FL26" s="70">
        <v>0</v>
      </c>
      <c r="FM26" s="71">
        <v>0</v>
      </c>
      <c r="FN26" s="72">
        <v>0</v>
      </c>
      <c r="FO26" s="244"/>
      <c r="FP26" s="71">
        <v>0</v>
      </c>
      <c r="FQ26" s="71">
        <v>0</v>
      </c>
      <c r="FR26" s="71">
        <v>1</v>
      </c>
      <c r="FS26" s="71">
        <v>1</v>
      </c>
      <c r="FT26" s="71">
        <v>1</v>
      </c>
      <c r="FU26" s="72">
        <v>3</v>
      </c>
      <c r="FV26" s="73">
        <v>3</v>
      </c>
      <c r="FW26" s="70">
        <v>0</v>
      </c>
      <c r="FX26" s="71">
        <v>0</v>
      </c>
      <c r="FY26" s="72">
        <v>0</v>
      </c>
      <c r="FZ26" s="244"/>
      <c r="GA26" s="71">
        <v>0</v>
      </c>
      <c r="GB26" s="71">
        <v>0</v>
      </c>
      <c r="GC26" s="71">
        <v>0</v>
      </c>
      <c r="GD26" s="71">
        <v>0</v>
      </c>
      <c r="GE26" s="71">
        <v>0</v>
      </c>
      <c r="GF26" s="72">
        <v>0</v>
      </c>
      <c r="GG26" s="73">
        <v>0</v>
      </c>
      <c r="GH26" s="70">
        <v>3</v>
      </c>
      <c r="GI26" s="71">
        <v>4</v>
      </c>
      <c r="GJ26" s="72">
        <v>7</v>
      </c>
      <c r="GK26" s="244"/>
      <c r="GL26" s="71">
        <v>7</v>
      </c>
      <c r="GM26" s="71">
        <v>3</v>
      </c>
      <c r="GN26" s="71">
        <v>2</v>
      </c>
      <c r="GO26" s="71">
        <v>6</v>
      </c>
      <c r="GP26" s="71">
        <v>4</v>
      </c>
      <c r="GQ26" s="72">
        <v>22</v>
      </c>
      <c r="GR26" s="73">
        <v>29</v>
      </c>
      <c r="GS26" s="123">
        <v>35</v>
      </c>
      <c r="GT26" s="82">
        <v>36</v>
      </c>
      <c r="GU26" s="83">
        <v>71</v>
      </c>
      <c r="GV26" s="241"/>
      <c r="GW26" s="82">
        <v>63</v>
      </c>
      <c r="GX26" s="82">
        <v>37</v>
      </c>
      <c r="GY26" s="82">
        <v>20</v>
      </c>
      <c r="GZ26" s="82">
        <v>27</v>
      </c>
      <c r="HA26" s="82">
        <v>11</v>
      </c>
      <c r="HB26" s="84">
        <v>158</v>
      </c>
      <c r="HC26" s="85">
        <v>229</v>
      </c>
      <c r="HD26" s="70">
        <v>0</v>
      </c>
      <c r="HE26" s="71">
        <v>0</v>
      </c>
      <c r="HF26" s="72">
        <v>0</v>
      </c>
      <c r="HG26" s="244"/>
      <c r="HH26" s="71">
        <v>2</v>
      </c>
      <c r="HI26" s="71">
        <v>1</v>
      </c>
      <c r="HJ26" s="71">
        <v>1</v>
      </c>
      <c r="HK26" s="71">
        <v>0</v>
      </c>
      <c r="HL26" s="71">
        <v>0</v>
      </c>
      <c r="HM26" s="72">
        <v>4</v>
      </c>
      <c r="HN26" s="73">
        <v>4</v>
      </c>
      <c r="HO26" s="70">
        <v>3</v>
      </c>
      <c r="HP26" s="71">
        <v>2</v>
      </c>
      <c r="HQ26" s="72">
        <v>5</v>
      </c>
      <c r="HR26" s="244"/>
      <c r="HS26" s="71">
        <v>2</v>
      </c>
      <c r="HT26" s="71">
        <v>2</v>
      </c>
      <c r="HU26" s="71">
        <v>1</v>
      </c>
      <c r="HV26" s="71">
        <v>3</v>
      </c>
      <c r="HW26" s="71">
        <v>2</v>
      </c>
      <c r="HX26" s="72">
        <v>10</v>
      </c>
      <c r="HY26" s="73">
        <v>15</v>
      </c>
      <c r="HZ26" s="70">
        <v>8</v>
      </c>
      <c r="IA26" s="71">
        <v>3</v>
      </c>
      <c r="IB26" s="72">
        <v>11</v>
      </c>
      <c r="IC26" s="244"/>
      <c r="ID26" s="71">
        <v>8</v>
      </c>
      <c r="IE26" s="71">
        <v>6</v>
      </c>
      <c r="IF26" s="71">
        <v>1</v>
      </c>
      <c r="IG26" s="71">
        <v>3</v>
      </c>
      <c r="IH26" s="71">
        <v>1</v>
      </c>
      <c r="II26" s="72">
        <v>19</v>
      </c>
      <c r="IJ26" s="73">
        <v>30</v>
      </c>
      <c r="IK26" s="70">
        <v>9</v>
      </c>
      <c r="IL26" s="71">
        <v>14</v>
      </c>
      <c r="IM26" s="72">
        <v>23</v>
      </c>
      <c r="IN26" s="244"/>
      <c r="IO26" s="71">
        <v>18</v>
      </c>
      <c r="IP26" s="71">
        <v>9</v>
      </c>
      <c r="IQ26" s="71">
        <v>6</v>
      </c>
      <c r="IR26" s="71">
        <v>8</v>
      </c>
      <c r="IS26" s="71">
        <v>1</v>
      </c>
      <c r="IT26" s="72">
        <v>42</v>
      </c>
      <c r="IU26" s="73">
        <v>65</v>
      </c>
      <c r="IV26" s="70">
        <v>10</v>
      </c>
      <c r="IW26" s="71">
        <v>12</v>
      </c>
      <c r="IX26" s="72">
        <v>22</v>
      </c>
      <c r="IY26" s="244"/>
      <c r="IZ26" s="71">
        <v>23</v>
      </c>
      <c r="JA26" s="71">
        <v>7</v>
      </c>
      <c r="JB26" s="71">
        <v>3</v>
      </c>
      <c r="JC26" s="71">
        <v>6</v>
      </c>
      <c r="JD26" s="71">
        <v>5</v>
      </c>
      <c r="JE26" s="72">
        <v>44</v>
      </c>
      <c r="JF26" s="73">
        <v>66</v>
      </c>
      <c r="JG26" s="70">
        <v>5</v>
      </c>
      <c r="JH26" s="71">
        <v>5</v>
      </c>
      <c r="JI26" s="72">
        <v>10</v>
      </c>
      <c r="JJ26" s="244"/>
      <c r="JK26" s="71">
        <v>10</v>
      </c>
      <c r="JL26" s="71">
        <v>12</v>
      </c>
      <c r="JM26" s="71">
        <v>8</v>
      </c>
      <c r="JN26" s="71">
        <v>7</v>
      </c>
      <c r="JO26" s="71">
        <v>2</v>
      </c>
      <c r="JP26" s="72">
        <v>39</v>
      </c>
      <c r="JQ26" s="73">
        <v>49</v>
      </c>
      <c r="JR26" s="70">
        <v>0</v>
      </c>
      <c r="JS26" s="71">
        <v>0</v>
      </c>
      <c r="JT26" s="72">
        <v>0</v>
      </c>
      <c r="JU26" s="244"/>
      <c r="JV26" s="71">
        <v>0</v>
      </c>
      <c r="JW26" s="71">
        <v>0</v>
      </c>
      <c r="JX26" s="71">
        <v>0</v>
      </c>
      <c r="JY26" s="71">
        <v>0</v>
      </c>
      <c r="JZ26" s="71">
        <v>0</v>
      </c>
      <c r="KA26" s="72">
        <v>0</v>
      </c>
      <c r="KB26" s="73">
        <v>0</v>
      </c>
      <c r="KC26" s="70">
        <v>35</v>
      </c>
      <c r="KD26" s="71">
        <v>36</v>
      </c>
      <c r="KE26" s="72">
        <v>71</v>
      </c>
      <c r="KF26" s="244"/>
      <c r="KG26" s="71">
        <v>63</v>
      </c>
      <c r="KH26" s="71">
        <v>37</v>
      </c>
      <c r="KI26" s="71">
        <v>20</v>
      </c>
      <c r="KJ26" s="71">
        <v>27</v>
      </c>
      <c r="KK26" s="71">
        <v>11</v>
      </c>
      <c r="KL26" s="72">
        <v>158</v>
      </c>
      <c r="KM26" s="73">
        <v>229</v>
      </c>
    </row>
    <row r="27" spans="2:299" ht="21" customHeight="1" x14ac:dyDescent="0.2">
      <c r="B27" s="126" t="s">
        <v>24</v>
      </c>
      <c r="C27" s="315">
        <v>37</v>
      </c>
      <c r="D27" s="82">
        <v>21</v>
      </c>
      <c r="E27" s="83">
        <v>58</v>
      </c>
      <c r="F27" s="241"/>
      <c r="G27" s="82">
        <v>40</v>
      </c>
      <c r="H27" s="82">
        <v>29</v>
      </c>
      <c r="I27" s="82">
        <v>19</v>
      </c>
      <c r="J27" s="82">
        <v>11</v>
      </c>
      <c r="K27" s="82">
        <v>10</v>
      </c>
      <c r="L27" s="84">
        <v>109</v>
      </c>
      <c r="M27" s="85">
        <v>167</v>
      </c>
      <c r="N27" s="70">
        <v>0</v>
      </c>
      <c r="O27" s="71">
        <v>0</v>
      </c>
      <c r="P27" s="72">
        <v>0</v>
      </c>
      <c r="Q27" s="244"/>
      <c r="R27" s="71">
        <v>0</v>
      </c>
      <c r="S27" s="71">
        <v>0</v>
      </c>
      <c r="T27" s="71">
        <v>0</v>
      </c>
      <c r="U27" s="71">
        <v>0</v>
      </c>
      <c r="V27" s="71">
        <v>0</v>
      </c>
      <c r="W27" s="72">
        <v>0</v>
      </c>
      <c r="X27" s="73">
        <v>0</v>
      </c>
      <c r="Y27" s="70">
        <v>0</v>
      </c>
      <c r="Z27" s="71">
        <v>1</v>
      </c>
      <c r="AA27" s="72">
        <v>1</v>
      </c>
      <c r="AB27" s="244"/>
      <c r="AC27" s="71">
        <v>2</v>
      </c>
      <c r="AD27" s="71">
        <v>3</v>
      </c>
      <c r="AE27" s="71">
        <v>3</v>
      </c>
      <c r="AF27" s="71">
        <v>0</v>
      </c>
      <c r="AG27" s="71">
        <v>1</v>
      </c>
      <c r="AH27" s="72">
        <v>9</v>
      </c>
      <c r="AI27" s="73">
        <v>10</v>
      </c>
      <c r="AJ27" s="70">
        <v>2</v>
      </c>
      <c r="AK27" s="71">
        <v>1</v>
      </c>
      <c r="AL27" s="72">
        <v>3</v>
      </c>
      <c r="AM27" s="244"/>
      <c r="AN27" s="71">
        <v>3</v>
      </c>
      <c r="AO27" s="71">
        <v>1</v>
      </c>
      <c r="AP27" s="71">
        <v>2</v>
      </c>
      <c r="AQ27" s="71">
        <v>1</v>
      </c>
      <c r="AR27" s="71">
        <v>0</v>
      </c>
      <c r="AS27" s="72">
        <v>7</v>
      </c>
      <c r="AT27" s="73">
        <v>10</v>
      </c>
      <c r="AU27" s="70">
        <v>4</v>
      </c>
      <c r="AV27" s="71">
        <v>4</v>
      </c>
      <c r="AW27" s="72">
        <v>8</v>
      </c>
      <c r="AX27" s="244"/>
      <c r="AY27" s="71">
        <v>7</v>
      </c>
      <c r="AZ27" s="71">
        <v>4</v>
      </c>
      <c r="BA27" s="71">
        <v>2</v>
      </c>
      <c r="BB27" s="71">
        <v>1</v>
      </c>
      <c r="BC27" s="71">
        <v>2</v>
      </c>
      <c r="BD27" s="72">
        <v>16</v>
      </c>
      <c r="BE27" s="73">
        <v>24</v>
      </c>
      <c r="BF27" s="70">
        <v>12</v>
      </c>
      <c r="BG27" s="71">
        <v>6</v>
      </c>
      <c r="BH27" s="72">
        <v>18</v>
      </c>
      <c r="BI27" s="244"/>
      <c r="BJ27" s="71">
        <v>14</v>
      </c>
      <c r="BK27" s="71">
        <v>10</v>
      </c>
      <c r="BL27" s="71">
        <v>6</v>
      </c>
      <c r="BM27" s="71">
        <v>6</v>
      </c>
      <c r="BN27" s="71">
        <v>2</v>
      </c>
      <c r="BO27" s="72">
        <v>38</v>
      </c>
      <c r="BP27" s="73">
        <v>56</v>
      </c>
      <c r="BQ27" s="70">
        <v>19</v>
      </c>
      <c r="BR27" s="71">
        <v>9</v>
      </c>
      <c r="BS27" s="72">
        <v>28</v>
      </c>
      <c r="BT27" s="244"/>
      <c r="BU27" s="71">
        <v>14</v>
      </c>
      <c r="BV27" s="71">
        <v>11</v>
      </c>
      <c r="BW27" s="71">
        <v>6</v>
      </c>
      <c r="BX27" s="71">
        <v>3</v>
      </c>
      <c r="BY27" s="71">
        <v>5</v>
      </c>
      <c r="BZ27" s="72">
        <v>39</v>
      </c>
      <c r="CA27" s="73">
        <v>67</v>
      </c>
      <c r="CB27" s="70">
        <v>0</v>
      </c>
      <c r="CC27" s="71">
        <v>0</v>
      </c>
      <c r="CD27" s="72">
        <v>0</v>
      </c>
      <c r="CE27" s="244"/>
      <c r="CF27" s="71">
        <v>0</v>
      </c>
      <c r="CG27" s="71">
        <v>0</v>
      </c>
      <c r="CH27" s="71">
        <v>0</v>
      </c>
      <c r="CI27" s="71">
        <v>0</v>
      </c>
      <c r="CJ27" s="71">
        <v>0</v>
      </c>
      <c r="CK27" s="72">
        <v>0</v>
      </c>
      <c r="CL27" s="73">
        <v>0</v>
      </c>
      <c r="CM27" s="70">
        <v>37</v>
      </c>
      <c r="CN27" s="71">
        <v>21</v>
      </c>
      <c r="CO27" s="72">
        <v>58</v>
      </c>
      <c r="CP27" s="244"/>
      <c r="CQ27" s="71">
        <v>40</v>
      </c>
      <c r="CR27" s="71">
        <v>29</v>
      </c>
      <c r="CS27" s="71">
        <v>19</v>
      </c>
      <c r="CT27" s="71">
        <v>11</v>
      </c>
      <c r="CU27" s="71">
        <v>10</v>
      </c>
      <c r="CV27" s="72">
        <v>109</v>
      </c>
      <c r="CW27" s="73">
        <v>167</v>
      </c>
      <c r="CX27" s="123">
        <v>3</v>
      </c>
      <c r="CY27" s="82">
        <v>3</v>
      </c>
      <c r="CZ27" s="83">
        <v>6</v>
      </c>
      <c r="DA27" s="241"/>
      <c r="DB27" s="82">
        <v>6</v>
      </c>
      <c r="DC27" s="82">
        <v>1</v>
      </c>
      <c r="DD27" s="82">
        <v>6</v>
      </c>
      <c r="DE27" s="82">
        <v>3</v>
      </c>
      <c r="DF27" s="82">
        <v>2</v>
      </c>
      <c r="DG27" s="84">
        <v>18</v>
      </c>
      <c r="DH27" s="85">
        <v>24</v>
      </c>
      <c r="DI27" s="70">
        <v>0</v>
      </c>
      <c r="DJ27" s="71">
        <v>0</v>
      </c>
      <c r="DK27" s="72">
        <v>0</v>
      </c>
      <c r="DL27" s="244"/>
      <c r="DM27" s="71">
        <v>0</v>
      </c>
      <c r="DN27" s="71">
        <v>0</v>
      </c>
      <c r="DO27" s="71">
        <v>0</v>
      </c>
      <c r="DP27" s="71">
        <v>0</v>
      </c>
      <c r="DQ27" s="71">
        <v>0</v>
      </c>
      <c r="DR27" s="72">
        <v>0</v>
      </c>
      <c r="DS27" s="73">
        <v>0</v>
      </c>
      <c r="DT27" s="70">
        <v>0</v>
      </c>
      <c r="DU27" s="71">
        <v>0</v>
      </c>
      <c r="DV27" s="72">
        <v>0</v>
      </c>
      <c r="DW27" s="244"/>
      <c r="DX27" s="71">
        <v>0</v>
      </c>
      <c r="DY27" s="71">
        <v>0</v>
      </c>
      <c r="DZ27" s="71">
        <v>0</v>
      </c>
      <c r="EA27" s="71">
        <v>0</v>
      </c>
      <c r="EB27" s="71">
        <v>0</v>
      </c>
      <c r="EC27" s="72">
        <v>0</v>
      </c>
      <c r="ED27" s="73">
        <v>0</v>
      </c>
      <c r="EE27" s="70">
        <v>0</v>
      </c>
      <c r="EF27" s="71">
        <v>1</v>
      </c>
      <c r="EG27" s="72">
        <v>1</v>
      </c>
      <c r="EH27" s="244"/>
      <c r="EI27" s="71">
        <v>0</v>
      </c>
      <c r="EJ27" s="71">
        <v>0</v>
      </c>
      <c r="EK27" s="71">
        <v>1</v>
      </c>
      <c r="EL27" s="71">
        <v>0</v>
      </c>
      <c r="EM27" s="71">
        <v>0</v>
      </c>
      <c r="EN27" s="72">
        <v>1</v>
      </c>
      <c r="EO27" s="73">
        <v>2</v>
      </c>
      <c r="EP27" s="70">
        <v>0</v>
      </c>
      <c r="EQ27" s="71">
        <v>0</v>
      </c>
      <c r="ER27" s="72">
        <v>0</v>
      </c>
      <c r="ES27" s="244"/>
      <c r="ET27" s="71">
        <v>1</v>
      </c>
      <c r="EU27" s="71">
        <v>0</v>
      </c>
      <c r="EV27" s="71">
        <v>1</v>
      </c>
      <c r="EW27" s="71">
        <v>1</v>
      </c>
      <c r="EX27" s="71">
        <v>0</v>
      </c>
      <c r="EY27" s="72">
        <v>3</v>
      </c>
      <c r="EZ27" s="73">
        <v>3</v>
      </c>
      <c r="FA27" s="70">
        <v>3</v>
      </c>
      <c r="FB27" s="71">
        <v>2</v>
      </c>
      <c r="FC27" s="72">
        <v>5</v>
      </c>
      <c r="FD27" s="244"/>
      <c r="FE27" s="71">
        <v>1</v>
      </c>
      <c r="FF27" s="71">
        <v>1</v>
      </c>
      <c r="FG27" s="71">
        <v>2</v>
      </c>
      <c r="FH27" s="71">
        <v>1</v>
      </c>
      <c r="FI27" s="71">
        <v>0</v>
      </c>
      <c r="FJ27" s="72">
        <v>5</v>
      </c>
      <c r="FK27" s="73">
        <v>10</v>
      </c>
      <c r="FL27" s="70">
        <v>0</v>
      </c>
      <c r="FM27" s="71">
        <v>0</v>
      </c>
      <c r="FN27" s="72">
        <v>0</v>
      </c>
      <c r="FO27" s="244"/>
      <c r="FP27" s="71">
        <v>4</v>
      </c>
      <c r="FQ27" s="71">
        <v>0</v>
      </c>
      <c r="FR27" s="71">
        <v>2</v>
      </c>
      <c r="FS27" s="71">
        <v>1</v>
      </c>
      <c r="FT27" s="71">
        <v>2</v>
      </c>
      <c r="FU27" s="72">
        <v>9</v>
      </c>
      <c r="FV27" s="73">
        <v>9</v>
      </c>
      <c r="FW27" s="70">
        <v>0</v>
      </c>
      <c r="FX27" s="71">
        <v>0</v>
      </c>
      <c r="FY27" s="72">
        <v>0</v>
      </c>
      <c r="FZ27" s="244"/>
      <c r="GA27" s="71">
        <v>0</v>
      </c>
      <c r="GB27" s="71">
        <v>0</v>
      </c>
      <c r="GC27" s="71">
        <v>0</v>
      </c>
      <c r="GD27" s="71">
        <v>0</v>
      </c>
      <c r="GE27" s="71">
        <v>0</v>
      </c>
      <c r="GF27" s="72">
        <v>0</v>
      </c>
      <c r="GG27" s="73">
        <v>0</v>
      </c>
      <c r="GH27" s="70">
        <v>3</v>
      </c>
      <c r="GI27" s="71">
        <v>3</v>
      </c>
      <c r="GJ27" s="72">
        <v>6</v>
      </c>
      <c r="GK27" s="244"/>
      <c r="GL27" s="71">
        <v>6</v>
      </c>
      <c r="GM27" s="71">
        <v>1</v>
      </c>
      <c r="GN27" s="71">
        <v>6</v>
      </c>
      <c r="GO27" s="71">
        <v>3</v>
      </c>
      <c r="GP27" s="71">
        <v>2</v>
      </c>
      <c r="GQ27" s="72">
        <v>18</v>
      </c>
      <c r="GR27" s="73">
        <v>24</v>
      </c>
      <c r="GS27" s="123">
        <v>40</v>
      </c>
      <c r="GT27" s="82">
        <v>24</v>
      </c>
      <c r="GU27" s="83">
        <v>64</v>
      </c>
      <c r="GV27" s="241"/>
      <c r="GW27" s="82">
        <v>46</v>
      </c>
      <c r="GX27" s="82">
        <v>30</v>
      </c>
      <c r="GY27" s="82">
        <v>25</v>
      </c>
      <c r="GZ27" s="82">
        <v>14</v>
      </c>
      <c r="HA27" s="82">
        <v>12</v>
      </c>
      <c r="HB27" s="84">
        <v>127</v>
      </c>
      <c r="HC27" s="85">
        <v>191</v>
      </c>
      <c r="HD27" s="70">
        <v>0</v>
      </c>
      <c r="HE27" s="71">
        <v>0</v>
      </c>
      <c r="HF27" s="72">
        <v>0</v>
      </c>
      <c r="HG27" s="244"/>
      <c r="HH27" s="71">
        <v>0</v>
      </c>
      <c r="HI27" s="71">
        <v>0</v>
      </c>
      <c r="HJ27" s="71">
        <v>0</v>
      </c>
      <c r="HK27" s="71">
        <v>0</v>
      </c>
      <c r="HL27" s="71">
        <v>0</v>
      </c>
      <c r="HM27" s="72">
        <v>0</v>
      </c>
      <c r="HN27" s="73">
        <v>0</v>
      </c>
      <c r="HO27" s="70">
        <v>0</v>
      </c>
      <c r="HP27" s="71">
        <v>1</v>
      </c>
      <c r="HQ27" s="72">
        <v>1</v>
      </c>
      <c r="HR27" s="244"/>
      <c r="HS27" s="71">
        <v>2</v>
      </c>
      <c r="HT27" s="71">
        <v>3</v>
      </c>
      <c r="HU27" s="71">
        <v>3</v>
      </c>
      <c r="HV27" s="71">
        <v>0</v>
      </c>
      <c r="HW27" s="71">
        <v>1</v>
      </c>
      <c r="HX27" s="72">
        <v>9</v>
      </c>
      <c r="HY27" s="73">
        <v>10</v>
      </c>
      <c r="HZ27" s="70">
        <v>2</v>
      </c>
      <c r="IA27" s="71">
        <v>2</v>
      </c>
      <c r="IB27" s="72">
        <v>4</v>
      </c>
      <c r="IC27" s="244"/>
      <c r="ID27" s="71">
        <v>3</v>
      </c>
      <c r="IE27" s="71">
        <v>1</v>
      </c>
      <c r="IF27" s="71">
        <v>3</v>
      </c>
      <c r="IG27" s="71">
        <v>1</v>
      </c>
      <c r="IH27" s="71">
        <v>0</v>
      </c>
      <c r="II27" s="72">
        <v>8</v>
      </c>
      <c r="IJ27" s="73">
        <v>12</v>
      </c>
      <c r="IK27" s="70">
        <v>4</v>
      </c>
      <c r="IL27" s="71">
        <v>4</v>
      </c>
      <c r="IM27" s="72">
        <v>8</v>
      </c>
      <c r="IN27" s="244"/>
      <c r="IO27" s="71">
        <v>8</v>
      </c>
      <c r="IP27" s="71">
        <v>4</v>
      </c>
      <c r="IQ27" s="71">
        <v>3</v>
      </c>
      <c r="IR27" s="71">
        <v>2</v>
      </c>
      <c r="IS27" s="71">
        <v>2</v>
      </c>
      <c r="IT27" s="72">
        <v>19</v>
      </c>
      <c r="IU27" s="73">
        <v>27</v>
      </c>
      <c r="IV27" s="70">
        <v>15</v>
      </c>
      <c r="IW27" s="71">
        <v>8</v>
      </c>
      <c r="IX27" s="72">
        <v>23</v>
      </c>
      <c r="IY27" s="244"/>
      <c r="IZ27" s="71">
        <v>15</v>
      </c>
      <c r="JA27" s="71">
        <v>11</v>
      </c>
      <c r="JB27" s="71">
        <v>8</v>
      </c>
      <c r="JC27" s="71">
        <v>7</v>
      </c>
      <c r="JD27" s="71">
        <v>2</v>
      </c>
      <c r="JE27" s="72">
        <v>43</v>
      </c>
      <c r="JF27" s="73">
        <v>66</v>
      </c>
      <c r="JG27" s="70">
        <v>19</v>
      </c>
      <c r="JH27" s="71">
        <v>9</v>
      </c>
      <c r="JI27" s="72">
        <v>28</v>
      </c>
      <c r="JJ27" s="244"/>
      <c r="JK27" s="71">
        <v>18</v>
      </c>
      <c r="JL27" s="71">
        <v>11</v>
      </c>
      <c r="JM27" s="71">
        <v>8</v>
      </c>
      <c r="JN27" s="71">
        <v>4</v>
      </c>
      <c r="JO27" s="71">
        <v>7</v>
      </c>
      <c r="JP27" s="72">
        <v>48</v>
      </c>
      <c r="JQ27" s="73">
        <v>76</v>
      </c>
      <c r="JR27" s="70">
        <v>0</v>
      </c>
      <c r="JS27" s="71">
        <v>0</v>
      </c>
      <c r="JT27" s="72">
        <v>0</v>
      </c>
      <c r="JU27" s="244"/>
      <c r="JV27" s="71">
        <v>0</v>
      </c>
      <c r="JW27" s="71">
        <v>0</v>
      </c>
      <c r="JX27" s="71">
        <v>0</v>
      </c>
      <c r="JY27" s="71">
        <v>0</v>
      </c>
      <c r="JZ27" s="71">
        <v>0</v>
      </c>
      <c r="KA27" s="72">
        <v>0</v>
      </c>
      <c r="KB27" s="73">
        <v>0</v>
      </c>
      <c r="KC27" s="70">
        <v>40</v>
      </c>
      <c r="KD27" s="71">
        <v>24</v>
      </c>
      <c r="KE27" s="72">
        <v>64</v>
      </c>
      <c r="KF27" s="244"/>
      <c r="KG27" s="71">
        <v>46</v>
      </c>
      <c r="KH27" s="71">
        <v>30</v>
      </c>
      <c r="KI27" s="71">
        <v>25</v>
      </c>
      <c r="KJ27" s="71">
        <v>14</v>
      </c>
      <c r="KK27" s="71">
        <v>12</v>
      </c>
      <c r="KL27" s="72">
        <v>127</v>
      </c>
      <c r="KM27" s="73">
        <v>191</v>
      </c>
    </row>
    <row r="28" spans="2:299" ht="21" customHeight="1" x14ac:dyDescent="0.2">
      <c r="B28" s="126" t="s">
        <v>25</v>
      </c>
      <c r="C28" s="315">
        <v>16</v>
      </c>
      <c r="D28" s="82">
        <v>22</v>
      </c>
      <c r="E28" s="83">
        <v>38</v>
      </c>
      <c r="F28" s="241"/>
      <c r="G28" s="82">
        <v>28</v>
      </c>
      <c r="H28" s="82">
        <v>13</v>
      </c>
      <c r="I28" s="82">
        <v>15</v>
      </c>
      <c r="J28" s="82">
        <v>13</v>
      </c>
      <c r="K28" s="82">
        <v>8</v>
      </c>
      <c r="L28" s="84">
        <v>77</v>
      </c>
      <c r="M28" s="85">
        <v>115</v>
      </c>
      <c r="N28" s="70">
        <v>0</v>
      </c>
      <c r="O28" s="71">
        <v>1</v>
      </c>
      <c r="P28" s="72">
        <v>1</v>
      </c>
      <c r="Q28" s="244"/>
      <c r="R28" s="71">
        <v>2</v>
      </c>
      <c r="S28" s="71">
        <v>0</v>
      </c>
      <c r="T28" s="71">
        <v>0</v>
      </c>
      <c r="U28" s="71">
        <v>0</v>
      </c>
      <c r="V28" s="71">
        <v>0</v>
      </c>
      <c r="W28" s="72">
        <v>2</v>
      </c>
      <c r="X28" s="73">
        <v>3</v>
      </c>
      <c r="Y28" s="70">
        <v>1</v>
      </c>
      <c r="Z28" s="71">
        <v>3</v>
      </c>
      <c r="AA28" s="72">
        <v>4</v>
      </c>
      <c r="AB28" s="244"/>
      <c r="AC28" s="71">
        <v>4</v>
      </c>
      <c r="AD28" s="71">
        <v>0</v>
      </c>
      <c r="AE28" s="71">
        <v>0</v>
      </c>
      <c r="AF28" s="71">
        <v>1</v>
      </c>
      <c r="AG28" s="71">
        <v>0</v>
      </c>
      <c r="AH28" s="72">
        <v>5</v>
      </c>
      <c r="AI28" s="73">
        <v>9</v>
      </c>
      <c r="AJ28" s="70">
        <v>3</v>
      </c>
      <c r="AK28" s="71">
        <v>4</v>
      </c>
      <c r="AL28" s="72">
        <v>7</v>
      </c>
      <c r="AM28" s="244"/>
      <c r="AN28" s="71">
        <v>2</v>
      </c>
      <c r="AO28" s="71">
        <v>2</v>
      </c>
      <c r="AP28" s="71">
        <v>1</v>
      </c>
      <c r="AQ28" s="71">
        <v>3</v>
      </c>
      <c r="AR28" s="71">
        <v>0</v>
      </c>
      <c r="AS28" s="72">
        <v>8</v>
      </c>
      <c r="AT28" s="73">
        <v>15</v>
      </c>
      <c r="AU28" s="70">
        <v>2</v>
      </c>
      <c r="AV28" s="71">
        <v>7</v>
      </c>
      <c r="AW28" s="72">
        <v>9</v>
      </c>
      <c r="AX28" s="244"/>
      <c r="AY28" s="71">
        <v>5</v>
      </c>
      <c r="AZ28" s="71">
        <v>2</v>
      </c>
      <c r="BA28" s="71">
        <v>4</v>
      </c>
      <c r="BB28" s="71">
        <v>2</v>
      </c>
      <c r="BC28" s="71">
        <v>2</v>
      </c>
      <c r="BD28" s="72">
        <v>15</v>
      </c>
      <c r="BE28" s="73">
        <v>24</v>
      </c>
      <c r="BF28" s="70">
        <v>4</v>
      </c>
      <c r="BG28" s="71">
        <v>5</v>
      </c>
      <c r="BH28" s="72">
        <v>9</v>
      </c>
      <c r="BI28" s="244"/>
      <c r="BJ28" s="71">
        <v>9</v>
      </c>
      <c r="BK28" s="71">
        <v>5</v>
      </c>
      <c r="BL28" s="71">
        <v>5</v>
      </c>
      <c r="BM28" s="71">
        <v>3</v>
      </c>
      <c r="BN28" s="71">
        <v>4</v>
      </c>
      <c r="BO28" s="72">
        <v>26</v>
      </c>
      <c r="BP28" s="73">
        <v>35</v>
      </c>
      <c r="BQ28" s="70">
        <v>6</v>
      </c>
      <c r="BR28" s="71">
        <v>2</v>
      </c>
      <c r="BS28" s="72">
        <v>8</v>
      </c>
      <c r="BT28" s="244"/>
      <c r="BU28" s="71">
        <v>6</v>
      </c>
      <c r="BV28" s="71">
        <v>4</v>
      </c>
      <c r="BW28" s="71">
        <v>5</v>
      </c>
      <c r="BX28" s="71">
        <v>4</v>
      </c>
      <c r="BY28" s="71">
        <v>2</v>
      </c>
      <c r="BZ28" s="72">
        <v>21</v>
      </c>
      <c r="CA28" s="73">
        <v>29</v>
      </c>
      <c r="CB28" s="70">
        <v>0</v>
      </c>
      <c r="CC28" s="71">
        <v>0</v>
      </c>
      <c r="CD28" s="72">
        <v>0</v>
      </c>
      <c r="CE28" s="244"/>
      <c r="CF28" s="71">
        <v>0</v>
      </c>
      <c r="CG28" s="71">
        <v>0</v>
      </c>
      <c r="CH28" s="71">
        <v>0</v>
      </c>
      <c r="CI28" s="71">
        <v>0</v>
      </c>
      <c r="CJ28" s="71">
        <v>0</v>
      </c>
      <c r="CK28" s="72">
        <v>0</v>
      </c>
      <c r="CL28" s="73">
        <v>0</v>
      </c>
      <c r="CM28" s="70">
        <v>16</v>
      </c>
      <c r="CN28" s="71">
        <v>22</v>
      </c>
      <c r="CO28" s="72">
        <v>38</v>
      </c>
      <c r="CP28" s="244"/>
      <c r="CQ28" s="71">
        <v>28</v>
      </c>
      <c r="CR28" s="71">
        <v>13</v>
      </c>
      <c r="CS28" s="71">
        <v>15</v>
      </c>
      <c r="CT28" s="71">
        <v>13</v>
      </c>
      <c r="CU28" s="71">
        <v>8</v>
      </c>
      <c r="CV28" s="72">
        <v>77</v>
      </c>
      <c r="CW28" s="73">
        <v>115</v>
      </c>
      <c r="CX28" s="123">
        <v>3</v>
      </c>
      <c r="CY28" s="82">
        <v>4</v>
      </c>
      <c r="CZ28" s="83">
        <v>7</v>
      </c>
      <c r="DA28" s="241"/>
      <c r="DB28" s="82">
        <v>3</v>
      </c>
      <c r="DC28" s="82">
        <v>3</v>
      </c>
      <c r="DD28" s="82">
        <v>0</v>
      </c>
      <c r="DE28" s="82">
        <v>0</v>
      </c>
      <c r="DF28" s="82">
        <v>0</v>
      </c>
      <c r="DG28" s="84">
        <v>6</v>
      </c>
      <c r="DH28" s="85">
        <v>13</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0</v>
      </c>
      <c r="DZ28" s="71">
        <v>0</v>
      </c>
      <c r="EA28" s="71">
        <v>0</v>
      </c>
      <c r="EB28" s="71">
        <v>0</v>
      </c>
      <c r="EC28" s="72">
        <v>0</v>
      </c>
      <c r="ED28" s="73">
        <v>0</v>
      </c>
      <c r="EE28" s="70">
        <v>0</v>
      </c>
      <c r="EF28" s="71">
        <v>1</v>
      </c>
      <c r="EG28" s="72">
        <v>1</v>
      </c>
      <c r="EH28" s="244"/>
      <c r="EI28" s="71">
        <v>0</v>
      </c>
      <c r="EJ28" s="71">
        <v>1</v>
      </c>
      <c r="EK28" s="71">
        <v>0</v>
      </c>
      <c r="EL28" s="71">
        <v>0</v>
      </c>
      <c r="EM28" s="71">
        <v>0</v>
      </c>
      <c r="EN28" s="72">
        <v>1</v>
      </c>
      <c r="EO28" s="73">
        <v>2</v>
      </c>
      <c r="EP28" s="70">
        <v>0</v>
      </c>
      <c r="EQ28" s="71">
        <v>2</v>
      </c>
      <c r="ER28" s="72">
        <v>2</v>
      </c>
      <c r="ES28" s="244"/>
      <c r="ET28" s="71">
        <v>0</v>
      </c>
      <c r="EU28" s="71">
        <v>1</v>
      </c>
      <c r="EV28" s="71">
        <v>0</v>
      </c>
      <c r="EW28" s="71">
        <v>0</v>
      </c>
      <c r="EX28" s="71">
        <v>0</v>
      </c>
      <c r="EY28" s="72">
        <v>1</v>
      </c>
      <c r="EZ28" s="73">
        <v>3</v>
      </c>
      <c r="FA28" s="70">
        <v>1</v>
      </c>
      <c r="FB28" s="71">
        <v>1</v>
      </c>
      <c r="FC28" s="72">
        <v>2</v>
      </c>
      <c r="FD28" s="244"/>
      <c r="FE28" s="71">
        <v>1</v>
      </c>
      <c r="FF28" s="71">
        <v>0</v>
      </c>
      <c r="FG28" s="71">
        <v>0</v>
      </c>
      <c r="FH28" s="71">
        <v>0</v>
      </c>
      <c r="FI28" s="71">
        <v>0</v>
      </c>
      <c r="FJ28" s="72">
        <v>1</v>
      </c>
      <c r="FK28" s="73">
        <v>3</v>
      </c>
      <c r="FL28" s="70">
        <v>2</v>
      </c>
      <c r="FM28" s="71">
        <v>0</v>
      </c>
      <c r="FN28" s="72">
        <v>2</v>
      </c>
      <c r="FO28" s="244"/>
      <c r="FP28" s="71">
        <v>2</v>
      </c>
      <c r="FQ28" s="71">
        <v>1</v>
      </c>
      <c r="FR28" s="71">
        <v>0</v>
      </c>
      <c r="FS28" s="71">
        <v>0</v>
      </c>
      <c r="FT28" s="71">
        <v>0</v>
      </c>
      <c r="FU28" s="72">
        <v>3</v>
      </c>
      <c r="FV28" s="73">
        <v>5</v>
      </c>
      <c r="FW28" s="70">
        <v>0</v>
      </c>
      <c r="FX28" s="71">
        <v>0</v>
      </c>
      <c r="FY28" s="72">
        <v>0</v>
      </c>
      <c r="FZ28" s="244"/>
      <c r="GA28" s="71">
        <v>0</v>
      </c>
      <c r="GB28" s="71">
        <v>0</v>
      </c>
      <c r="GC28" s="71">
        <v>0</v>
      </c>
      <c r="GD28" s="71">
        <v>0</v>
      </c>
      <c r="GE28" s="71">
        <v>0</v>
      </c>
      <c r="GF28" s="72">
        <v>0</v>
      </c>
      <c r="GG28" s="73">
        <v>0</v>
      </c>
      <c r="GH28" s="70">
        <v>3</v>
      </c>
      <c r="GI28" s="71">
        <v>4</v>
      </c>
      <c r="GJ28" s="72">
        <v>7</v>
      </c>
      <c r="GK28" s="244"/>
      <c r="GL28" s="71">
        <v>3</v>
      </c>
      <c r="GM28" s="71">
        <v>3</v>
      </c>
      <c r="GN28" s="71">
        <v>0</v>
      </c>
      <c r="GO28" s="71">
        <v>0</v>
      </c>
      <c r="GP28" s="71">
        <v>0</v>
      </c>
      <c r="GQ28" s="72">
        <v>6</v>
      </c>
      <c r="GR28" s="73">
        <v>13</v>
      </c>
      <c r="GS28" s="123">
        <v>19</v>
      </c>
      <c r="GT28" s="82">
        <v>26</v>
      </c>
      <c r="GU28" s="83">
        <v>45</v>
      </c>
      <c r="GV28" s="241"/>
      <c r="GW28" s="82">
        <v>31</v>
      </c>
      <c r="GX28" s="82">
        <v>16</v>
      </c>
      <c r="GY28" s="82">
        <v>15</v>
      </c>
      <c r="GZ28" s="82">
        <v>13</v>
      </c>
      <c r="HA28" s="82">
        <v>8</v>
      </c>
      <c r="HB28" s="84">
        <v>83</v>
      </c>
      <c r="HC28" s="85">
        <v>128</v>
      </c>
      <c r="HD28" s="70">
        <v>0</v>
      </c>
      <c r="HE28" s="71">
        <v>1</v>
      </c>
      <c r="HF28" s="72">
        <v>1</v>
      </c>
      <c r="HG28" s="244"/>
      <c r="HH28" s="71">
        <v>2</v>
      </c>
      <c r="HI28" s="71">
        <v>0</v>
      </c>
      <c r="HJ28" s="71">
        <v>0</v>
      </c>
      <c r="HK28" s="71">
        <v>0</v>
      </c>
      <c r="HL28" s="71">
        <v>0</v>
      </c>
      <c r="HM28" s="72">
        <v>2</v>
      </c>
      <c r="HN28" s="73">
        <v>3</v>
      </c>
      <c r="HO28" s="70">
        <v>1</v>
      </c>
      <c r="HP28" s="71">
        <v>3</v>
      </c>
      <c r="HQ28" s="72">
        <v>4</v>
      </c>
      <c r="HR28" s="244"/>
      <c r="HS28" s="71">
        <v>4</v>
      </c>
      <c r="HT28" s="71">
        <v>0</v>
      </c>
      <c r="HU28" s="71">
        <v>0</v>
      </c>
      <c r="HV28" s="71">
        <v>1</v>
      </c>
      <c r="HW28" s="71">
        <v>0</v>
      </c>
      <c r="HX28" s="72">
        <v>5</v>
      </c>
      <c r="HY28" s="73">
        <v>9</v>
      </c>
      <c r="HZ28" s="70">
        <v>3</v>
      </c>
      <c r="IA28" s="71">
        <v>5</v>
      </c>
      <c r="IB28" s="72">
        <v>8</v>
      </c>
      <c r="IC28" s="244"/>
      <c r="ID28" s="71">
        <v>2</v>
      </c>
      <c r="IE28" s="71">
        <v>3</v>
      </c>
      <c r="IF28" s="71">
        <v>1</v>
      </c>
      <c r="IG28" s="71">
        <v>3</v>
      </c>
      <c r="IH28" s="71">
        <v>0</v>
      </c>
      <c r="II28" s="72">
        <v>9</v>
      </c>
      <c r="IJ28" s="73">
        <v>17</v>
      </c>
      <c r="IK28" s="70">
        <v>2</v>
      </c>
      <c r="IL28" s="71">
        <v>9</v>
      </c>
      <c r="IM28" s="72">
        <v>11</v>
      </c>
      <c r="IN28" s="244"/>
      <c r="IO28" s="71">
        <v>5</v>
      </c>
      <c r="IP28" s="71">
        <v>3</v>
      </c>
      <c r="IQ28" s="71">
        <v>4</v>
      </c>
      <c r="IR28" s="71">
        <v>2</v>
      </c>
      <c r="IS28" s="71">
        <v>2</v>
      </c>
      <c r="IT28" s="72">
        <v>16</v>
      </c>
      <c r="IU28" s="73">
        <v>27</v>
      </c>
      <c r="IV28" s="70">
        <v>5</v>
      </c>
      <c r="IW28" s="71">
        <v>6</v>
      </c>
      <c r="IX28" s="72">
        <v>11</v>
      </c>
      <c r="IY28" s="244"/>
      <c r="IZ28" s="71">
        <v>10</v>
      </c>
      <c r="JA28" s="71">
        <v>5</v>
      </c>
      <c r="JB28" s="71">
        <v>5</v>
      </c>
      <c r="JC28" s="71">
        <v>3</v>
      </c>
      <c r="JD28" s="71">
        <v>4</v>
      </c>
      <c r="JE28" s="72">
        <v>27</v>
      </c>
      <c r="JF28" s="73">
        <v>38</v>
      </c>
      <c r="JG28" s="70">
        <v>8</v>
      </c>
      <c r="JH28" s="71">
        <v>2</v>
      </c>
      <c r="JI28" s="72">
        <v>10</v>
      </c>
      <c r="JJ28" s="244"/>
      <c r="JK28" s="71">
        <v>8</v>
      </c>
      <c r="JL28" s="71">
        <v>5</v>
      </c>
      <c r="JM28" s="71">
        <v>5</v>
      </c>
      <c r="JN28" s="71">
        <v>4</v>
      </c>
      <c r="JO28" s="71">
        <v>2</v>
      </c>
      <c r="JP28" s="72">
        <v>24</v>
      </c>
      <c r="JQ28" s="73">
        <v>34</v>
      </c>
      <c r="JR28" s="70">
        <v>0</v>
      </c>
      <c r="JS28" s="71">
        <v>0</v>
      </c>
      <c r="JT28" s="72">
        <v>0</v>
      </c>
      <c r="JU28" s="244"/>
      <c r="JV28" s="71">
        <v>0</v>
      </c>
      <c r="JW28" s="71">
        <v>0</v>
      </c>
      <c r="JX28" s="71">
        <v>0</v>
      </c>
      <c r="JY28" s="71">
        <v>0</v>
      </c>
      <c r="JZ28" s="71">
        <v>0</v>
      </c>
      <c r="KA28" s="72">
        <v>0</v>
      </c>
      <c r="KB28" s="73">
        <v>0</v>
      </c>
      <c r="KC28" s="70">
        <v>19</v>
      </c>
      <c r="KD28" s="71">
        <v>26</v>
      </c>
      <c r="KE28" s="72">
        <v>45</v>
      </c>
      <c r="KF28" s="244"/>
      <c r="KG28" s="71">
        <v>31</v>
      </c>
      <c r="KH28" s="71">
        <v>16</v>
      </c>
      <c r="KI28" s="71">
        <v>15</v>
      </c>
      <c r="KJ28" s="71">
        <v>13</v>
      </c>
      <c r="KK28" s="71">
        <v>8</v>
      </c>
      <c r="KL28" s="72">
        <v>83</v>
      </c>
      <c r="KM28" s="73">
        <v>128</v>
      </c>
    </row>
    <row r="29" spans="2:299" ht="21" customHeight="1" x14ac:dyDescent="0.2">
      <c r="B29" s="126" t="s">
        <v>26</v>
      </c>
      <c r="C29" s="315">
        <v>21</v>
      </c>
      <c r="D29" s="82">
        <v>11</v>
      </c>
      <c r="E29" s="83">
        <v>32</v>
      </c>
      <c r="F29" s="241"/>
      <c r="G29" s="82">
        <v>25</v>
      </c>
      <c r="H29" s="82">
        <v>26</v>
      </c>
      <c r="I29" s="82">
        <v>19</v>
      </c>
      <c r="J29" s="82">
        <v>13</v>
      </c>
      <c r="K29" s="82">
        <v>3</v>
      </c>
      <c r="L29" s="84">
        <v>86</v>
      </c>
      <c r="M29" s="85">
        <v>118</v>
      </c>
      <c r="N29" s="70">
        <v>0</v>
      </c>
      <c r="O29" s="71">
        <v>0</v>
      </c>
      <c r="P29" s="72">
        <v>0</v>
      </c>
      <c r="Q29" s="244"/>
      <c r="R29" s="71">
        <v>1</v>
      </c>
      <c r="S29" s="71">
        <v>0</v>
      </c>
      <c r="T29" s="71">
        <v>0</v>
      </c>
      <c r="U29" s="71">
        <v>0</v>
      </c>
      <c r="V29" s="71">
        <v>0</v>
      </c>
      <c r="W29" s="72">
        <v>1</v>
      </c>
      <c r="X29" s="73">
        <v>1</v>
      </c>
      <c r="Y29" s="70">
        <v>1</v>
      </c>
      <c r="Z29" s="71">
        <v>0</v>
      </c>
      <c r="AA29" s="72">
        <v>1</v>
      </c>
      <c r="AB29" s="244"/>
      <c r="AC29" s="71">
        <v>0</v>
      </c>
      <c r="AD29" s="71">
        <v>2</v>
      </c>
      <c r="AE29" s="71">
        <v>0</v>
      </c>
      <c r="AF29" s="71">
        <v>0</v>
      </c>
      <c r="AG29" s="71">
        <v>0</v>
      </c>
      <c r="AH29" s="72">
        <v>2</v>
      </c>
      <c r="AI29" s="73">
        <v>3</v>
      </c>
      <c r="AJ29" s="70">
        <v>1</v>
      </c>
      <c r="AK29" s="71">
        <v>1</v>
      </c>
      <c r="AL29" s="72">
        <v>2</v>
      </c>
      <c r="AM29" s="244"/>
      <c r="AN29" s="71">
        <v>4</v>
      </c>
      <c r="AO29" s="71">
        <v>3</v>
      </c>
      <c r="AP29" s="71">
        <v>3</v>
      </c>
      <c r="AQ29" s="71">
        <v>1</v>
      </c>
      <c r="AR29" s="71">
        <v>0</v>
      </c>
      <c r="AS29" s="72">
        <v>11</v>
      </c>
      <c r="AT29" s="73">
        <v>13</v>
      </c>
      <c r="AU29" s="70">
        <v>3</v>
      </c>
      <c r="AV29" s="71">
        <v>2</v>
      </c>
      <c r="AW29" s="72">
        <v>5</v>
      </c>
      <c r="AX29" s="244"/>
      <c r="AY29" s="71">
        <v>9</v>
      </c>
      <c r="AZ29" s="71">
        <v>6</v>
      </c>
      <c r="BA29" s="71">
        <v>4</v>
      </c>
      <c r="BB29" s="71">
        <v>2</v>
      </c>
      <c r="BC29" s="71">
        <v>0</v>
      </c>
      <c r="BD29" s="72">
        <v>21</v>
      </c>
      <c r="BE29" s="73">
        <v>26</v>
      </c>
      <c r="BF29" s="70">
        <v>6</v>
      </c>
      <c r="BG29" s="71">
        <v>5</v>
      </c>
      <c r="BH29" s="72">
        <v>11</v>
      </c>
      <c r="BI29" s="244"/>
      <c r="BJ29" s="71">
        <v>7</v>
      </c>
      <c r="BK29" s="71">
        <v>9</v>
      </c>
      <c r="BL29" s="71">
        <v>7</v>
      </c>
      <c r="BM29" s="71">
        <v>3</v>
      </c>
      <c r="BN29" s="71">
        <v>1</v>
      </c>
      <c r="BO29" s="72">
        <v>27</v>
      </c>
      <c r="BP29" s="73">
        <v>38</v>
      </c>
      <c r="BQ29" s="70">
        <v>10</v>
      </c>
      <c r="BR29" s="71">
        <v>3</v>
      </c>
      <c r="BS29" s="72">
        <v>13</v>
      </c>
      <c r="BT29" s="244"/>
      <c r="BU29" s="71">
        <v>4</v>
      </c>
      <c r="BV29" s="71">
        <v>6</v>
      </c>
      <c r="BW29" s="71">
        <v>5</v>
      </c>
      <c r="BX29" s="71">
        <v>7</v>
      </c>
      <c r="BY29" s="71">
        <v>2</v>
      </c>
      <c r="BZ29" s="72">
        <v>24</v>
      </c>
      <c r="CA29" s="73">
        <v>37</v>
      </c>
      <c r="CB29" s="70">
        <v>0</v>
      </c>
      <c r="CC29" s="71">
        <v>0</v>
      </c>
      <c r="CD29" s="72">
        <v>0</v>
      </c>
      <c r="CE29" s="244"/>
      <c r="CF29" s="71">
        <v>0</v>
      </c>
      <c r="CG29" s="71">
        <v>0</v>
      </c>
      <c r="CH29" s="71">
        <v>0</v>
      </c>
      <c r="CI29" s="71">
        <v>0</v>
      </c>
      <c r="CJ29" s="71">
        <v>0</v>
      </c>
      <c r="CK29" s="72">
        <v>0</v>
      </c>
      <c r="CL29" s="73">
        <v>0</v>
      </c>
      <c r="CM29" s="70">
        <v>21</v>
      </c>
      <c r="CN29" s="71">
        <v>11</v>
      </c>
      <c r="CO29" s="72">
        <v>32</v>
      </c>
      <c r="CP29" s="244"/>
      <c r="CQ29" s="71">
        <v>25</v>
      </c>
      <c r="CR29" s="71">
        <v>26</v>
      </c>
      <c r="CS29" s="71">
        <v>19</v>
      </c>
      <c r="CT29" s="71">
        <v>13</v>
      </c>
      <c r="CU29" s="71">
        <v>3</v>
      </c>
      <c r="CV29" s="72">
        <v>86</v>
      </c>
      <c r="CW29" s="73">
        <v>118</v>
      </c>
      <c r="CX29" s="123">
        <v>1</v>
      </c>
      <c r="CY29" s="82">
        <v>2</v>
      </c>
      <c r="CZ29" s="83">
        <v>3</v>
      </c>
      <c r="DA29" s="241"/>
      <c r="DB29" s="82">
        <v>4</v>
      </c>
      <c r="DC29" s="82">
        <v>4</v>
      </c>
      <c r="DD29" s="82">
        <v>3</v>
      </c>
      <c r="DE29" s="82">
        <v>0</v>
      </c>
      <c r="DF29" s="82">
        <v>0</v>
      </c>
      <c r="DG29" s="84">
        <v>11</v>
      </c>
      <c r="DH29" s="85">
        <v>14</v>
      </c>
      <c r="DI29" s="70">
        <v>0</v>
      </c>
      <c r="DJ29" s="71">
        <v>0</v>
      </c>
      <c r="DK29" s="72">
        <v>0</v>
      </c>
      <c r="DL29" s="244"/>
      <c r="DM29" s="71">
        <v>0</v>
      </c>
      <c r="DN29" s="71">
        <v>0</v>
      </c>
      <c r="DO29" s="71">
        <v>0</v>
      </c>
      <c r="DP29" s="71">
        <v>0</v>
      </c>
      <c r="DQ29" s="71">
        <v>0</v>
      </c>
      <c r="DR29" s="72">
        <v>0</v>
      </c>
      <c r="DS29" s="73">
        <v>0</v>
      </c>
      <c r="DT29" s="70">
        <v>0</v>
      </c>
      <c r="DU29" s="71">
        <v>0</v>
      </c>
      <c r="DV29" s="72">
        <v>0</v>
      </c>
      <c r="DW29" s="244"/>
      <c r="DX29" s="71">
        <v>0</v>
      </c>
      <c r="DY29" s="71">
        <v>0</v>
      </c>
      <c r="DZ29" s="71">
        <v>0</v>
      </c>
      <c r="EA29" s="71">
        <v>0</v>
      </c>
      <c r="EB29" s="71">
        <v>0</v>
      </c>
      <c r="EC29" s="72">
        <v>0</v>
      </c>
      <c r="ED29" s="73">
        <v>0</v>
      </c>
      <c r="EE29" s="70">
        <v>0</v>
      </c>
      <c r="EF29" s="71">
        <v>0</v>
      </c>
      <c r="EG29" s="72">
        <v>0</v>
      </c>
      <c r="EH29" s="244"/>
      <c r="EI29" s="71">
        <v>0</v>
      </c>
      <c r="EJ29" s="71">
        <v>0</v>
      </c>
      <c r="EK29" s="71">
        <v>0</v>
      </c>
      <c r="EL29" s="71">
        <v>0</v>
      </c>
      <c r="EM29" s="71">
        <v>0</v>
      </c>
      <c r="EN29" s="72">
        <v>0</v>
      </c>
      <c r="EO29" s="73">
        <v>0</v>
      </c>
      <c r="EP29" s="70">
        <v>0</v>
      </c>
      <c r="EQ29" s="71">
        <v>0</v>
      </c>
      <c r="ER29" s="72">
        <v>0</v>
      </c>
      <c r="ES29" s="244"/>
      <c r="ET29" s="71">
        <v>0</v>
      </c>
      <c r="EU29" s="71">
        <v>1</v>
      </c>
      <c r="EV29" s="71">
        <v>0</v>
      </c>
      <c r="EW29" s="71">
        <v>0</v>
      </c>
      <c r="EX29" s="71">
        <v>0</v>
      </c>
      <c r="EY29" s="72">
        <v>1</v>
      </c>
      <c r="EZ29" s="73">
        <v>1</v>
      </c>
      <c r="FA29" s="70">
        <v>0</v>
      </c>
      <c r="FB29" s="71">
        <v>1</v>
      </c>
      <c r="FC29" s="72">
        <v>1</v>
      </c>
      <c r="FD29" s="244"/>
      <c r="FE29" s="71">
        <v>2</v>
      </c>
      <c r="FF29" s="71">
        <v>0</v>
      </c>
      <c r="FG29" s="71">
        <v>2</v>
      </c>
      <c r="FH29" s="71">
        <v>0</v>
      </c>
      <c r="FI29" s="71">
        <v>0</v>
      </c>
      <c r="FJ29" s="72">
        <v>4</v>
      </c>
      <c r="FK29" s="73">
        <v>5</v>
      </c>
      <c r="FL29" s="70">
        <v>1</v>
      </c>
      <c r="FM29" s="71">
        <v>1</v>
      </c>
      <c r="FN29" s="72">
        <v>2</v>
      </c>
      <c r="FO29" s="244"/>
      <c r="FP29" s="71">
        <v>2</v>
      </c>
      <c r="FQ29" s="71">
        <v>3</v>
      </c>
      <c r="FR29" s="71">
        <v>1</v>
      </c>
      <c r="FS29" s="71">
        <v>0</v>
      </c>
      <c r="FT29" s="71">
        <v>0</v>
      </c>
      <c r="FU29" s="72">
        <v>6</v>
      </c>
      <c r="FV29" s="73">
        <v>8</v>
      </c>
      <c r="FW29" s="70">
        <v>0</v>
      </c>
      <c r="FX29" s="71">
        <v>0</v>
      </c>
      <c r="FY29" s="72">
        <v>0</v>
      </c>
      <c r="FZ29" s="244"/>
      <c r="GA29" s="71">
        <v>0</v>
      </c>
      <c r="GB29" s="71">
        <v>0</v>
      </c>
      <c r="GC29" s="71">
        <v>0</v>
      </c>
      <c r="GD29" s="71">
        <v>0</v>
      </c>
      <c r="GE29" s="71">
        <v>0</v>
      </c>
      <c r="GF29" s="72">
        <v>0</v>
      </c>
      <c r="GG29" s="73">
        <v>0</v>
      </c>
      <c r="GH29" s="70">
        <v>1</v>
      </c>
      <c r="GI29" s="71">
        <v>2</v>
      </c>
      <c r="GJ29" s="72">
        <v>3</v>
      </c>
      <c r="GK29" s="244"/>
      <c r="GL29" s="71">
        <v>4</v>
      </c>
      <c r="GM29" s="71">
        <v>4</v>
      </c>
      <c r="GN29" s="71">
        <v>3</v>
      </c>
      <c r="GO29" s="71">
        <v>0</v>
      </c>
      <c r="GP29" s="71">
        <v>0</v>
      </c>
      <c r="GQ29" s="72">
        <v>11</v>
      </c>
      <c r="GR29" s="73">
        <v>14</v>
      </c>
      <c r="GS29" s="123">
        <v>22</v>
      </c>
      <c r="GT29" s="82">
        <v>13</v>
      </c>
      <c r="GU29" s="83">
        <v>35</v>
      </c>
      <c r="GV29" s="241"/>
      <c r="GW29" s="82">
        <v>29</v>
      </c>
      <c r="GX29" s="82">
        <v>30</v>
      </c>
      <c r="GY29" s="82">
        <v>22</v>
      </c>
      <c r="GZ29" s="82">
        <v>13</v>
      </c>
      <c r="HA29" s="82">
        <v>3</v>
      </c>
      <c r="HB29" s="84">
        <v>97</v>
      </c>
      <c r="HC29" s="85">
        <v>132</v>
      </c>
      <c r="HD29" s="70">
        <v>0</v>
      </c>
      <c r="HE29" s="71">
        <v>0</v>
      </c>
      <c r="HF29" s="72">
        <v>0</v>
      </c>
      <c r="HG29" s="244"/>
      <c r="HH29" s="71">
        <v>1</v>
      </c>
      <c r="HI29" s="71">
        <v>0</v>
      </c>
      <c r="HJ29" s="71">
        <v>0</v>
      </c>
      <c r="HK29" s="71">
        <v>0</v>
      </c>
      <c r="HL29" s="71">
        <v>0</v>
      </c>
      <c r="HM29" s="72">
        <v>1</v>
      </c>
      <c r="HN29" s="73">
        <v>1</v>
      </c>
      <c r="HO29" s="70">
        <v>1</v>
      </c>
      <c r="HP29" s="71">
        <v>0</v>
      </c>
      <c r="HQ29" s="72">
        <v>1</v>
      </c>
      <c r="HR29" s="244"/>
      <c r="HS29" s="71">
        <v>0</v>
      </c>
      <c r="HT29" s="71">
        <v>2</v>
      </c>
      <c r="HU29" s="71">
        <v>0</v>
      </c>
      <c r="HV29" s="71">
        <v>0</v>
      </c>
      <c r="HW29" s="71">
        <v>0</v>
      </c>
      <c r="HX29" s="72">
        <v>2</v>
      </c>
      <c r="HY29" s="73">
        <v>3</v>
      </c>
      <c r="HZ29" s="70">
        <v>1</v>
      </c>
      <c r="IA29" s="71">
        <v>1</v>
      </c>
      <c r="IB29" s="72">
        <v>2</v>
      </c>
      <c r="IC29" s="244"/>
      <c r="ID29" s="71">
        <v>4</v>
      </c>
      <c r="IE29" s="71">
        <v>3</v>
      </c>
      <c r="IF29" s="71">
        <v>3</v>
      </c>
      <c r="IG29" s="71">
        <v>1</v>
      </c>
      <c r="IH29" s="71">
        <v>0</v>
      </c>
      <c r="II29" s="72">
        <v>11</v>
      </c>
      <c r="IJ29" s="73">
        <v>13</v>
      </c>
      <c r="IK29" s="70">
        <v>3</v>
      </c>
      <c r="IL29" s="71">
        <v>2</v>
      </c>
      <c r="IM29" s="72">
        <v>5</v>
      </c>
      <c r="IN29" s="244"/>
      <c r="IO29" s="71">
        <v>9</v>
      </c>
      <c r="IP29" s="71">
        <v>7</v>
      </c>
      <c r="IQ29" s="71">
        <v>4</v>
      </c>
      <c r="IR29" s="71">
        <v>2</v>
      </c>
      <c r="IS29" s="71">
        <v>0</v>
      </c>
      <c r="IT29" s="72">
        <v>22</v>
      </c>
      <c r="IU29" s="73">
        <v>27</v>
      </c>
      <c r="IV29" s="70">
        <v>6</v>
      </c>
      <c r="IW29" s="71">
        <v>6</v>
      </c>
      <c r="IX29" s="72">
        <v>12</v>
      </c>
      <c r="IY29" s="244"/>
      <c r="IZ29" s="71">
        <v>9</v>
      </c>
      <c r="JA29" s="71">
        <v>9</v>
      </c>
      <c r="JB29" s="71">
        <v>9</v>
      </c>
      <c r="JC29" s="71">
        <v>3</v>
      </c>
      <c r="JD29" s="71">
        <v>1</v>
      </c>
      <c r="JE29" s="72">
        <v>31</v>
      </c>
      <c r="JF29" s="73">
        <v>43</v>
      </c>
      <c r="JG29" s="70">
        <v>11</v>
      </c>
      <c r="JH29" s="71">
        <v>4</v>
      </c>
      <c r="JI29" s="72">
        <v>15</v>
      </c>
      <c r="JJ29" s="244"/>
      <c r="JK29" s="71">
        <v>6</v>
      </c>
      <c r="JL29" s="71">
        <v>9</v>
      </c>
      <c r="JM29" s="71">
        <v>6</v>
      </c>
      <c r="JN29" s="71">
        <v>7</v>
      </c>
      <c r="JO29" s="71">
        <v>2</v>
      </c>
      <c r="JP29" s="72">
        <v>30</v>
      </c>
      <c r="JQ29" s="73">
        <v>45</v>
      </c>
      <c r="JR29" s="70">
        <v>0</v>
      </c>
      <c r="JS29" s="71">
        <v>0</v>
      </c>
      <c r="JT29" s="72">
        <v>0</v>
      </c>
      <c r="JU29" s="244"/>
      <c r="JV29" s="71">
        <v>0</v>
      </c>
      <c r="JW29" s="71">
        <v>0</v>
      </c>
      <c r="JX29" s="71">
        <v>0</v>
      </c>
      <c r="JY29" s="71">
        <v>0</v>
      </c>
      <c r="JZ29" s="71">
        <v>0</v>
      </c>
      <c r="KA29" s="72">
        <v>0</v>
      </c>
      <c r="KB29" s="73">
        <v>0</v>
      </c>
      <c r="KC29" s="70">
        <v>22</v>
      </c>
      <c r="KD29" s="71">
        <v>13</v>
      </c>
      <c r="KE29" s="72">
        <v>35</v>
      </c>
      <c r="KF29" s="244"/>
      <c r="KG29" s="71">
        <v>29</v>
      </c>
      <c r="KH29" s="71">
        <v>30</v>
      </c>
      <c r="KI29" s="71">
        <v>22</v>
      </c>
      <c r="KJ29" s="71">
        <v>13</v>
      </c>
      <c r="KK29" s="71">
        <v>3</v>
      </c>
      <c r="KL29" s="72">
        <v>97</v>
      </c>
      <c r="KM29" s="73">
        <v>132</v>
      </c>
    </row>
    <row r="30" spans="2:299" ht="21" customHeight="1" x14ac:dyDescent="0.2">
      <c r="B30" s="126" t="s">
        <v>27</v>
      </c>
      <c r="C30" s="315">
        <v>15</v>
      </c>
      <c r="D30" s="82">
        <v>23</v>
      </c>
      <c r="E30" s="83">
        <v>38</v>
      </c>
      <c r="F30" s="241"/>
      <c r="G30" s="82">
        <v>17</v>
      </c>
      <c r="H30" s="82">
        <v>18</v>
      </c>
      <c r="I30" s="82">
        <v>20</v>
      </c>
      <c r="J30" s="82">
        <v>14</v>
      </c>
      <c r="K30" s="82">
        <v>6</v>
      </c>
      <c r="L30" s="84">
        <v>75</v>
      </c>
      <c r="M30" s="85">
        <v>113</v>
      </c>
      <c r="N30" s="70">
        <v>0</v>
      </c>
      <c r="O30" s="71">
        <v>0</v>
      </c>
      <c r="P30" s="72">
        <v>0</v>
      </c>
      <c r="Q30" s="244"/>
      <c r="R30" s="71">
        <v>0</v>
      </c>
      <c r="S30" s="71">
        <v>1</v>
      </c>
      <c r="T30" s="71">
        <v>0</v>
      </c>
      <c r="U30" s="71">
        <v>0</v>
      </c>
      <c r="V30" s="71">
        <v>0</v>
      </c>
      <c r="W30" s="72">
        <v>1</v>
      </c>
      <c r="X30" s="73">
        <v>1</v>
      </c>
      <c r="Y30" s="70">
        <v>0</v>
      </c>
      <c r="Z30" s="71">
        <v>1</v>
      </c>
      <c r="AA30" s="72">
        <v>1</v>
      </c>
      <c r="AB30" s="244"/>
      <c r="AC30" s="71">
        <v>0</v>
      </c>
      <c r="AD30" s="71">
        <v>1</v>
      </c>
      <c r="AE30" s="71">
        <v>1</v>
      </c>
      <c r="AF30" s="71">
        <v>0</v>
      </c>
      <c r="AG30" s="71">
        <v>0</v>
      </c>
      <c r="AH30" s="72">
        <v>2</v>
      </c>
      <c r="AI30" s="73">
        <v>3</v>
      </c>
      <c r="AJ30" s="70">
        <v>2</v>
      </c>
      <c r="AK30" s="71">
        <v>2</v>
      </c>
      <c r="AL30" s="72">
        <v>4</v>
      </c>
      <c r="AM30" s="244"/>
      <c r="AN30" s="71">
        <v>0</v>
      </c>
      <c r="AO30" s="71">
        <v>0</v>
      </c>
      <c r="AP30" s="71">
        <v>1</v>
      </c>
      <c r="AQ30" s="71">
        <v>1</v>
      </c>
      <c r="AR30" s="71">
        <v>0</v>
      </c>
      <c r="AS30" s="72">
        <v>2</v>
      </c>
      <c r="AT30" s="73">
        <v>6</v>
      </c>
      <c r="AU30" s="70">
        <v>5</v>
      </c>
      <c r="AV30" s="71">
        <v>3</v>
      </c>
      <c r="AW30" s="72">
        <v>8</v>
      </c>
      <c r="AX30" s="244"/>
      <c r="AY30" s="71">
        <v>6</v>
      </c>
      <c r="AZ30" s="71">
        <v>4</v>
      </c>
      <c r="BA30" s="71">
        <v>6</v>
      </c>
      <c r="BB30" s="71">
        <v>2</v>
      </c>
      <c r="BC30" s="71">
        <v>2</v>
      </c>
      <c r="BD30" s="72">
        <v>20</v>
      </c>
      <c r="BE30" s="73">
        <v>28</v>
      </c>
      <c r="BF30" s="70">
        <v>3</v>
      </c>
      <c r="BG30" s="71">
        <v>9</v>
      </c>
      <c r="BH30" s="72">
        <v>12</v>
      </c>
      <c r="BI30" s="244"/>
      <c r="BJ30" s="71">
        <v>3</v>
      </c>
      <c r="BK30" s="71">
        <v>5</v>
      </c>
      <c r="BL30" s="71">
        <v>7</v>
      </c>
      <c r="BM30" s="71">
        <v>5</v>
      </c>
      <c r="BN30" s="71">
        <v>2</v>
      </c>
      <c r="BO30" s="72">
        <v>22</v>
      </c>
      <c r="BP30" s="73">
        <v>34</v>
      </c>
      <c r="BQ30" s="70">
        <v>5</v>
      </c>
      <c r="BR30" s="71">
        <v>8</v>
      </c>
      <c r="BS30" s="72">
        <v>13</v>
      </c>
      <c r="BT30" s="244"/>
      <c r="BU30" s="71">
        <v>8</v>
      </c>
      <c r="BV30" s="71">
        <v>7</v>
      </c>
      <c r="BW30" s="71">
        <v>5</v>
      </c>
      <c r="BX30" s="71">
        <v>6</v>
      </c>
      <c r="BY30" s="71">
        <v>2</v>
      </c>
      <c r="BZ30" s="72">
        <v>28</v>
      </c>
      <c r="CA30" s="73">
        <v>41</v>
      </c>
      <c r="CB30" s="70">
        <v>0</v>
      </c>
      <c r="CC30" s="71">
        <v>0</v>
      </c>
      <c r="CD30" s="72">
        <v>0</v>
      </c>
      <c r="CE30" s="244"/>
      <c r="CF30" s="71">
        <v>0</v>
      </c>
      <c r="CG30" s="71">
        <v>0</v>
      </c>
      <c r="CH30" s="71">
        <v>0</v>
      </c>
      <c r="CI30" s="71">
        <v>0</v>
      </c>
      <c r="CJ30" s="71">
        <v>0</v>
      </c>
      <c r="CK30" s="72">
        <v>0</v>
      </c>
      <c r="CL30" s="73">
        <v>0</v>
      </c>
      <c r="CM30" s="70">
        <v>15</v>
      </c>
      <c r="CN30" s="71">
        <v>23</v>
      </c>
      <c r="CO30" s="72">
        <v>38</v>
      </c>
      <c r="CP30" s="244"/>
      <c r="CQ30" s="71">
        <v>17</v>
      </c>
      <c r="CR30" s="71">
        <v>18</v>
      </c>
      <c r="CS30" s="71">
        <v>20</v>
      </c>
      <c r="CT30" s="71">
        <v>14</v>
      </c>
      <c r="CU30" s="71">
        <v>6</v>
      </c>
      <c r="CV30" s="72">
        <v>75</v>
      </c>
      <c r="CW30" s="73">
        <v>113</v>
      </c>
      <c r="CX30" s="123">
        <v>3</v>
      </c>
      <c r="CY30" s="82">
        <v>4</v>
      </c>
      <c r="CZ30" s="83">
        <v>7</v>
      </c>
      <c r="DA30" s="241"/>
      <c r="DB30" s="82">
        <v>4</v>
      </c>
      <c r="DC30" s="82">
        <v>2</v>
      </c>
      <c r="DD30" s="82">
        <v>2</v>
      </c>
      <c r="DE30" s="82">
        <v>4</v>
      </c>
      <c r="DF30" s="82">
        <v>1</v>
      </c>
      <c r="DG30" s="84">
        <v>13</v>
      </c>
      <c r="DH30" s="85">
        <v>20</v>
      </c>
      <c r="DI30" s="70">
        <v>0</v>
      </c>
      <c r="DJ30" s="71">
        <v>1</v>
      </c>
      <c r="DK30" s="72">
        <v>1</v>
      </c>
      <c r="DL30" s="244"/>
      <c r="DM30" s="71">
        <v>0</v>
      </c>
      <c r="DN30" s="71">
        <v>0</v>
      </c>
      <c r="DO30" s="71">
        <v>0</v>
      </c>
      <c r="DP30" s="71">
        <v>0</v>
      </c>
      <c r="DQ30" s="71">
        <v>0</v>
      </c>
      <c r="DR30" s="72">
        <v>0</v>
      </c>
      <c r="DS30" s="73">
        <v>1</v>
      </c>
      <c r="DT30" s="70">
        <v>0</v>
      </c>
      <c r="DU30" s="71">
        <v>0</v>
      </c>
      <c r="DV30" s="72">
        <v>0</v>
      </c>
      <c r="DW30" s="244"/>
      <c r="DX30" s="71">
        <v>0</v>
      </c>
      <c r="DY30" s="71">
        <v>0</v>
      </c>
      <c r="DZ30" s="71">
        <v>0</v>
      </c>
      <c r="EA30" s="71">
        <v>0</v>
      </c>
      <c r="EB30" s="71">
        <v>0</v>
      </c>
      <c r="EC30" s="72">
        <v>0</v>
      </c>
      <c r="ED30" s="73">
        <v>0</v>
      </c>
      <c r="EE30" s="70">
        <v>0</v>
      </c>
      <c r="EF30" s="71">
        <v>0</v>
      </c>
      <c r="EG30" s="72">
        <v>0</v>
      </c>
      <c r="EH30" s="244"/>
      <c r="EI30" s="71">
        <v>0</v>
      </c>
      <c r="EJ30" s="71">
        <v>0</v>
      </c>
      <c r="EK30" s="71">
        <v>0</v>
      </c>
      <c r="EL30" s="71">
        <v>0</v>
      </c>
      <c r="EM30" s="71">
        <v>0</v>
      </c>
      <c r="EN30" s="72">
        <v>0</v>
      </c>
      <c r="EO30" s="73">
        <v>0</v>
      </c>
      <c r="EP30" s="70">
        <v>0</v>
      </c>
      <c r="EQ30" s="71">
        <v>0</v>
      </c>
      <c r="ER30" s="72">
        <v>0</v>
      </c>
      <c r="ES30" s="244"/>
      <c r="ET30" s="71">
        <v>1</v>
      </c>
      <c r="EU30" s="71">
        <v>0</v>
      </c>
      <c r="EV30" s="71">
        <v>0</v>
      </c>
      <c r="EW30" s="71">
        <v>0</v>
      </c>
      <c r="EX30" s="71">
        <v>0</v>
      </c>
      <c r="EY30" s="72">
        <v>1</v>
      </c>
      <c r="EZ30" s="73">
        <v>1</v>
      </c>
      <c r="FA30" s="70">
        <v>2</v>
      </c>
      <c r="FB30" s="71">
        <v>0</v>
      </c>
      <c r="FC30" s="72">
        <v>2</v>
      </c>
      <c r="FD30" s="244"/>
      <c r="FE30" s="71">
        <v>2</v>
      </c>
      <c r="FF30" s="71">
        <v>2</v>
      </c>
      <c r="FG30" s="71">
        <v>0</v>
      </c>
      <c r="FH30" s="71">
        <v>0</v>
      </c>
      <c r="FI30" s="71">
        <v>0</v>
      </c>
      <c r="FJ30" s="72">
        <v>4</v>
      </c>
      <c r="FK30" s="73">
        <v>6</v>
      </c>
      <c r="FL30" s="70">
        <v>1</v>
      </c>
      <c r="FM30" s="71">
        <v>3</v>
      </c>
      <c r="FN30" s="72">
        <v>4</v>
      </c>
      <c r="FO30" s="244"/>
      <c r="FP30" s="71">
        <v>1</v>
      </c>
      <c r="FQ30" s="71">
        <v>0</v>
      </c>
      <c r="FR30" s="71">
        <v>2</v>
      </c>
      <c r="FS30" s="71">
        <v>4</v>
      </c>
      <c r="FT30" s="71">
        <v>1</v>
      </c>
      <c r="FU30" s="72">
        <v>8</v>
      </c>
      <c r="FV30" s="73">
        <v>12</v>
      </c>
      <c r="FW30" s="70">
        <v>0</v>
      </c>
      <c r="FX30" s="71">
        <v>0</v>
      </c>
      <c r="FY30" s="72">
        <v>0</v>
      </c>
      <c r="FZ30" s="244"/>
      <c r="GA30" s="71">
        <v>0</v>
      </c>
      <c r="GB30" s="71">
        <v>0</v>
      </c>
      <c r="GC30" s="71">
        <v>0</v>
      </c>
      <c r="GD30" s="71">
        <v>0</v>
      </c>
      <c r="GE30" s="71">
        <v>0</v>
      </c>
      <c r="GF30" s="72">
        <v>0</v>
      </c>
      <c r="GG30" s="73">
        <v>0</v>
      </c>
      <c r="GH30" s="70">
        <v>3</v>
      </c>
      <c r="GI30" s="71">
        <v>4</v>
      </c>
      <c r="GJ30" s="72">
        <v>7</v>
      </c>
      <c r="GK30" s="244"/>
      <c r="GL30" s="71">
        <v>4</v>
      </c>
      <c r="GM30" s="71">
        <v>2</v>
      </c>
      <c r="GN30" s="71">
        <v>2</v>
      </c>
      <c r="GO30" s="71">
        <v>4</v>
      </c>
      <c r="GP30" s="71">
        <v>1</v>
      </c>
      <c r="GQ30" s="72">
        <v>13</v>
      </c>
      <c r="GR30" s="73">
        <v>20</v>
      </c>
      <c r="GS30" s="123">
        <v>18</v>
      </c>
      <c r="GT30" s="82">
        <v>27</v>
      </c>
      <c r="GU30" s="83">
        <v>45</v>
      </c>
      <c r="GV30" s="241"/>
      <c r="GW30" s="82">
        <v>21</v>
      </c>
      <c r="GX30" s="82">
        <v>20</v>
      </c>
      <c r="GY30" s="82">
        <v>22</v>
      </c>
      <c r="GZ30" s="82">
        <v>18</v>
      </c>
      <c r="HA30" s="82">
        <v>7</v>
      </c>
      <c r="HB30" s="84">
        <v>88</v>
      </c>
      <c r="HC30" s="85">
        <v>133</v>
      </c>
      <c r="HD30" s="70">
        <v>0</v>
      </c>
      <c r="HE30" s="71">
        <v>1</v>
      </c>
      <c r="HF30" s="72">
        <v>1</v>
      </c>
      <c r="HG30" s="244"/>
      <c r="HH30" s="71">
        <v>0</v>
      </c>
      <c r="HI30" s="71">
        <v>1</v>
      </c>
      <c r="HJ30" s="71">
        <v>0</v>
      </c>
      <c r="HK30" s="71">
        <v>0</v>
      </c>
      <c r="HL30" s="71">
        <v>0</v>
      </c>
      <c r="HM30" s="72">
        <v>1</v>
      </c>
      <c r="HN30" s="73">
        <v>2</v>
      </c>
      <c r="HO30" s="70">
        <v>0</v>
      </c>
      <c r="HP30" s="71">
        <v>1</v>
      </c>
      <c r="HQ30" s="72">
        <v>1</v>
      </c>
      <c r="HR30" s="244"/>
      <c r="HS30" s="71">
        <v>0</v>
      </c>
      <c r="HT30" s="71">
        <v>1</v>
      </c>
      <c r="HU30" s="71">
        <v>1</v>
      </c>
      <c r="HV30" s="71">
        <v>0</v>
      </c>
      <c r="HW30" s="71">
        <v>0</v>
      </c>
      <c r="HX30" s="72">
        <v>2</v>
      </c>
      <c r="HY30" s="73">
        <v>3</v>
      </c>
      <c r="HZ30" s="70">
        <v>2</v>
      </c>
      <c r="IA30" s="71">
        <v>2</v>
      </c>
      <c r="IB30" s="72">
        <v>4</v>
      </c>
      <c r="IC30" s="244"/>
      <c r="ID30" s="71">
        <v>0</v>
      </c>
      <c r="IE30" s="71">
        <v>0</v>
      </c>
      <c r="IF30" s="71">
        <v>1</v>
      </c>
      <c r="IG30" s="71">
        <v>1</v>
      </c>
      <c r="IH30" s="71">
        <v>0</v>
      </c>
      <c r="II30" s="72">
        <v>2</v>
      </c>
      <c r="IJ30" s="73">
        <v>6</v>
      </c>
      <c r="IK30" s="70">
        <v>5</v>
      </c>
      <c r="IL30" s="71">
        <v>3</v>
      </c>
      <c r="IM30" s="72">
        <v>8</v>
      </c>
      <c r="IN30" s="244"/>
      <c r="IO30" s="71">
        <v>7</v>
      </c>
      <c r="IP30" s="71">
        <v>4</v>
      </c>
      <c r="IQ30" s="71">
        <v>6</v>
      </c>
      <c r="IR30" s="71">
        <v>2</v>
      </c>
      <c r="IS30" s="71">
        <v>2</v>
      </c>
      <c r="IT30" s="72">
        <v>21</v>
      </c>
      <c r="IU30" s="73">
        <v>29</v>
      </c>
      <c r="IV30" s="70">
        <v>5</v>
      </c>
      <c r="IW30" s="71">
        <v>9</v>
      </c>
      <c r="IX30" s="72">
        <v>14</v>
      </c>
      <c r="IY30" s="244"/>
      <c r="IZ30" s="71">
        <v>5</v>
      </c>
      <c r="JA30" s="71">
        <v>7</v>
      </c>
      <c r="JB30" s="71">
        <v>7</v>
      </c>
      <c r="JC30" s="71">
        <v>5</v>
      </c>
      <c r="JD30" s="71">
        <v>2</v>
      </c>
      <c r="JE30" s="72">
        <v>26</v>
      </c>
      <c r="JF30" s="73">
        <v>40</v>
      </c>
      <c r="JG30" s="70">
        <v>6</v>
      </c>
      <c r="JH30" s="71">
        <v>11</v>
      </c>
      <c r="JI30" s="72">
        <v>17</v>
      </c>
      <c r="JJ30" s="244"/>
      <c r="JK30" s="71">
        <v>9</v>
      </c>
      <c r="JL30" s="71">
        <v>7</v>
      </c>
      <c r="JM30" s="71">
        <v>7</v>
      </c>
      <c r="JN30" s="71">
        <v>10</v>
      </c>
      <c r="JO30" s="71">
        <v>3</v>
      </c>
      <c r="JP30" s="72">
        <v>36</v>
      </c>
      <c r="JQ30" s="73">
        <v>53</v>
      </c>
      <c r="JR30" s="70">
        <v>0</v>
      </c>
      <c r="JS30" s="71">
        <v>0</v>
      </c>
      <c r="JT30" s="72">
        <v>0</v>
      </c>
      <c r="JU30" s="244"/>
      <c r="JV30" s="71">
        <v>0</v>
      </c>
      <c r="JW30" s="71">
        <v>0</v>
      </c>
      <c r="JX30" s="71">
        <v>0</v>
      </c>
      <c r="JY30" s="71">
        <v>0</v>
      </c>
      <c r="JZ30" s="71">
        <v>0</v>
      </c>
      <c r="KA30" s="72">
        <v>0</v>
      </c>
      <c r="KB30" s="73">
        <v>0</v>
      </c>
      <c r="KC30" s="70">
        <v>18</v>
      </c>
      <c r="KD30" s="71">
        <v>27</v>
      </c>
      <c r="KE30" s="72">
        <v>45</v>
      </c>
      <c r="KF30" s="244"/>
      <c r="KG30" s="71">
        <v>21</v>
      </c>
      <c r="KH30" s="71">
        <v>20</v>
      </c>
      <c r="KI30" s="71">
        <v>22</v>
      </c>
      <c r="KJ30" s="71">
        <v>18</v>
      </c>
      <c r="KK30" s="71">
        <v>7</v>
      </c>
      <c r="KL30" s="72">
        <v>88</v>
      </c>
      <c r="KM30" s="73">
        <v>133</v>
      </c>
    </row>
    <row r="31" spans="2:299" ht="21" customHeight="1" x14ac:dyDescent="0.2">
      <c r="B31" s="126" t="s">
        <v>28</v>
      </c>
      <c r="C31" s="315">
        <v>1</v>
      </c>
      <c r="D31" s="82">
        <v>2</v>
      </c>
      <c r="E31" s="83">
        <v>3</v>
      </c>
      <c r="F31" s="241"/>
      <c r="G31" s="82">
        <v>4</v>
      </c>
      <c r="H31" s="82">
        <v>8</v>
      </c>
      <c r="I31" s="82">
        <v>1</v>
      </c>
      <c r="J31" s="82">
        <v>5</v>
      </c>
      <c r="K31" s="82">
        <v>0</v>
      </c>
      <c r="L31" s="84">
        <v>18</v>
      </c>
      <c r="M31" s="85">
        <v>21</v>
      </c>
      <c r="N31" s="70">
        <v>0</v>
      </c>
      <c r="O31" s="71">
        <v>0</v>
      </c>
      <c r="P31" s="72">
        <v>0</v>
      </c>
      <c r="Q31" s="244"/>
      <c r="R31" s="71">
        <v>0</v>
      </c>
      <c r="S31" s="71">
        <v>0</v>
      </c>
      <c r="T31" s="71">
        <v>0</v>
      </c>
      <c r="U31" s="71">
        <v>0</v>
      </c>
      <c r="V31" s="71">
        <v>0</v>
      </c>
      <c r="W31" s="72">
        <v>0</v>
      </c>
      <c r="X31" s="73">
        <v>0</v>
      </c>
      <c r="Y31" s="70">
        <v>0</v>
      </c>
      <c r="Z31" s="71">
        <v>0</v>
      </c>
      <c r="AA31" s="72">
        <v>0</v>
      </c>
      <c r="AB31" s="244"/>
      <c r="AC31" s="71">
        <v>0</v>
      </c>
      <c r="AD31" s="71">
        <v>0</v>
      </c>
      <c r="AE31" s="71">
        <v>0</v>
      </c>
      <c r="AF31" s="71">
        <v>1</v>
      </c>
      <c r="AG31" s="71">
        <v>0</v>
      </c>
      <c r="AH31" s="72">
        <v>1</v>
      </c>
      <c r="AI31" s="73">
        <v>1</v>
      </c>
      <c r="AJ31" s="70">
        <v>0</v>
      </c>
      <c r="AK31" s="71">
        <v>0</v>
      </c>
      <c r="AL31" s="72">
        <v>0</v>
      </c>
      <c r="AM31" s="244"/>
      <c r="AN31" s="71">
        <v>0</v>
      </c>
      <c r="AO31" s="71">
        <v>1</v>
      </c>
      <c r="AP31" s="71">
        <v>0</v>
      </c>
      <c r="AQ31" s="71">
        <v>1</v>
      </c>
      <c r="AR31" s="71">
        <v>0</v>
      </c>
      <c r="AS31" s="72">
        <v>2</v>
      </c>
      <c r="AT31" s="73">
        <v>2</v>
      </c>
      <c r="AU31" s="70">
        <v>1</v>
      </c>
      <c r="AV31" s="71">
        <v>0</v>
      </c>
      <c r="AW31" s="72">
        <v>1</v>
      </c>
      <c r="AX31" s="244"/>
      <c r="AY31" s="71">
        <v>0</v>
      </c>
      <c r="AZ31" s="71">
        <v>3</v>
      </c>
      <c r="BA31" s="71">
        <v>0</v>
      </c>
      <c r="BB31" s="71">
        <v>1</v>
      </c>
      <c r="BC31" s="71">
        <v>0</v>
      </c>
      <c r="BD31" s="72">
        <v>4</v>
      </c>
      <c r="BE31" s="73">
        <v>5</v>
      </c>
      <c r="BF31" s="70">
        <v>0</v>
      </c>
      <c r="BG31" s="71">
        <v>2</v>
      </c>
      <c r="BH31" s="72">
        <v>2</v>
      </c>
      <c r="BI31" s="244"/>
      <c r="BJ31" s="71">
        <v>2</v>
      </c>
      <c r="BK31" s="71">
        <v>2</v>
      </c>
      <c r="BL31" s="71">
        <v>1</v>
      </c>
      <c r="BM31" s="71">
        <v>1</v>
      </c>
      <c r="BN31" s="71">
        <v>0</v>
      </c>
      <c r="BO31" s="72">
        <v>6</v>
      </c>
      <c r="BP31" s="73">
        <v>8</v>
      </c>
      <c r="BQ31" s="70">
        <v>0</v>
      </c>
      <c r="BR31" s="71">
        <v>0</v>
      </c>
      <c r="BS31" s="72">
        <v>0</v>
      </c>
      <c r="BT31" s="244"/>
      <c r="BU31" s="71">
        <v>2</v>
      </c>
      <c r="BV31" s="71">
        <v>2</v>
      </c>
      <c r="BW31" s="71">
        <v>0</v>
      </c>
      <c r="BX31" s="71">
        <v>1</v>
      </c>
      <c r="BY31" s="71">
        <v>0</v>
      </c>
      <c r="BZ31" s="72">
        <v>5</v>
      </c>
      <c r="CA31" s="73">
        <v>5</v>
      </c>
      <c r="CB31" s="70">
        <v>0</v>
      </c>
      <c r="CC31" s="71">
        <v>0</v>
      </c>
      <c r="CD31" s="72">
        <v>0</v>
      </c>
      <c r="CE31" s="244"/>
      <c r="CF31" s="71">
        <v>0</v>
      </c>
      <c r="CG31" s="71">
        <v>0</v>
      </c>
      <c r="CH31" s="71">
        <v>0</v>
      </c>
      <c r="CI31" s="71">
        <v>0</v>
      </c>
      <c r="CJ31" s="71">
        <v>0</v>
      </c>
      <c r="CK31" s="72">
        <v>0</v>
      </c>
      <c r="CL31" s="73">
        <v>0</v>
      </c>
      <c r="CM31" s="70">
        <v>1</v>
      </c>
      <c r="CN31" s="71">
        <v>2</v>
      </c>
      <c r="CO31" s="72">
        <v>3</v>
      </c>
      <c r="CP31" s="244"/>
      <c r="CQ31" s="71">
        <v>4</v>
      </c>
      <c r="CR31" s="71">
        <v>8</v>
      </c>
      <c r="CS31" s="71">
        <v>1</v>
      </c>
      <c r="CT31" s="71">
        <v>5</v>
      </c>
      <c r="CU31" s="71">
        <v>0</v>
      </c>
      <c r="CV31" s="72">
        <v>18</v>
      </c>
      <c r="CW31" s="73">
        <v>21</v>
      </c>
      <c r="CX31" s="123">
        <v>0</v>
      </c>
      <c r="CY31" s="82">
        <v>2</v>
      </c>
      <c r="CZ31" s="83">
        <v>2</v>
      </c>
      <c r="DA31" s="241"/>
      <c r="DB31" s="82">
        <v>3</v>
      </c>
      <c r="DC31" s="82">
        <v>1</v>
      </c>
      <c r="DD31" s="82">
        <v>0</v>
      </c>
      <c r="DE31" s="82">
        <v>1</v>
      </c>
      <c r="DF31" s="82">
        <v>2</v>
      </c>
      <c r="DG31" s="84">
        <v>7</v>
      </c>
      <c r="DH31" s="85">
        <v>9</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0</v>
      </c>
      <c r="EA31" s="71">
        <v>0</v>
      </c>
      <c r="EB31" s="71">
        <v>0</v>
      </c>
      <c r="EC31" s="72">
        <v>0</v>
      </c>
      <c r="ED31" s="73">
        <v>0</v>
      </c>
      <c r="EE31" s="70">
        <v>0</v>
      </c>
      <c r="EF31" s="71">
        <v>1</v>
      </c>
      <c r="EG31" s="72">
        <v>1</v>
      </c>
      <c r="EH31" s="244"/>
      <c r="EI31" s="71">
        <v>0</v>
      </c>
      <c r="EJ31" s="71">
        <v>0</v>
      </c>
      <c r="EK31" s="71">
        <v>0</v>
      </c>
      <c r="EL31" s="71">
        <v>0</v>
      </c>
      <c r="EM31" s="71">
        <v>0</v>
      </c>
      <c r="EN31" s="72">
        <v>0</v>
      </c>
      <c r="EO31" s="73">
        <v>1</v>
      </c>
      <c r="EP31" s="70">
        <v>0</v>
      </c>
      <c r="EQ31" s="71">
        <v>0</v>
      </c>
      <c r="ER31" s="72">
        <v>0</v>
      </c>
      <c r="ES31" s="244"/>
      <c r="ET31" s="71">
        <v>0</v>
      </c>
      <c r="EU31" s="71">
        <v>0</v>
      </c>
      <c r="EV31" s="71">
        <v>0</v>
      </c>
      <c r="EW31" s="71">
        <v>0</v>
      </c>
      <c r="EX31" s="71">
        <v>1</v>
      </c>
      <c r="EY31" s="72">
        <v>1</v>
      </c>
      <c r="EZ31" s="73">
        <v>1</v>
      </c>
      <c r="FA31" s="70">
        <v>0</v>
      </c>
      <c r="FB31" s="71">
        <v>0</v>
      </c>
      <c r="FC31" s="72">
        <v>0</v>
      </c>
      <c r="FD31" s="244"/>
      <c r="FE31" s="71">
        <v>1</v>
      </c>
      <c r="FF31" s="71">
        <v>1</v>
      </c>
      <c r="FG31" s="71">
        <v>0</v>
      </c>
      <c r="FH31" s="71">
        <v>0</v>
      </c>
      <c r="FI31" s="71">
        <v>1</v>
      </c>
      <c r="FJ31" s="72">
        <v>3</v>
      </c>
      <c r="FK31" s="73">
        <v>3</v>
      </c>
      <c r="FL31" s="70">
        <v>0</v>
      </c>
      <c r="FM31" s="71">
        <v>1</v>
      </c>
      <c r="FN31" s="72">
        <v>1</v>
      </c>
      <c r="FO31" s="244"/>
      <c r="FP31" s="71">
        <v>2</v>
      </c>
      <c r="FQ31" s="71">
        <v>0</v>
      </c>
      <c r="FR31" s="71">
        <v>0</v>
      </c>
      <c r="FS31" s="71">
        <v>1</v>
      </c>
      <c r="FT31" s="71">
        <v>0</v>
      </c>
      <c r="FU31" s="72">
        <v>3</v>
      </c>
      <c r="FV31" s="73">
        <v>4</v>
      </c>
      <c r="FW31" s="70">
        <v>0</v>
      </c>
      <c r="FX31" s="71">
        <v>0</v>
      </c>
      <c r="FY31" s="72">
        <v>0</v>
      </c>
      <c r="FZ31" s="244"/>
      <c r="GA31" s="71">
        <v>0</v>
      </c>
      <c r="GB31" s="71">
        <v>0</v>
      </c>
      <c r="GC31" s="71">
        <v>0</v>
      </c>
      <c r="GD31" s="71">
        <v>0</v>
      </c>
      <c r="GE31" s="71">
        <v>0</v>
      </c>
      <c r="GF31" s="72">
        <v>0</v>
      </c>
      <c r="GG31" s="73">
        <v>0</v>
      </c>
      <c r="GH31" s="70">
        <v>0</v>
      </c>
      <c r="GI31" s="71">
        <v>2</v>
      </c>
      <c r="GJ31" s="72">
        <v>2</v>
      </c>
      <c r="GK31" s="244"/>
      <c r="GL31" s="71">
        <v>3</v>
      </c>
      <c r="GM31" s="71">
        <v>1</v>
      </c>
      <c r="GN31" s="71">
        <v>0</v>
      </c>
      <c r="GO31" s="71">
        <v>1</v>
      </c>
      <c r="GP31" s="71">
        <v>2</v>
      </c>
      <c r="GQ31" s="72">
        <v>7</v>
      </c>
      <c r="GR31" s="73">
        <v>9</v>
      </c>
      <c r="GS31" s="123">
        <v>1</v>
      </c>
      <c r="GT31" s="82">
        <v>4</v>
      </c>
      <c r="GU31" s="83">
        <v>5</v>
      </c>
      <c r="GV31" s="241"/>
      <c r="GW31" s="82">
        <v>7</v>
      </c>
      <c r="GX31" s="82">
        <v>9</v>
      </c>
      <c r="GY31" s="82">
        <v>1</v>
      </c>
      <c r="GZ31" s="82">
        <v>6</v>
      </c>
      <c r="HA31" s="82">
        <v>2</v>
      </c>
      <c r="HB31" s="84">
        <v>25</v>
      </c>
      <c r="HC31" s="85">
        <v>30</v>
      </c>
      <c r="HD31" s="70">
        <v>0</v>
      </c>
      <c r="HE31" s="71">
        <v>0</v>
      </c>
      <c r="HF31" s="72">
        <v>0</v>
      </c>
      <c r="HG31" s="244"/>
      <c r="HH31" s="71">
        <v>0</v>
      </c>
      <c r="HI31" s="71">
        <v>0</v>
      </c>
      <c r="HJ31" s="71">
        <v>0</v>
      </c>
      <c r="HK31" s="71">
        <v>0</v>
      </c>
      <c r="HL31" s="71">
        <v>0</v>
      </c>
      <c r="HM31" s="72">
        <v>0</v>
      </c>
      <c r="HN31" s="73">
        <v>0</v>
      </c>
      <c r="HO31" s="70">
        <v>0</v>
      </c>
      <c r="HP31" s="71">
        <v>0</v>
      </c>
      <c r="HQ31" s="72">
        <v>0</v>
      </c>
      <c r="HR31" s="244"/>
      <c r="HS31" s="71">
        <v>0</v>
      </c>
      <c r="HT31" s="71">
        <v>0</v>
      </c>
      <c r="HU31" s="71">
        <v>0</v>
      </c>
      <c r="HV31" s="71">
        <v>1</v>
      </c>
      <c r="HW31" s="71">
        <v>0</v>
      </c>
      <c r="HX31" s="72">
        <v>1</v>
      </c>
      <c r="HY31" s="73">
        <v>1</v>
      </c>
      <c r="HZ31" s="70">
        <v>0</v>
      </c>
      <c r="IA31" s="71">
        <v>1</v>
      </c>
      <c r="IB31" s="72">
        <v>1</v>
      </c>
      <c r="IC31" s="244"/>
      <c r="ID31" s="71">
        <v>0</v>
      </c>
      <c r="IE31" s="71">
        <v>1</v>
      </c>
      <c r="IF31" s="71">
        <v>0</v>
      </c>
      <c r="IG31" s="71">
        <v>1</v>
      </c>
      <c r="IH31" s="71">
        <v>0</v>
      </c>
      <c r="II31" s="72">
        <v>2</v>
      </c>
      <c r="IJ31" s="73">
        <v>3</v>
      </c>
      <c r="IK31" s="70">
        <v>1</v>
      </c>
      <c r="IL31" s="71">
        <v>0</v>
      </c>
      <c r="IM31" s="72">
        <v>1</v>
      </c>
      <c r="IN31" s="244"/>
      <c r="IO31" s="71">
        <v>0</v>
      </c>
      <c r="IP31" s="71">
        <v>3</v>
      </c>
      <c r="IQ31" s="71">
        <v>0</v>
      </c>
      <c r="IR31" s="71">
        <v>1</v>
      </c>
      <c r="IS31" s="71">
        <v>1</v>
      </c>
      <c r="IT31" s="72">
        <v>5</v>
      </c>
      <c r="IU31" s="73">
        <v>6</v>
      </c>
      <c r="IV31" s="70">
        <v>0</v>
      </c>
      <c r="IW31" s="71">
        <v>2</v>
      </c>
      <c r="IX31" s="72">
        <v>2</v>
      </c>
      <c r="IY31" s="244"/>
      <c r="IZ31" s="71">
        <v>3</v>
      </c>
      <c r="JA31" s="71">
        <v>3</v>
      </c>
      <c r="JB31" s="71">
        <v>1</v>
      </c>
      <c r="JC31" s="71">
        <v>1</v>
      </c>
      <c r="JD31" s="71">
        <v>1</v>
      </c>
      <c r="JE31" s="72">
        <v>9</v>
      </c>
      <c r="JF31" s="73">
        <v>11</v>
      </c>
      <c r="JG31" s="70">
        <v>0</v>
      </c>
      <c r="JH31" s="71">
        <v>1</v>
      </c>
      <c r="JI31" s="72">
        <v>1</v>
      </c>
      <c r="JJ31" s="244"/>
      <c r="JK31" s="71">
        <v>4</v>
      </c>
      <c r="JL31" s="71">
        <v>2</v>
      </c>
      <c r="JM31" s="71">
        <v>0</v>
      </c>
      <c r="JN31" s="71">
        <v>2</v>
      </c>
      <c r="JO31" s="71">
        <v>0</v>
      </c>
      <c r="JP31" s="72">
        <v>8</v>
      </c>
      <c r="JQ31" s="73">
        <v>9</v>
      </c>
      <c r="JR31" s="70">
        <v>0</v>
      </c>
      <c r="JS31" s="71">
        <v>0</v>
      </c>
      <c r="JT31" s="72">
        <v>0</v>
      </c>
      <c r="JU31" s="244"/>
      <c r="JV31" s="71">
        <v>0</v>
      </c>
      <c r="JW31" s="71">
        <v>0</v>
      </c>
      <c r="JX31" s="71">
        <v>0</v>
      </c>
      <c r="JY31" s="71">
        <v>0</v>
      </c>
      <c r="JZ31" s="71">
        <v>0</v>
      </c>
      <c r="KA31" s="72">
        <v>0</v>
      </c>
      <c r="KB31" s="73">
        <v>0</v>
      </c>
      <c r="KC31" s="70">
        <v>1</v>
      </c>
      <c r="KD31" s="71">
        <v>4</v>
      </c>
      <c r="KE31" s="72">
        <v>5</v>
      </c>
      <c r="KF31" s="244"/>
      <c r="KG31" s="71">
        <v>7</v>
      </c>
      <c r="KH31" s="71">
        <v>9</v>
      </c>
      <c r="KI31" s="71">
        <v>1</v>
      </c>
      <c r="KJ31" s="71">
        <v>6</v>
      </c>
      <c r="KK31" s="71">
        <v>2</v>
      </c>
      <c r="KL31" s="72">
        <v>25</v>
      </c>
      <c r="KM31" s="73">
        <v>30</v>
      </c>
    </row>
    <row r="32" spans="2:299" ht="21" customHeight="1" x14ac:dyDescent="0.2">
      <c r="B32" s="126" t="s">
        <v>29</v>
      </c>
      <c r="C32" s="315">
        <v>5</v>
      </c>
      <c r="D32" s="82">
        <v>2</v>
      </c>
      <c r="E32" s="83">
        <v>7</v>
      </c>
      <c r="F32" s="241"/>
      <c r="G32" s="82">
        <v>4</v>
      </c>
      <c r="H32" s="82">
        <v>7</v>
      </c>
      <c r="I32" s="82">
        <v>2</v>
      </c>
      <c r="J32" s="82">
        <v>4</v>
      </c>
      <c r="K32" s="82">
        <v>1</v>
      </c>
      <c r="L32" s="84">
        <v>18</v>
      </c>
      <c r="M32" s="85">
        <v>25</v>
      </c>
      <c r="N32" s="70">
        <v>0</v>
      </c>
      <c r="O32" s="71">
        <v>0</v>
      </c>
      <c r="P32" s="72">
        <v>0</v>
      </c>
      <c r="Q32" s="244"/>
      <c r="R32" s="71">
        <v>0</v>
      </c>
      <c r="S32" s="71">
        <v>0</v>
      </c>
      <c r="T32" s="71">
        <v>0</v>
      </c>
      <c r="U32" s="71">
        <v>0</v>
      </c>
      <c r="V32" s="71">
        <v>0</v>
      </c>
      <c r="W32" s="72">
        <v>0</v>
      </c>
      <c r="X32" s="73">
        <v>0</v>
      </c>
      <c r="Y32" s="70">
        <v>0</v>
      </c>
      <c r="Z32" s="71">
        <v>0</v>
      </c>
      <c r="AA32" s="72">
        <v>0</v>
      </c>
      <c r="AB32" s="244"/>
      <c r="AC32" s="71">
        <v>0</v>
      </c>
      <c r="AD32" s="71">
        <v>1</v>
      </c>
      <c r="AE32" s="71">
        <v>0</v>
      </c>
      <c r="AF32" s="71">
        <v>0</v>
      </c>
      <c r="AG32" s="71">
        <v>0</v>
      </c>
      <c r="AH32" s="72">
        <v>1</v>
      </c>
      <c r="AI32" s="73">
        <v>1</v>
      </c>
      <c r="AJ32" s="70">
        <v>1</v>
      </c>
      <c r="AK32" s="71">
        <v>0</v>
      </c>
      <c r="AL32" s="72">
        <v>1</v>
      </c>
      <c r="AM32" s="244"/>
      <c r="AN32" s="71">
        <v>0</v>
      </c>
      <c r="AO32" s="71">
        <v>0</v>
      </c>
      <c r="AP32" s="71">
        <v>0</v>
      </c>
      <c r="AQ32" s="71">
        <v>0</v>
      </c>
      <c r="AR32" s="71">
        <v>1</v>
      </c>
      <c r="AS32" s="72">
        <v>1</v>
      </c>
      <c r="AT32" s="73">
        <v>2</v>
      </c>
      <c r="AU32" s="70">
        <v>1</v>
      </c>
      <c r="AV32" s="71">
        <v>1</v>
      </c>
      <c r="AW32" s="72">
        <v>2</v>
      </c>
      <c r="AX32" s="244"/>
      <c r="AY32" s="71">
        <v>1</v>
      </c>
      <c r="AZ32" s="71">
        <v>1</v>
      </c>
      <c r="BA32" s="71">
        <v>0</v>
      </c>
      <c r="BB32" s="71">
        <v>1</v>
      </c>
      <c r="BC32" s="71">
        <v>0</v>
      </c>
      <c r="BD32" s="72">
        <v>3</v>
      </c>
      <c r="BE32" s="73">
        <v>5</v>
      </c>
      <c r="BF32" s="70">
        <v>0</v>
      </c>
      <c r="BG32" s="71">
        <v>1</v>
      </c>
      <c r="BH32" s="72">
        <v>1</v>
      </c>
      <c r="BI32" s="244"/>
      <c r="BJ32" s="71">
        <v>3</v>
      </c>
      <c r="BK32" s="71">
        <v>3</v>
      </c>
      <c r="BL32" s="71">
        <v>0</v>
      </c>
      <c r="BM32" s="71">
        <v>1</v>
      </c>
      <c r="BN32" s="71">
        <v>0</v>
      </c>
      <c r="BO32" s="72">
        <v>7</v>
      </c>
      <c r="BP32" s="73">
        <v>8</v>
      </c>
      <c r="BQ32" s="70">
        <v>3</v>
      </c>
      <c r="BR32" s="71">
        <v>0</v>
      </c>
      <c r="BS32" s="72">
        <v>3</v>
      </c>
      <c r="BT32" s="244"/>
      <c r="BU32" s="71">
        <v>0</v>
      </c>
      <c r="BV32" s="71">
        <v>2</v>
      </c>
      <c r="BW32" s="71">
        <v>2</v>
      </c>
      <c r="BX32" s="71">
        <v>2</v>
      </c>
      <c r="BY32" s="71">
        <v>0</v>
      </c>
      <c r="BZ32" s="72">
        <v>6</v>
      </c>
      <c r="CA32" s="73">
        <v>9</v>
      </c>
      <c r="CB32" s="70">
        <v>0</v>
      </c>
      <c r="CC32" s="71">
        <v>0</v>
      </c>
      <c r="CD32" s="72">
        <v>0</v>
      </c>
      <c r="CE32" s="244"/>
      <c r="CF32" s="71">
        <v>0</v>
      </c>
      <c r="CG32" s="71">
        <v>0</v>
      </c>
      <c r="CH32" s="71">
        <v>0</v>
      </c>
      <c r="CI32" s="71">
        <v>0</v>
      </c>
      <c r="CJ32" s="71">
        <v>0</v>
      </c>
      <c r="CK32" s="72">
        <v>0</v>
      </c>
      <c r="CL32" s="73">
        <v>0</v>
      </c>
      <c r="CM32" s="70">
        <v>5</v>
      </c>
      <c r="CN32" s="71">
        <v>2</v>
      </c>
      <c r="CO32" s="72">
        <v>7</v>
      </c>
      <c r="CP32" s="244"/>
      <c r="CQ32" s="71">
        <v>4</v>
      </c>
      <c r="CR32" s="71">
        <v>7</v>
      </c>
      <c r="CS32" s="71">
        <v>2</v>
      </c>
      <c r="CT32" s="71">
        <v>4</v>
      </c>
      <c r="CU32" s="71">
        <v>1</v>
      </c>
      <c r="CV32" s="72">
        <v>18</v>
      </c>
      <c r="CW32" s="73">
        <v>25</v>
      </c>
      <c r="CX32" s="123">
        <v>2</v>
      </c>
      <c r="CY32" s="82">
        <v>0</v>
      </c>
      <c r="CZ32" s="83">
        <v>2</v>
      </c>
      <c r="DA32" s="241"/>
      <c r="DB32" s="82">
        <v>1</v>
      </c>
      <c r="DC32" s="82">
        <v>2</v>
      </c>
      <c r="DD32" s="82">
        <v>0</v>
      </c>
      <c r="DE32" s="82">
        <v>0</v>
      </c>
      <c r="DF32" s="82">
        <v>0</v>
      </c>
      <c r="DG32" s="84">
        <v>3</v>
      </c>
      <c r="DH32" s="85">
        <v>5</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1</v>
      </c>
      <c r="DZ32" s="71">
        <v>0</v>
      </c>
      <c r="EA32" s="71">
        <v>0</v>
      </c>
      <c r="EB32" s="71">
        <v>0</v>
      </c>
      <c r="EC32" s="72">
        <v>1</v>
      </c>
      <c r="ED32" s="73">
        <v>1</v>
      </c>
      <c r="EE32" s="70">
        <v>1</v>
      </c>
      <c r="EF32" s="71">
        <v>0</v>
      </c>
      <c r="EG32" s="72">
        <v>1</v>
      </c>
      <c r="EH32" s="244"/>
      <c r="EI32" s="71">
        <v>0</v>
      </c>
      <c r="EJ32" s="71">
        <v>0</v>
      </c>
      <c r="EK32" s="71">
        <v>0</v>
      </c>
      <c r="EL32" s="71">
        <v>0</v>
      </c>
      <c r="EM32" s="71">
        <v>0</v>
      </c>
      <c r="EN32" s="72">
        <v>0</v>
      </c>
      <c r="EO32" s="73">
        <v>1</v>
      </c>
      <c r="EP32" s="70">
        <v>1</v>
      </c>
      <c r="EQ32" s="71">
        <v>0</v>
      </c>
      <c r="ER32" s="72">
        <v>1</v>
      </c>
      <c r="ES32" s="244"/>
      <c r="ET32" s="71">
        <v>0</v>
      </c>
      <c r="EU32" s="71">
        <v>0</v>
      </c>
      <c r="EV32" s="71">
        <v>0</v>
      </c>
      <c r="EW32" s="71">
        <v>0</v>
      </c>
      <c r="EX32" s="71">
        <v>0</v>
      </c>
      <c r="EY32" s="72">
        <v>0</v>
      </c>
      <c r="EZ32" s="73">
        <v>1</v>
      </c>
      <c r="FA32" s="70">
        <v>0</v>
      </c>
      <c r="FB32" s="71">
        <v>0</v>
      </c>
      <c r="FC32" s="72">
        <v>0</v>
      </c>
      <c r="FD32" s="244"/>
      <c r="FE32" s="71">
        <v>1</v>
      </c>
      <c r="FF32" s="71">
        <v>0</v>
      </c>
      <c r="FG32" s="71">
        <v>0</v>
      </c>
      <c r="FH32" s="71">
        <v>0</v>
      </c>
      <c r="FI32" s="71">
        <v>0</v>
      </c>
      <c r="FJ32" s="72">
        <v>1</v>
      </c>
      <c r="FK32" s="73">
        <v>1</v>
      </c>
      <c r="FL32" s="70">
        <v>0</v>
      </c>
      <c r="FM32" s="71">
        <v>0</v>
      </c>
      <c r="FN32" s="72">
        <v>0</v>
      </c>
      <c r="FO32" s="244"/>
      <c r="FP32" s="71">
        <v>0</v>
      </c>
      <c r="FQ32" s="71">
        <v>1</v>
      </c>
      <c r="FR32" s="71">
        <v>0</v>
      </c>
      <c r="FS32" s="71">
        <v>0</v>
      </c>
      <c r="FT32" s="71">
        <v>0</v>
      </c>
      <c r="FU32" s="72">
        <v>1</v>
      </c>
      <c r="FV32" s="73">
        <v>1</v>
      </c>
      <c r="FW32" s="70">
        <v>0</v>
      </c>
      <c r="FX32" s="71">
        <v>0</v>
      </c>
      <c r="FY32" s="72">
        <v>0</v>
      </c>
      <c r="FZ32" s="244"/>
      <c r="GA32" s="71">
        <v>0</v>
      </c>
      <c r="GB32" s="71">
        <v>0</v>
      </c>
      <c r="GC32" s="71">
        <v>0</v>
      </c>
      <c r="GD32" s="71">
        <v>0</v>
      </c>
      <c r="GE32" s="71">
        <v>0</v>
      </c>
      <c r="GF32" s="72">
        <v>0</v>
      </c>
      <c r="GG32" s="73">
        <v>0</v>
      </c>
      <c r="GH32" s="70">
        <v>2</v>
      </c>
      <c r="GI32" s="71">
        <v>0</v>
      </c>
      <c r="GJ32" s="72">
        <v>2</v>
      </c>
      <c r="GK32" s="244"/>
      <c r="GL32" s="71">
        <v>1</v>
      </c>
      <c r="GM32" s="71">
        <v>2</v>
      </c>
      <c r="GN32" s="71">
        <v>0</v>
      </c>
      <c r="GO32" s="71">
        <v>0</v>
      </c>
      <c r="GP32" s="71">
        <v>0</v>
      </c>
      <c r="GQ32" s="72">
        <v>3</v>
      </c>
      <c r="GR32" s="73">
        <v>5</v>
      </c>
      <c r="GS32" s="123">
        <v>7</v>
      </c>
      <c r="GT32" s="82">
        <v>2</v>
      </c>
      <c r="GU32" s="83">
        <v>9</v>
      </c>
      <c r="GV32" s="241"/>
      <c r="GW32" s="82">
        <v>5</v>
      </c>
      <c r="GX32" s="82">
        <v>9</v>
      </c>
      <c r="GY32" s="82">
        <v>2</v>
      </c>
      <c r="GZ32" s="82">
        <v>4</v>
      </c>
      <c r="HA32" s="82">
        <v>1</v>
      </c>
      <c r="HB32" s="84">
        <v>21</v>
      </c>
      <c r="HC32" s="85">
        <v>30</v>
      </c>
      <c r="HD32" s="70">
        <v>0</v>
      </c>
      <c r="HE32" s="71">
        <v>0</v>
      </c>
      <c r="HF32" s="72">
        <v>0</v>
      </c>
      <c r="HG32" s="244"/>
      <c r="HH32" s="71">
        <v>0</v>
      </c>
      <c r="HI32" s="71">
        <v>0</v>
      </c>
      <c r="HJ32" s="71">
        <v>0</v>
      </c>
      <c r="HK32" s="71">
        <v>0</v>
      </c>
      <c r="HL32" s="71">
        <v>0</v>
      </c>
      <c r="HM32" s="72">
        <v>0</v>
      </c>
      <c r="HN32" s="73">
        <v>0</v>
      </c>
      <c r="HO32" s="70">
        <v>0</v>
      </c>
      <c r="HP32" s="71">
        <v>0</v>
      </c>
      <c r="HQ32" s="72">
        <v>0</v>
      </c>
      <c r="HR32" s="244"/>
      <c r="HS32" s="71">
        <v>0</v>
      </c>
      <c r="HT32" s="71">
        <v>2</v>
      </c>
      <c r="HU32" s="71">
        <v>0</v>
      </c>
      <c r="HV32" s="71">
        <v>0</v>
      </c>
      <c r="HW32" s="71">
        <v>0</v>
      </c>
      <c r="HX32" s="72">
        <v>2</v>
      </c>
      <c r="HY32" s="73">
        <v>2</v>
      </c>
      <c r="HZ32" s="70">
        <v>2</v>
      </c>
      <c r="IA32" s="71">
        <v>0</v>
      </c>
      <c r="IB32" s="72">
        <v>2</v>
      </c>
      <c r="IC32" s="244"/>
      <c r="ID32" s="71">
        <v>0</v>
      </c>
      <c r="IE32" s="71">
        <v>0</v>
      </c>
      <c r="IF32" s="71">
        <v>0</v>
      </c>
      <c r="IG32" s="71">
        <v>0</v>
      </c>
      <c r="IH32" s="71">
        <v>1</v>
      </c>
      <c r="II32" s="72">
        <v>1</v>
      </c>
      <c r="IJ32" s="73">
        <v>3</v>
      </c>
      <c r="IK32" s="70">
        <v>2</v>
      </c>
      <c r="IL32" s="71">
        <v>1</v>
      </c>
      <c r="IM32" s="72">
        <v>3</v>
      </c>
      <c r="IN32" s="244"/>
      <c r="IO32" s="71">
        <v>1</v>
      </c>
      <c r="IP32" s="71">
        <v>1</v>
      </c>
      <c r="IQ32" s="71">
        <v>0</v>
      </c>
      <c r="IR32" s="71">
        <v>1</v>
      </c>
      <c r="IS32" s="71">
        <v>0</v>
      </c>
      <c r="IT32" s="72">
        <v>3</v>
      </c>
      <c r="IU32" s="73">
        <v>6</v>
      </c>
      <c r="IV32" s="70">
        <v>0</v>
      </c>
      <c r="IW32" s="71">
        <v>1</v>
      </c>
      <c r="IX32" s="72">
        <v>1</v>
      </c>
      <c r="IY32" s="244"/>
      <c r="IZ32" s="71">
        <v>4</v>
      </c>
      <c r="JA32" s="71">
        <v>3</v>
      </c>
      <c r="JB32" s="71">
        <v>0</v>
      </c>
      <c r="JC32" s="71">
        <v>1</v>
      </c>
      <c r="JD32" s="71">
        <v>0</v>
      </c>
      <c r="JE32" s="72">
        <v>8</v>
      </c>
      <c r="JF32" s="73">
        <v>9</v>
      </c>
      <c r="JG32" s="70">
        <v>3</v>
      </c>
      <c r="JH32" s="71">
        <v>0</v>
      </c>
      <c r="JI32" s="72">
        <v>3</v>
      </c>
      <c r="JJ32" s="244"/>
      <c r="JK32" s="71">
        <v>0</v>
      </c>
      <c r="JL32" s="71">
        <v>3</v>
      </c>
      <c r="JM32" s="71">
        <v>2</v>
      </c>
      <c r="JN32" s="71">
        <v>2</v>
      </c>
      <c r="JO32" s="71">
        <v>0</v>
      </c>
      <c r="JP32" s="72">
        <v>7</v>
      </c>
      <c r="JQ32" s="73">
        <v>10</v>
      </c>
      <c r="JR32" s="70">
        <v>0</v>
      </c>
      <c r="JS32" s="71">
        <v>0</v>
      </c>
      <c r="JT32" s="72">
        <v>0</v>
      </c>
      <c r="JU32" s="244"/>
      <c r="JV32" s="71">
        <v>0</v>
      </c>
      <c r="JW32" s="71">
        <v>0</v>
      </c>
      <c r="JX32" s="71">
        <v>0</v>
      </c>
      <c r="JY32" s="71">
        <v>0</v>
      </c>
      <c r="JZ32" s="71">
        <v>0</v>
      </c>
      <c r="KA32" s="72">
        <v>0</v>
      </c>
      <c r="KB32" s="73">
        <v>0</v>
      </c>
      <c r="KC32" s="70">
        <v>7</v>
      </c>
      <c r="KD32" s="71">
        <v>2</v>
      </c>
      <c r="KE32" s="72">
        <v>9</v>
      </c>
      <c r="KF32" s="244"/>
      <c r="KG32" s="71">
        <v>5</v>
      </c>
      <c r="KH32" s="71">
        <v>9</v>
      </c>
      <c r="KI32" s="71">
        <v>2</v>
      </c>
      <c r="KJ32" s="71">
        <v>4</v>
      </c>
      <c r="KK32" s="71">
        <v>1</v>
      </c>
      <c r="KL32" s="72">
        <v>21</v>
      </c>
      <c r="KM32" s="73">
        <v>30</v>
      </c>
    </row>
    <row r="33" spans="2:299" ht="21" customHeight="1" x14ac:dyDescent="0.2">
      <c r="B33" s="126" t="s">
        <v>30</v>
      </c>
      <c r="C33" s="315">
        <v>3</v>
      </c>
      <c r="D33" s="82">
        <v>4</v>
      </c>
      <c r="E33" s="83">
        <v>7</v>
      </c>
      <c r="F33" s="241"/>
      <c r="G33" s="82">
        <v>7</v>
      </c>
      <c r="H33" s="82">
        <v>1</v>
      </c>
      <c r="I33" s="82">
        <v>2</v>
      </c>
      <c r="J33" s="82">
        <v>6</v>
      </c>
      <c r="K33" s="82">
        <v>2</v>
      </c>
      <c r="L33" s="84">
        <v>18</v>
      </c>
      <c r="M33" s="85">
        <v>25</v>
      </c>
      <c r="N33" s="70">
        <v>0</v>
      </c>
      <c r="O33" s="71">
        <v>0</v>
      </c>
      <c r="P33" s="72">
        <v>0</v>
      </c>
      <c r="Q33" s="244"/>
      <c r="R33" s="71">
        <v>0</v>
      </c>
      <c r="S33" s="71">
        <v>0</v>
      </c>
      <c r="T33" s="71">
        <v>0</v>
      </c>
      <c r="U33" s="71">
        <v>0</v>
      </c>
      <c r="V33" s="71">
        <v>0</v>
      </c>
      <c r="W33" s="72">
        <v>0</v>
      </c>
      <c r="X33" s="73">
        <v>0</v>
      </c>
      <c r="Y33" s="70">
        <v>1</v>
      </c>
      <c r="Z33" s="71">
        <v>1</v>
      </c>
      <c r="AA33" s="72">
        <v>2</v>
      </c>
      <c r="AB33" s="244"/>
      <c r="AC33" s="71">
        <v>0</v>
      </c>
      <c r="AD33" s="71">
        <v>0</v>
      </c>
      <c r="AE33" s="71">
        <v>0</v>
      </c>
      <c r="AF33" s="71">
        <v>0</v>
      </c>
      <c r="AG33" s="71">
        <v>0</v>
      </c>
      <c r="AH33" s="72">
        <v>0</v>
      </c>
      <c r="AI33" s="73">
        <v>2</v>
      </c>
      <c r="AJ33" s="70">
        <v>0</v>
      </c>
      <c r="AK33" s="71">
        <v>0</v>
      </c>
      <c r="AL33" s="72">
        <v>0</v>
      </c>
      <c r="AM33" s="244"/>
      <c r="AN33" s="71">
        <v>0</v>
      </c>
      <c r="AO33" s="71">
        <v>0</v>
      </c>
      <c r="AP33" s="71">
        <v>0</v>
      </c>
      <c r="AQ33" s="71">
        <v>1</v>
      </c>
      <c r="AR33" s="71">
        <v>0</v>
      </c>
      <c r="AS33" s="72">
        <v>1</v>
      </c>
      <c r="AT33" s="73">
        <v>1</v>
      </c>
      <c r="AU33" s="70">
        <v>0</v>
      </c>
      <c r="AV33" s="71">
        <v>1</v>
      </c>
      <c r="AW33" s="72">
        <v>1</v>
      </c>
      <c r="AX33" s="244"/>
      <c r="AY33" s="71">
        <v>1</v>
      </c>
      <c r="AZ33" s="71">
        <v>0</v>
      </c>
      <c r="BA33" s="71">
        <v>0</v>
      </c>
      <c r="BB33" s="71">
        <v>1</v>
      </c>
      <c r="BC33" s="71">
        <v>0</v>
      </c>
      <c r="BD33" s="72">
        <v>2</v>
      </c>
      <c r="BE33" s="73">
        <v>3</v>
      </c>
      <c r="BF33" s="70">
        <v>1</v>
      </c>
      <c r="BG33" s="71">
        <v>1</v>
      </c>
      <c r="BH33" s="72">
        <v>2</v>
      </c>
      <c r="BI33" s="244"/>
      <c r="BJ33" s="71">
        <v>2</v>
      </c>
      <c r="BK33" s="71">
        <v>0</v>
      </c>
      <c r="BL33" s="71">
        <v>0</v>
      </c>
      <c r="BM33" s="71">
        <v>1</v>
      </c>
      <c r="BN33" s="71">
        <v>0</v>
      </c>
      <c r="BO33" s="72">
        <v>3</v>
      </c>
      <c r="BP33" s="73">
        <v>5</v>
      </c>
      <c r="BQ33" s="70">
        <v>1</v>
      </c>
      <c r="BR33" s="71">
        <v>1</v>
      </c>
      <c r="BS33" s="72">
        <v>2</v>
      </c>
      <c r="BT33" s="244"/>
      <c r="BU33" s="71">
        <v>4</v>
      </c>
      <c r="BV33" s="71">
        <v>1</v>
      </c>
      <c r="BW33" s="71">
        <v>2</v>
      </c>
      <c r="BX33" s="71">
        <v>3</v>
      </c>
      <c r="BY33" s="71">
        <v>2</v>
      </c>
      <c r="BZ33" s="72">
        <v>12</v>
      </c>
      <c r="CA33" s="73">
        <v>14</v>
      </c>
      <c r="CB33" s="70">
        <v>0</v>
      </c>
      <c r="CC33" s="71">
        <v>0</v>
      </c>
      <c r="CD33" s="72">
        <v>0</v>
      </c>
      <c r="CE33" s="244"/>
      <c r="CF33" s="71">
        <v>0</v>
      </c>
      <c r="CG33" s="71">
        <v>0</v>
      </c>
      <c r="CH33" s="71">
        <v>0</v>
      </c>
      <c r="CI33" s="71">
        <v>0</v>
      </c>
      <c r="CJ33" s="71">
        <v>0</v>
      </c>
      <c r="CK33" s="72">
        <v>0</v>
      </c>
      <c r="CL33" s="73">
        <v>0</v>
      </c>
      <c r="CM33" s="70">
        <v>3</v>
      </c>
      <c r="CN33" s="71">
        <v>4</v>
      </c>
      <c r="CO33" s="72">
        <v>7</v>
      </c>
      <c r="CP33" s="244"/>
      <c r="CQ33" s="71">
        <v>7</v>
      </c>
      <c r="CR33" s="71">
        <v>1</v>
      </c>
      <c r="CS33" s="71">
        <v>2</v>
      </c>
      <c r="CT33" s="71">
        <v>6</v>
      </c>
      <c r="CU33" s="71">
        <v>2</v>
      </c>
      <c r="CV33" s="72">
        <v>18</v>
      </c>
      <c r="CW33" s="73">
        <v>25</v>
      </c>
      <c r="CX33" s="123">
        <v>1</v>
      </c>
      <c r="CY33" s="82">
        <v>1</v>
      </c>
      <c r="CZ33" s="83">
        <v>2</v>
      </c>
      <c r="DA33" s="241"/>
      <c r="DB33" s="82">
        <v>2</v>
      </c>
      <c r="DC33" s="82">
        <v>0</v>
      </c>
      <c r="DD33" s="82">
        <v>2</v>
      </c>
      <c r="DE33" s="82">
        <v>1</v>
      </c>
      <c r="DF33" s="82">
        <v>1</v>
      </c>
      <c r="DG33" s="84">
        <v>6</v>
      </c>
      <c r="DH33" s="85">
        <v>8</v>
      </c>
      <c r="DI33" s="70">
        <v>0</v>
      </c>
      <c r="DJ33" s="71">
        <v>0</v>
      </c>
      <c r="DK33" s="72">
        <v>0</v>
      </c>
      <c r="DL33" s="244"/>
      <c r="DM33" s="71">
        <v>0</v>
      </c>
      <c r="DN33" s="71">
        <v>0</v>
      </c>
      <c r="DO33" s="71">
        <v>0</v>
      </c>
      <c r="DP33" s="71">
        <v>0</v>
      </c>
      <c r="DQ33" s="71">
        <v>0</v>
      </c>
      <c r="DR33" s="72">
        <v>0</v>
      </c>
      <c r="DS33" s="73">
        <v>0</v>
      </c>
      <c r="DT33" s="70">
        <v>0</v>
      </c>
      <c r="DU33" s="71">
        <v>0</v>
      </c>
      <c r="DV33" s="72">
        <v>0</v>
      </c>
      <c r="DW33" s="244"/>
      <c r="DX33" s="71">
        <v>1</v>
      </c>
      <c r="DY33" s="71">
        <v>0</v>
      </c>
      <c r="DZ33" s="71">
        <v>0</v>
      </c>
      <c r="EA33" s="71">
        <v>0</v>
      </c>
      <c r="EB33" s="71">
        <v>0</v>
      </c>
      <c r="EC33" s="72">
        <v>1</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1</v>
      </c>
      <c r="EU33" s="71">
        <v>0</v>
      </c>
      <c r="EV33" s="71">
        <v>0</v>
      </c>
      <c r="EW33" s="71">
        <v>0</v>
      </c>
      <c r="EX33" s="71">
        <v>0</v>
      </c>
      <c r="EY33" s="72">
        <v>1</v>
      </c>
      <c r="EZ33" s="73">
        <v>2</v>
      </c>
      <c r="FA33" s="70">
        <v>0</v>
      </c>
      <c r="FB33" s="71">
        <v>1</v>
      </c>
      <c r="FC33" s="72">
        <v>1</v>
      </c>
      <c r="FD33" s="244"/>
      <c r="FE33" s="71">
        <v>0</v>
      </c>
      <c r="FF33" s="71">
        <v>0</v>
      </c>
      <c r="FG33" s="71">
        <v>1</v>
      </c>
      <c r="FH33" s="71">
        <v>1</v>
      </c>
      <c r="FI33" s="71">
        <v>0</v>
      </c>
      <c r="FJ33" s="72">
        <v>2</v>
      </c>
      <c r="FK33" s="73">
        <v>3</v>
      </c>
      <c r="FL33" s="70">
        <v>0</v>
      </c>
      <c r="FM33" s="71">
        <v>0</v>
      </c>
      <c r="FN33" s="72">
        <v>0</v>
      </c>
      <c r="FO33" s="244"/>
      <c r="FP33" s="71">
        <v>0</v>
      </c>
      <c r="FQ33" s="71">
        <v>0</v>
      </c>
      <c r="FR33" s="71">
        <v>1</v>
      </c>
      <c r="FS33" s="71">
        <v>0</v>
      </c>
      <c r="FT33" s="71">
        <v>1</v>
      </c>
      <c r="FU33" s="72">
        <v>2</v>
      </c>
      <c r="FV33" s="73">
        <v>2</v>
      </c>
      <c r="FW33" s="70">
        <v>0</v>
      </c>
      <c r="FX33" s="71">
        <v>0</v>
      </c>
      <c r="FY33" s="72">
        <v>0</v>
      </c>
      <c r="FZ33" s="244"/>
      <c r="GA33" s="71">
        <v>0</v>
      </c>
      <c r="GB33" s="71">
        <v>0</v>
      </c>
      <c r="GC33" s="71">
        <v>0</v>
      </c>
      <c r="GD33" s="71">
        <v>0</v>
      </c>
      <c r="GE33" s="71">
        <v>0</v>
      </c>
      <c r="GF33" s="72">
        <v>0</v>
      </c>
      <c r="GG33" s="73">
        <v>0</v>
      </c>
      <c r="GH33" s="70">
        <v>1</v>
      </c>
      <c r="GI33" s="71">
        <v>1</v>
      </c>
      <c r="GJ33" s="72">
        <v>2</v>
      </c>
      <c r="GK33" s="244"/>
      <c r="GL33" s="71">
        <v>2</v>
      </c>
      <c r="GM33" s="71">
        <v>0</v>
      </c>
      <c r="GN33" s="71">
        <v>2</v>
      </c>
      <c r="GO33" s="71">
        <v>1</v>
      </c>
      <c r="GP33" s="71">
        <v>1</v>
      </c>
      <c r="GQ33" s="72">
        <v>6</v>
      </c>
      <c r="GR33" s="73">
        <v>8</v>
      </c>
      <c r="GS33" s="123">
        <v>4</v>
      </c>
      <c r="GT33" s="82">
        <v>5</v>
      </c>
      <c r="GU33" s="83">
        <v>9</v>
      </c>
      <c r="GV33" s="241"/>
      <c r="GW33" s="82">
        <v>9</v>
      </c>
      <c r="GX33" s="82">
        <v>1</v>
      </c>
      <c r="GY33" s="82">
        <v>4</v>
      </c>
      <c r="GZ33" s="82">
        <v>7</v>
      </c>
      <c r="HA33" s="82">
        <v>3</v>
      </c>
      <c r="HB33" s="84">
        <v>24</v>
      </c>
      <c r="HC33" s="85">
        <v>33</v>
      </c>
      <c r="HD33" s="70">
        <v>0</v>
      </c>
      <c r="HE33" s="71">
        <v>0</v>
      </c>
      <c r="HF33" s="72">
        <v>0</v>
      </c>
      <c r="HG33" s="244"/>
      <c r="HH33" s="71">
        <v>0</v>
      </c>
      <c r="HI33" s="71">
        <v>0</v>
      </c>
      <c r="HJ33" s="71">
        <v>0</v>
      </c>
      <c r="HK33" s="71">
        <v>0</v>
      </c>
      <c r="HL33" s="71">
        <v>0</v>
      </c>
      <c r="HM33" s="72">
        <v>0</v>
      </c>
      <c r="HN33" s="73">
        <v>0</v>
      </c>
      <c r="HO33" s="70">
        <v>1</v>
      </c>
      <c r="HP33" s="71">
        <v>1</v>
      </c>
      <c r="HQ33" s="72">
        <v>2</v>
      </c>
      <c r="HR33" s="244"/>
      <c r="HS33" s="71">
        <v>1</v>
      </c>
      <c r="HT33" s="71">
        <v>0</v>
      </c>
      <c r="HU33" s="71">
        <v>0</v>
      </c>
      <c r="HV33" s="71">
        <v>0</v>
      </c>
      <c r="HW33" s="71">
        <v>0</v>
      </c>
      <c r="HX33" s="72">
        <v>1</v>
      </c>
      <c r="HY33" s="73">
        <v>3</v>
      </c>
      <c r="HZ33" s="70">
        <v>0</v>
      </c>
      <c r="IA33" s="71">
        <v>0</v>
      </c>
      <c r="IB33" s="72">
        <v>0</v>
      </c>
      <c r="IC33" s="244"/>
      <c r="ID33" s="71">
        <v>0</v>
      </c>
      <c r="IE33" s="71">
        <v>0</v>
      </c>
      <c r="IF33" s="71">
        <v>0</v>
      </c>
      <c r="IG33" s="71">
        <v>1</v>
      </c>
      <c r="IH33" s="71">
        <v>0</v>
      </c>
      <c r="II33" s="72">
        <v>1</v>
      </c>
      <c r="IJ33" s="73">
        <v>1</v>
      </c>
      <c r="IK33" s="70">
        <v>1</v>
      </c>
      <c r="IL33" s="71">
        <v>1</v>
      </c>
      <c r="IM33" s="72">
        <v>2</v>
      </c>
      <c r="IN33" s="244"/>
      <c r="IO33" s="71">
        <v>2</v>
      </c>
      <c r="IP33" s="71">
        <v>0</v>
      </c>
      <c r="IQ33" s="71">
        <v>0</v>
      </c>
      <c r="IR33" s="71">
        <v>1</v>
      </c>
      <c r="IS33" s="71">
        <v>0</v>
      </c>
      <c r="IT33" s="72">
        <v>3</v>
      </c>
      <c r="IU33" s="73">
        <v>5</v>
      </c>
      <c r="IV33" s="70">
        <v>1</v>
      </c>
      <c r="IW33" s="71">
        <v>2</v>
      </c>
      <c r="IX33" s="72">
        <v>3</v>
      </c>
      <c r="IY33" s="244"/>
      <c r="IZ33" s="71">
        <v>2</v>
      </c>
      <c r="JA33" s="71">
        <v>0</v>
      </c>
      <c r="JB33" s="71">
        <v>1</v>
      </c>
      <c r="JC33" s="71">
        <v>2</v>
      </c>
      <c r="JD33" s="71">
        <v>0</v>
      </c>
      <c r="JE33" s="72">
        <v>5</v>
      </c>
      <c r="JF33" s="73">
        <v>8</v>
      </c>
      <c r="JG33" s="70">
        <v>1</v>
      </c>
      <c r="JH33" s="71">
        <v>1</v>
      </c>
      <c r="JI33" s="72">
        <v>2</v>
      </c>
      <c r="JJ33" s="244"/>
      <c r="JK33" s="71">
        <v>4</v>
      </c>
      <c r="JL33" s="71">
        <v>1</v>
      </c>
      <c r="JM33" s="71">
        <v>3</v>
      </c>
      <c r="JN33" s="71">
        <v>3</v>
      </c>
      <c r="JO33" s="71">
        <v>3</v>
      </c>
      <c r="JP33" s="72">
        <v>14</v>
      </c>
      <c r="JQ33" s="73">
        <v>16</v>
      </c>
      <c r="JR33" s="70">
        <v>0</v>
      </c>
      <c r="JS33" s="71">
        <v>0</v>
      </c>
      <c r="JT33" s="72">
        <v>0</v>
      </c>
      <c r="JU33" s="244"/>
      <c r="JV33" s="71">
        <v>0</v>
      </c>
      <c r="JW33" s="71">
        <v>0</v>
      </c>
      <c r="JX33" s="71">
        <v>0</v>
      </c>
      <c r="JY33" s="71">
        <v>0</v>
      </c>
      <c r="JZ33" s="71">
        <v>0</v>
      </c>
      <c r="KA33" s="72">
        <v>0</v>
      </c>
      <c r="KB33" s="73">
        <v>0</v>
      </c>
      <c r="KC33" s="70">
        <v>4</v>
      </c>
      <c r="KD33" s="71">
        <v>5</v>
      </c>
      <c r="KE33" s="72">
        <v>9</v>
      </c>
      <c r="KF33" s="244"/>
      <c r="KG33" s="71">
        <v>9</v>
      </c>
      <c r="KH33" s="71">
        <v>1</v>
      </c>
      <c r="KI33" s="71">
        <v>4</v>
      </c>
      <c r="KJ33" s="71">
        <v>7</v>
      </c>
      <c r="KK33" s="71">
        <v>3</v>
      </c>
      <c r="KL33" s="72">
        <v>24</v>
      </c>
      <c r="KM33" s="73">
        <v>33</v>
      </c>
    </row>
    <row r="34" spans="2:299" ht="21" customHeight="1" x14ac:dyDescent="0.2">
      <c r="B34" s="126" t="s">
        <v>31</v>
      </c>
      <c r="C34" s="315">
        <v>6</v>
      </c>
      <c r="D34" s="82">
        <v>5</v>
      </c>
      <c r="E34" s="83">
        <v>11</v>
      </c>
      <c r="F34" s="241"/>
      <c r="G34" s="82">
        <v>8</v>
      </c>
      <c r="H34" s="82">
        <v>8</v>
      </c>
      <c r="I34" s="82">
        <v>6</v>
      </c>
      <c r="J34" s="82">
        <v>4</v>
      </c>
      <c r="K34" s="82">
        <v>1</v>
      </c>
      <c r="L34" s="84">
        <v>27</v>
      </c>
      <c r="M34" s="85">
        <v>38</v>
      </c>
      <c r="N34" s="70">
        <v>0</v>
      </c>
      <c r="O34" s="71">
        <v>0</v>
      </c>
      <c r="P34" s="72">
        <v>0</v>
      </c>
      <c r="Q34" s="244"/>
      <c r="R34" s="71">
        <v>0</v>
      </c>
      <c r="S34" s="71">
        <v>0</v>
      </c>
      <c r="T34" s="71">
        <v>0</v>
      </c>
      <c r="U34" s="71">
        <v>1</v>
      </c>
      <c r="V34" s="71">
        <v>0</v>
      </c>
      <c r="W34" s="72">
        <v>1</v>
      </c>
      <c r="X34" s="73">
        <v>1</v>
      </c>
      <c r="Y34" s="70">
        <v>0</v>
      </c>
      <c r="Z34" s="71">
        <v>0</v>
      </c>
      <c r="AA34" s="72">
        <v>0</v>
      </c>
      <c r="AB34" s="244"/>
      <c r="AC34" s="71">
        <v>1</v>
      </c>
      <c r="AD34" s="71">
        <v>0</v>
      </c>
      <c r="AE34" s="71">
        <v>0</v>
      </c>
      <c r="AF34" s="71">
        <v>0</v>
      </c>
      <c r="AG34" s="71">
        <v>0</v>
      </c>
      <c r="AH34" s="72">
        <v>1</v>
      </c>
      <c r="AI34" s="73">
        <v>1</v>
      </c>
      <c r="AJ34" s="70">
        <v>0</v>
      </c>
      <c r="AK34" s="71">
        <v>2</v>
      </c>
      <c r="AL34" s="72">
        <v>2</v>
      </c>
      <c r="AM34" s="244"/>
      <c r="AN34" s="71">
        <v>0</v>
      </c>
      <c r="AO34" s="71">
        <v>0</v>
      </c>
      <c r="AP34" s="71">
        <v>1</v>
      </c>
      <c r="AQ34" s="71">
        <v>0</v>
      </c>
      <c r="AR34" s="71">
        <v>0</v>
      </c>
      <c r="AS34" s="72">
        <v>1</v>
      </c>
      <c r="AT34" s="73">
        <v>3</v>
      </c>
      <c r="AU34" s="70">
        <v>0</v>
      </c>
      <c r="AV34" s="71">
        <v>1</v>
      </c>
      <c r="AW34" s="72">
        <v>1</v>
      </c>
      <c r="AX34" s="244"/>
      <c r="AY34" s="71">
        <v>3</v>
      </c>
      <c r="AZ34" s="71">
        <v>1</v>
      </c>
      <c r="BA34" s="71">
        <v>0</v>
      </c>
      <c r="BB34" s="71">
        <v>1</v>
      </c>
      <c r="BC34" s="71">
        <v>0</v>
      </c>
      <c r="BD34" s="72">
        <v>5</v>
      </c>
      <c r="BE34" s="73">
        <v>6</v>
      </c>
      <c r="BF34" s="70">
        <v>2</v>
      </c>
      <c r="BG34" s="71">
        <v>0</v>
      </c>
      <c r="BH34" s="72">
        <v>2</v>
      </c>
      <c r="BI34" s="244"/>
      <c r="BJ34" s="71">
        <v>3</v>
      </c>
      <c r="BK34" s="71">
        <v>3</v>
      </c>
      <c r="BL34" s="71">
        <v>0</v>
      </c>
      <c r="BM34" s="71">
        <v>0</v>
      </c>
      <c r="BN34" s="71">
        <v>0</v>
      </c>
      <c r="BO34" s="72">
        <v>6</v>
      </c>
      <c r="BP34" s="73">
        <v>8</v>
      </c>
      <c r="BQ34" s="70">
        <v>4</v>
      </c>
      <c r="BR34" s="71">
        <v>2</v>
      </c>
      <c r="BS34" s="72">
        <v>6</v>
      </c>
      <c r="BT34" s="244"/>
      <c r="BU34" s="71">
        <v>1</v>
      </c>
      <c r="BV34" s="71">
        <v>4</v>
      </c>
      <c r="BW34" s="71">
        <v>5</v>
      </c>
      <c r="BX34" s="71">
        <v>2</v>
      </c>
      <c r="BY34" s="71">
        <v>1</v>
      </c>
      <c r="BZ34" s="72">
        <v>13</v>
      </c>
      <c r="CA34" s="73">
        <v>19</v>
      </c>
      <c r="CB34" s="70">
        <v>0</v>
      </c>
      <c r="CC34" s="71">
        <v>0</v>
      </c>
      <c r="CD34" s="72">
        <v>0</v>
      </c>
      <c r="CE34" s="244"/>
      <c r="CF34" s="71">
        <v>0</v>
      </c>
      <c r="CG34" s="71">
        <v>0</v>
      </c>
      <c r="CH34" s="71">
        <v>0</v>
      </c>
      <c r="CI34" s="71">
        <v>0</v>
      </c>
      <c r="CJ34" s="71">
        <v>0</v>
      </c>
      <c r="CK34" s="72">
        <v>0</v>
      </c>
      <c r="CL34" s="73">
        <v>0</v>
      </c>
      <c r="CM34" s="70">
        <v>6</v>
      </c>
      <c r="CN34" s="71">
        <v>5</v>
      </c>
      <c r="CO34" s="72">
        <v>11</v>
      </c>
      <c r="CP34" s="244"/>
      <c r="CQ34" s="71">
        <v>8</v>
      </c>
      <c r="CR34" s="71">
        <v>8</v>
      </c>
      <c r="CS34" s="71">
        <v>6</v>
      </c>
      <c r="CT34" s="71">
        <v>4</v>
      </c>
      <c r="CU34" s="71">
        <v>1</v>
      </c>
      <c r="CV34" s="72">
        <v>27</v>
      </c>
      <c r="CW34" s="73">
        <v>38</v>
      </c>
      <c r="CX34" s="123">
        <v>3</v>
      </c>
      <c r="CY34" s="82">
        <v>1</v>
      </c>
      <c r="CZ34" s="83">
        <v>4</v>
      </c>
      <c r="DA34" s="241"/>
      <c r="DB34" s="82">
        <v>1</v>
      </c>
      <c r="DC34" s="82">
        <v>3</v>
      </c>
      <c r="DD34" s="82">
        <v>1</v>
      </c>
      <c r="DE34" s="82">
        <v>1</v>
      </c>
      <c r="DF34" s="82">
        <v>1</v>
      </c>
      <c r="DG34" s="84">
        <v>7</v>
      </c>
      <c r="DH34" s="85">
        <v>11</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1</v>
      </c>
      <c r="EJ34" s="71">
        <v>0</v>
      </c>
      <c r="EK34" s="71">
        <v>0</v>
      </c>
      <c r="EL34" s="71">
        <v>0</v>
      </c>
      <c r="EM34" s="71">
        <v>0</v>
      </c>
      <c r="EN34" s="72">
        <v>1</v>
      </c>
      <c r="EO34" s="73">
        <v>1</v>
      </c>
      <c r="EP34" s="70">
        <v>1</v>
      </c>
      <c r="EQ34" s="71">
        <v>1</v>
      </c>
      <c r="ER34" s="72">
        <v>2</v>
      </c>
      <c r="ES34" s="244"/>
      <c r="ET34" s="71">
        <v>0</v>
      </c>
      <c r="EU34" s="71">
        <v>1</v>
      </c>
      <c r="EV34" s="71">
        <v>1</v>
      </c>
      <c r="EW34" s="71">
        <v>0</v>
      </c>
      <c r="EX34" s="71">
        <v>0</v>
      </c>
      <c r="EY34" s="72">
        <v>2</v>
      </c>
      <c r="EZ34" s="73">
        <v>4</v>
      </c>
      <c r="FA34" s="70">
        <v>2</v>
      </c>
      <c r="FB34" s="71">
        <v>0</v>
      </c>
      <c r="FC34" s="72">
        <v>2</v>
      </c>
      <c r="FD34" s="244"/>
      <c r="FE34" s="71">
        <v>0</v>
      </c>
      <c r="FF34" s="71">
        <v>1</v>
      </c>
      <c r="FG34" s="71">
        <v>0</v>
      </c>
      <c r="FH34" s="71">
        <v>0</v>
      </c>
      <c r="FI34" s="71">
        <v>0</v>
      </c>
      <c r="FJ34" s="72">
        <v>1</v>
      </c>
      <c r="FK34" s="73">
        <v>3</v>
      </c>
      <c r="FL34" s="70">
        <v>0</v>
      </c>
      <c r="FM34" s="71">
        <v>0</v>
      </c>
      <c r="FN34" s="72">
        <v>0</v>
      </c>
      <c r="FO34" s="244"/>
      <c r="FP34" s="71">
        <v>0</v>
      </c>
      <c r="FQ34" s="71">
        <v>1</v>
      </c>
      <c r="FR34" s="71">
        <v>0</v>
      </c>
      <c r="FS34" s="71">
        <v>1</v>
      </c>
      <c r="FT34" s="71">
        <v>1</v>
      </c>
      <c r="FU34" s="72">
        <v>3</v>
      </c>
      <c r="FV34" s="73">
        <v>3</v>
      </c>
      <c r="FW34" s="70">
        <v>0</v>
      </c>
      <c r="FX34" s="71">
        <v>0</v>
      </c>
      <c r="FY34" s="72">
        <v>0</v>
      </c>
      <c r="FZ34" s="244"/>
      <c r="GA34" s="71">
        <v>0</v>
      </c>
      <c r="GB34" s="71">
        <v>0</v>
      </c>
      <c r="GC34" s="71">
        <v>0</v>
      </c>
      <c r="GD34" s="71">
        <v>0</v>
      </c>
      <c r="GE34" s="71">
        <v>0</v>
      </c>
      <c r="GF34" s="72">
        <v>0</v>
      </c>
      <c r="GG34" s="73">
        <v>0</v>
      </c>
      <c r="GH34" s="70">
        <v>3</v>
      </c>
      <c r="GI34" s="71">
        <v>1</v>
      </c>
      <c r="GJ34" s="72">
        <v>4</v>
      </c>
      <c r="GK34" s="244"/>
      <c r="GL34" s="71">
        <v>1</v>
      </c>
      <c r="GM34" s="71">
        <v>3</v>
      </c>
      <c r="GN34" s="71">
        <v>1</v>
      </c>
      <c r="GO34" s="71">
        <v>1</v>
      </c>
      <c r="GP34" s="71">
        <v>1</v>
      </c>
      <c r="GQ34" s="72">
        <v>7</v>
      </c>
      <c r="GR34" s="73">
        <v>11</v>
      </c>
      <c r="GS34" s="123">
        <v>9</v>
      </c>
      <c r="GT34" s="82">
        <v>6</v>
      </c>
      <c r="GU34" s="83">
        <v>15</v>
      </c>
      <c r="GV34" s="241"/>
      <c r="GW34" s="82">
        <v>9</v>
      </c>
      <c r="GX34" s="82">
        <v>11</v>
      </c>
      <c r="GY34" s="82">
        <v>7</v>
      </c>
      <c r="GZ34" s="82">
        <v>5</v>
      </c>
      <c r="HA34" s="82">
        <v>2</v>
      </c>
      <c r="HB34" s="84">
        <v>34</v>
      </c>
      <c r="HC34" s="85">
        <v>49</v>
      </c>
      <c r="HD34" s="70">
        <v>0</v>
      </c>
      <c r="HE34" s="71">
        <v>0</v>
      </c>
      <c r="HF34" s="72">
        <v>0</v>
      </c>
      <c r="HG34" s="244"/>
      <c r="HH34" s="71">
        <v>0</v>
      </c>
      <c r="HI34" s="71">
        <v>0</v>
      </c>
      <c r="HJ34" s="71">
        <v>0</v>
      </c>
      <c r="HK34" s="71">
        <v>1</v>
      </c>
      <c r="HL34" s="71">
        <v>0</v>
      </c>
      <c r="HM34" s="72">
        <v>1</v>
      </c>
      <c r="HN34" s="73">
        <v>1</v>
      </c>
      <c r="HO34" s="70">
        <v>0</v>
      </c>
      <c r="HP34" s="71">
        <v>0</v>
      </c>
      <c r="HQ34" s="72">
        <v>0</v>
      </c>
      <c r="HR34" s="244"/>
      <c r="HS34" s="71">
        <v>1</v>
      </c>
      <c r="HT34" s="71">
        <v>0</v>
      </c>
      <c r="HU34" s="71">
        <v>0</v>
      </c>
      <c r="HV34" s="71">
        <v>0</v>
      </c>
      <c r="HW34" s="71">
        <v>0</v>
      </c>
      <c r="HX34" s="72">
        <v>1</v>
      </c>
      <c r="HY34" s="73">
        <v>1</v>
      </c>
      <c r="HZ34" s="70">
        <v>0</v>
      </c>
      <c r="IA34" s="71">
        <v>2</v>
      </c>
      <c r="IB34" s="72">
        <v>2</v>
      </c>
      <c r="IC34" s="244"/>
      <c r="ID34" s="71">
        <v>1</v>
      </c>
      <c r="IE34" s="71">
        <v>0</v>
      </c>
      <c r="IF34" s="71">
        <v>1</v>
      </c>
      <c r="IG34" s="71">
        <v>0</v>
      </c>
      <c r="IH34" s="71">
        <v>0</v>
      </c>
      <c r="II34" s="72">
        <v>2</v>
      </c>
      <c r="IJ34" s="73">
        <v>4</v>
      </c>
      <c r="IK34" s="70">
        <v>1</v>
      </c>
      <c r="IL34" s="71">
        <v>2</v>
      </c>
      <c r="IM34" s="72">
        <v>3</v>
      </c>
      <c r="IN34" s="244"/>
      <c r="IO34" s="71">
        <v>3</v>
      </c>
      <c r="IP34" s="71">
        <v>2</v>
      </c>
      <c r="IQ34" s="71">
        <v>1</v>
      </c>
      <c r="IR34" s="71">
        <v>1</v>
      </c>
      <c r="IS34" s="71">
        <v>0</v>
      </c>
      <c r="IT34" s="72">
        <v>7</v>
      </c>
      <c r="IU34" s="73">
        <v>10</v>
      </c>
      <c r="IV34" s="70">
        <v>4</v>
      </c>
      <c r="IW34" s="71">
        <v>0</v>
      </c>
      <c r="IX34" s="72">
        <v>4</v>
      </c>
      <c r="IY34" s="244"/>
      <c r="IZ34" s="71">
        <v>3</v>
      </c>
      <c r="JA34" s="71">
        <v>4</v>
      </c>
      <c r="JB34" s="71">
        <v>0</v>
      </c>
      <c r="JC34" s="71">
        <v>0</v>
      </c>
      <c r="JD34" s="71">
        <v>0</v>
      </c>
      <c r="JE34" s="72">
        <v>7</v>
      </c>
      <c r="JF34" s="73">
        <v>11</v>
      </c>
      <c r="JG34" s="70">
        <v>4</v>
      </c>
      <c r="JH34" s="71">
        <v>2</v>
      </c>
      <c r="JI34" s="72">
        <v>6</v>
      </c>
      <c r="JJ34" s="244"/>
      <c r="JK34" s="71">
        <v>1</v>
      </c>
      <c r="JL34" s="71">
        <v>5</v>
      </c>
      <c r="JM34" s="71">
        <v>5</v>
      </c>
      <c r="JN34" s="71">
        <v>3</v>
      </c>
      <c r="JO34" s="71">
        <v>2</v>
      </c>
      <c r="JP34" s="72">
        <v>16</v>
      </c>
      <c r="JQ34" s="73">
        <v>22</v>
      </c>
      <c r="JR34" s="70">
        <v>0</v>
      </c>
      <c r="JS34" s="71">
        <v>0</v>
      </c>
      <c r="JT34" s="72">
        <v>0</v>
      </c>
      <c r="JU34" s="244"/>
      <c r="JV34" s="71">
        <v>0</v>
      </c>
      <c r="JW34" s="71">
        <v>0</v>
      </c>
      <c r="JX34" s="71">
        <v>0</v>
      </c>
      <c r="JY34" s="71">
        <v>0</v>
      </c>
      <c r="JZ34" s="71">
        <v>0</v>
      </c>
      <c r="KA34" s="72">
        <v>0</v>
      </c>
      <c r="KB34" s="73">
        <v>0</v>
      </c>
      <c r="KC34" s="70">
        <v>9</v>
      </c>
      <c r="KD34" s="71">
        <v>6</v>
      </c>
      <c r="KE34" s="72">
        <v>15</v>
      </c>
      <c r="KF34" s="244"/>
      <c r="KG34" s="71">
        <v>9</v>
      </c>
      <c r="KH34" s="71">
        <v>11</v>
      </c>
      <c r="KI34" s="71">
        <v>7</v>
      </c>
      <c r="KJ34" s="71">
        <v>5</v>
      </c>
      <c r="KK34" s="71">
        <v>2</v>
      </c>
      <c r="KL34" s="72">
        <v>34</v>
      </c>
      <c r="KM34" s="73">
        <v>49</v>
      </c>
    </row>
    <row r="35" spans="2:299" ht="21" customHeight="1" x14ac:dyDescent="0.2">
      <c r="B35" s="126" t="s">
        <v>32</v>
      </c>
      <c r="C35" s="315">
        <v>1</v>
      </c>
      <c r="D35" s="82">
        <v>5</v>
      </c>
      <c r="E35" s="83">
        <v>6</v>
      </c>
      <c r="F35" s="241"/>
      <c r="G35" s="82">
        <v>10</v>
      </c>
      <c r="H35" s="82">
        <v>14</v>
      </c>
      <c r="I35" s="82">
        <v>7</v>
      </c>
      <c r="J35" s="82">
        <v>4</v>
      </c>
      <c r="K35" s="82">
        <v>1</v>
      </c>
      <c r="L35" s="84">
        <v>36</v>
      </c>
      <c r="M35" s="85">
        <v>42</v>
      </c>
      <c r="N35" s="70">
        <v>0</v>
      </c>
      <c r="O35" s="71">
        <v>0</v>
      </c>
      <c r="P35" s="72">
        <v>0</v>
      </c>
      <c r="Q35" s="244"/>
      <c r="R35" s="71">
        <v>0</v>
      </c>
      <c r="S35" s="71">
        <v>0</v>
      </c>
      <c r="T35" s="71">
        <v>0</v>
      </c>
      <c r="U35" s="71">
        <v>0</v>
      </c>
      <c r="V35" s="71">
        <v>0</v>
      </c>
      <c r="W35" s="72">
        <v>0</v>
      </c>
      <c r="X35" s="73">
        <v>0</v>
      </c>
      <c r="Y35" s="70">
        <v>1</v>
      </c>
      <c r="Z35" s="71">
        <v>0</v>
      </c>
      <c r="AA35" s="72">
        <v>1</v>
      </c>
      <c r="AB35" s="244"/>
      <c r="AC35" s="71">
        <v>0</v>
      </c>
      <c r="AD35" s="71">
        <v>0</v>
      </c>
      <c r="AE35" s="71">
        <v>0</v>
      </c>
      <c r="AF35" s="71">
        <v>0</v>
      </c>
      <c r="AG35" s="71">
        <v>0</v>
      </c>
      <c r="AH35" s="72">
        <v>0</v>
      </c>
      <c r="AI35" s="73">
        <v>1</v>
      </c>
      <c r="AJ35" s="70">
        <v>0</v>
      </c>
      <c r="AK35" s="71">
        <v>0</v>
      </c>
      <c r="AL35" s="72">
        <v>0</v>
      </c>
      <c r="AM35" s="244"/>
      <c r="AN35" s="71">
        <v>0</v>
      </c>
      <c r="AO35" s="71">
        <v>3</v>
      </c>
      <c r="AP35" s="71">
        <v>1</v>
      </c>
      <c r="AQ35" s="71">
        <v>0</v>
      </c>
      <c r="AR35" s="71">
        <v>0</v>
      </c>
      <c r="AS35" s="72">
        <v>4</v>
      </c>
      <c r="AT35" s="73">
        <v>4</v>
      </c>
      <c r="AU35" s="70">
        <v>0</v>
      </c>
      <c r="AV35" s="71">
        <v>1</v>
      </c>
      <c r="AW35" s="72">
        <v>1</v>
      </c>
      <c r="AX35" s="244"/>
      <c r="AY35" s="71">
        <v>2</v>
      </c>
      <c r="AZ35" s="71">
        <v>1</v>
      </c>
      <c r="BA35" s="71">
        <v>1</v>
      </c>
      <c r="BB35" s="71">
        <v>1</v>
      </c>
      <c r="BC35" s="71">
        <v>0</v>
      </c>
      <c r="BD35" s="72">
        <v>5</v>
      </c>
      <c r="BE35" s="73">
        <v>6</v>
      </c>
      <c r="BF35" s="70">
        <v>0</v>
      </c>
      <c r="BG35" s="71">
        <v>3</v>
      </c>
      <c r="BH35" s="72">
        <v>3</v>
      </c>
      <c r="BI35" s="244"/>
      <c r="BJ35" s="71">
        <v>5</v>
      </c>
      <c r="BK35" s="71">
        <v>5</v>
      </c>
      <c r="BL35" s="71">
        <v>3</v>
      </c>
      <c r="BM35" s="71">
        <v>1</v>
      </c>
      <c r="BN35" s="71">
        <v>1</v>
      </c>
      <c r="BO35" s="72">
        <v>15</v>
      </c>
      <c r="BP35" s="73">
        <v>18</v>
      </c>
      <c r="BQ35" s="70">
        <v>0</v>
      </c>
      <c r="BR35" s="71">
        <v>1</v>
      </c>
      <c r="BS35" s="72">
        <v>1</v>
      </c>
      <c r="BT35" s="244"/>
      <c r="BU35" s="71">
        <v>3</v>
      </c>
      <c r="BV35" s="71">
        <v>5</v>
      </c>
      <c r="BW35" s="71">
        <v>2</v>
      </c>
      <c r="BX35" s="71">
        <v>2</v>
      </c>
      <c r="BY35" s="71">
        <v>0</v>
      </c>
      <c r="BZ35" s="72">
        <v>12</v>
      </c>
      <c r="CA35" s="73">
        <v>13</v>
      </c>
      <c r="CB35" s="70">
        <v>0</v>
      </c>
      <c r="CC35" s="71">
        <v>0</v>
      </c>
      <c r="CD35" s="72">
        <v>0</v>
      </c>
      <c r="CE35" s="244"/>
      <c r="CF35" s="71">
        <v>0</v>
      </c>
      <c r="CG35" s="71">
        <v>0</v>
      </c>
      <c r="CH35" s="71">
        <v>0</v>
      </c>
      <c r="CI35" s="71">
        <v>0</v>
      </c>
      <c r="CJ35" s="71">
        <v>0</v>
      </c>
      <c r="CK35" s="72">
        <v>0</v>
      </c>
      <c r="CL35" s="73">
        <v>0</v>
      </c>
      <c r="CM35" s="70">
        <v>1</v>
      </c>
      <c r="CN35" s="71">
        <v>5</v>
      </c>
      <c r="CO35" s="72">
        <v>6</v>
      </c>
      <c r="CP35" s="244"/>
      <c r="CQ35" s="71">
        <v>10</v>
      </c>
      <c r="CR35" s="71">
        <v>14</v>
      </c>
      <c r="CS35" s="71">
        <v>7</v>
      </c>
      <c r="CT35" s="71">
        <v>4</v>
      </c>
      <c r="CU35" s="71">
        <v>1</v>
      </c>
      <c r="CV35" s="72">
        <v>36</v>
      </c>
      <c r="CW35" s="73">
        <v>42</v>
      </c>
      <c r="CX35" s="123">
        <v>0</v>
      </c>
      <c r="CY35" s="82">
        <v>0</v>
      </c>
      <c r="CZ35" s="83">
        <v>0</v>
      </c>
      <c r="DA35" s="241"/>
      <c r="DB35" s="82">
        <v>1</v>
      </c>
      <c r="DC35" s="82">
        <v>2</v>
      </c>
      <c r="DD35" s="82">
        <v>4</v>
      </c>
      <c r="DE35" s="82">
        <v>3</v>
      </c>
      <c r="DF35" s="82">
        <v>3</v>
      </c>
      <c r="DG35" s="84">
        <v>13</v>
      </c>
      <c r="DH35" s="85">
        <v>13</v>
      </c>
      <c r="DI35" s="70">
        <v>0</v>
      </c>
      <c r="DJ35" s="71">
        <v>0</v>
      </c>
      <c r="DK35" s="72">
        <v>0</v>
      </c>
      <c r="DL35" s="244"/>
      <c r="DM35" s="71">
        <v>0</v>
      </c>
      <c r="DN35" s="71">
        <v>0</v>
      </c>
      <c r="DO35" s="71">
        <v>1</v>
      </c>
      <c r="DP35" s="71">
        <v>0</v>
      </c>
      <c r="DQ35" s="71">
        <v>0</v>
      </c>
      <c r="DR35" s="72">
        <v>1</v>
      </c>
      <c r="DS35" s="73">
        <v>1</v>
      </c>
      <c r="DT35" s="70">
        <v>0</v>
      </c>
      <c r="DU35" s="71">
        <v>0</v>
      </c>
      <c r="DV35" s="72">
        <v>0</v>
      </c>
      <c r="DW35" s="244"/>
      <c r="DX35" s="71">
        <v>0</v>
      </c>
      <c r="DY35" s="71">
        <v>0</v>
      </c>
      <c r="DZ35" s="71">
        <v>0</v>
      </c>
      <c r="EA35" s="71">
        <v>0</v>
      </c>
      <c r="EB35" s="71">
        <v>0</v>
      </c>
      <c r="EC35" s="72">
        <v>0</v>
      </c>
      <c r="ED35" s="73">
        <v>0</v>
      </c>
      <c r="EE35" s="70">
        <v>0</v>
      </c>
      <c r="EF35" s="71">
        <v>0</v>
      </c>
      <c r="EG35" s="72">
        <v>0</v>
      </c>
      <c r="EH35" s="244"/>
      <c r="EI35" s="71">
        <v>0</v>
      </c>
      <c r="EJ35" s="71">
        <v>0</v>
      </c>
      <c r="EK35" s="71">
        <v>0</v>
      </c>
      <c r="EL35" s="71">
        <v>0</v>
      </c>
      <c r="EM35" s="71">
        <v>0</v>
      </c>
      <c r="EN35" s="72">
        <v>0</v>
      </c>
      <c r="EO35" s="73">
        <v>0</v>
      </c>
      <c r="EP35" s="70">
        <v>0</v>
      </c>
      <c r="EQ35" s="71">
        <v>0</v>
      </c>
      <c r="ER35" s="72">
        <v>0</v>
      </c>
      <c r="ES35" s="244"/>
      <c r="ET35" s="71">
        <v>0</v>
      </c>
      <c r="EU35" s="71">
        <v>1</v>
      </c>
      <c r="EV35" s="71">
        <v>1</v>
      </c>
      <c r="EW35" s="71">
        <v>0</v>
      </c>
      <c r="EX35" s="71">
        <v>0</v>
      </c>
      <c r="EY35" s="72">
        <v>2</v>
      </c>
      <c r="EZ35" s="73">
        <v>2</v>
      </c>
      <c r="FA35" s="70">
        <v>0</v>
      </c>
      <c r="FB35" s="71">
        <v>0</v>
      </c>
      <c r="FC35" s="72">
        <v>0</v>
      </c>
      <c r="FD35" s="244"/>
      <c r="FE35" s="71">
        <v>1</v>
      </c>
      <c r="FF35" s="71">
        <v>0</v>
      </c>
      <c r="FG35" s="71">
        <v>1</v>
      </c>
      <c r="FH35" s="71">
        <v>2</v>
      </c>
      <c r="FI35" s="71">
        <v>1</v>
      </c>
      <c r="FJ35" s="72">
        <v>5</v>
      </c>
      <c r="FK35" s="73">
        <v>5</v>
      </c>
      <c r="FL35" s="70">
        <v>0</v>
      </c>
      <c r="FM35" s="71">
        <v>0</v>
      </c>
      <c r="FN35" s="72">
        <v>0</v>
      </c>
      <c r="FO35" s="244"/>
      <c r="FP35" s="71">
        <v>0</v>
      </c>
      <c r="FQ35" s="71">
        <v>1</v>
      </c>
      <c r="FR35" s="71">
        <v>1</v>
      </c>
      <c r="FS35" s="71">
        <v>1</v>
      </c>
      <c r="FT35" s="71">
        <v>2</v>
      </c>
      <c r="FU35" s="72">
        <v>5</v>
      </c>
      <c r="FV35" s="73">
        <v>5</v>
      </c>
      <c r="FW35" s="70">
        <v>0</v>
      </c>
      <c r="FX35" s="71">
        <v>0</v>
      </c>
      <c r="FY35" s="72">
        <v>0</v>
      </c>
      <c r="FZ35" s="244"/>
      <c r="GA35" s="71">
        <v>0</v>
      </c>
      <c r="GB35" s="71">
        <v>0</v>
      </c>
      <c r="GC35" s="71">
        <v>0</v>
      </c>
      <c r="GD35" s="71">
        <v>0</v>
      </c>
      <c r="GE35" s="71">
        <v>0</v>
      </c>
      <c r="GF35" s="72">
        <v>0</v>
      </c>
      <c r="GG35" s="73">
        <v>0</v>
      </c>
      <c r="GH35" s="70">
        <v>0</v>
      </c>
      <c r="GI35" s="71">
        <v>0</v>
      </c>
      <c r="GJ35" s="72">
        <v>0</v>
      </c>
      <c r="GK35" s="244"/>
      <c r="GL35" s="71">
        <v>1</v>
      </c>
      <c r="GM35" s="71">
        <v>2</v>
      </c>
      <c r="GN35" s="71">
        <v>4</v>
      </c>
      <c r="GO35" s="71">
        <v>3</v>
      </c>
      <c r="GP35" s="71">
        <v>3</v>
      </c>
      <c r="GQ35" s="72">
        <v>13</v>
      </c>
      <c r="GR35" s="73">
        <v>13</v>
      </c>
      <c r="GS35" s="123">
        <v>1</v>
      </c>
      <c r="GT35" s="82">
        <v>5</v>
      </c>
      <c r="GU35" s="83">
        <v>6</v>
      </c>
      <c r="GV35" s="241"/>
      <c r="GW35" s="82">
        <v>11</v>
      </c>
      <c r="GX35" s="82">
        <v>16</v>
      </c>
      <c r="GY35" s="82">
        <v>11</v>
      </c>
      <c r="GZ35" s="82">
        <v>7</v>
      </c>
      <c r="HA35" s="82">
        <v>4</v>
      </c>
      <c r="HB35" s="84">
        <v>49</v>
      </c>
      <c r="HC35" s="85">
        <v>55</v>
      </c>
      <c r="HD35" s="70">
        <v>0</v>
      </c>
      <c r="HE35" s="71">
        <v>0</v>
      </c>
      <c r="HF35" s="72">
        <v>0</v>
      </c>
      <c r="HG35" s="244"/>
      <c r="HH35" s="71">
        <v>0</v>
      </c>
      <c r="HI35" s="71">
        <v>0</v>
      </c>
      <c r="HJ35" s="71">
        <v>1</v>
      </c>
      <c r="HK35" s="71">
        <v>0</v>
      </c>
      <c r="HL35" s="71">
        <v>0</v>
      </c>
      <c r="HM35" s="72">
        <v>1</v>
      </c>
      <c r="HN35" s="73">
        <v>1</v>
      </c>
      <c r="HO35" s="70">
        <v>1</v>
      </c>
      <c r="HP35" s="71">
        <v>0</v>
      </c>
      <c r="HQ35" s="72">
        <v>1</v>
      </c>
      <c r="HR35" s="244"/>
      <c r="HS35" s="71">
        <v>0</v>
      </c>
      <c r="HT35" s="71">
        <v>0</v>
      </c>
      <c r="HU35" s="71">
        <v>0</v>
      </c>
      <c r="HV35" s="71">
        <v>0</v>
      </c>
      <c r="HW35" s="71">
        <v>0</v>
      </c>
      <c r="HX35" s="72">
        <v>0</v>
      </c>
      <c r="HY35" s="73">
        <v>1</v>
      </c>
      <c r="HZ35" s="70">
        <v>0</v>
      </c>
      <c r="IA35" s="71">
        <v>0</v>
      </c>
      <c r="IB35" s="72">
        <v>0</v>
      </c>
      <c r="IC35" s="244"/>
      <c r="ID35" s="71">
        <v>0</v>
      </c>
      <c r="IE35" s="71">
        <v>3</v>
      </c>
      <c r="IF35" s="71">
        <v>1</v>
      </c>
      <c r="IG35" s="71">
        <v>0</v>
      </c>
      <c r="IH35" s="71">
        <v>0</v>
      </c>
      <c r="II35" s="72">
        <v>4</v>
      </c>
      <c r="IJ35" s="73">
        <v>4</v>
      </c>
      <c r="IK35" s="70">
        <v>0</v>
      </c>
      <c r="IL35" s="71">
        <v>1</v>
      </c>
      <c r="IM35" s="72">
        <v>1</v>
      </c>
      <c r="IN35" s="244"/>
      <c r="IO35" s="71">
        <v>2</v>
      </c>
      <c r="IP35" s="71">
        <v>2</v>
      </c>
      <c r="IQ35" s="71">
        <v>2</v>
      </c>
      <c r="IR35" s="71">
        <v>1</v>
      </c>
      <c r="IS35" s="71">
        <v>0</v>
      </c>
      <c r="IT35" s="72">
        <v>7</v>
      </c>
      <c r="IU35" s="73">
        <v>8</v>
      </c>
      <c r="IV35" s="70">
        <v>0</v>
      </c>
      <c r="IW35" s="71">
        <v>3</v>
      </c>
      <c r="IX35" s="72">
        <v>3</v>
      </c>
      <c r="IY35" s="244"/>
      <c r="IZ35" s="71">
        <v>6</v>
      </c>
      <c r="JA35" s="71">
        <v>5</v>
      </c>
      <c r="JB35" s="71">
        <v>4</v>
      </c>
      <c r="JC35" s="71">
        <v>3</v>
      </c>
      <c r="JD35" s="71">
        <v>2</v>
      </c>
      <c r="JE35" s="72">
        <v>20</v>
      </c>
      <c r="JF35" s="73">
        <v>23</v>
      </c>
      <c r="JG35" s="70">
        <v>0</v>
      </c>
      <c r="JH35" s="71">
        <v>1</v>
      </c>
      <c r="JI35" s="72">
        <v>1</v>
      </c>
      <c r="JJ35" s="244"/>
      <c r="JK35" s="71">
        <v>3</v>
      </c>
      <c r="JL35" s="71">
        <v>6</v>
      </c>
      <c r="JM35" s="71">
        <v>3</v>
      </c>
      <c r="JN35" s="71">
        <v>3</v>
      </c>
      <c r="JO35" s="71">
        <v>2</v>
      </c>
      <c r="JP35" s="72">
        <v>17</v>
      </c>
      <c r="JQ35" s="73">
        <v>18</v>
      </c>
      <c r="JR35" s="70">
        <v>0</v>
      </c>
      <c r="JS35" s="71">
        <v>0</v>
      </c>
      <c r="JT35" s="72">
        <v>0</v>
      </c>
      <c r="JU35" s="244"/>
      <c r="JV35" s="71">
        <v>0</v>
      </c>
      <c r="JW35" s="71">
        <v>0</v>
      </c>
      <c r="JX35" s="71">
        <v>0</v>
      </c>
      <c r="JY35" s="71">
        <v>0</v>
      </c>
      <c r="JZ35" s="71">
        <v>0</v>
      </c>
      <c r="KA35" s="72">
        <v>0</v>
      </c>
      <c r="KB35" s="73">
        <v>0</v>
      </c>
      <c r="KC35" s="70">
        <v>1</v>
      </c>
      <c r="KD35" s="71">
        <v>5</v>
      </c>
      <c r="KE35" s="72">
        <v>6</v>
      </c>
      <c r="KF35" s="244"/>
      <c r="KG35" s="71">
        <v>11</v>
      </c>
      <c r="KH35" s="71">
        <v>16</v>
      </c>
      <c r="KI35" s="71">
        <v>11</v>
      </c>
      <c r="KJ35" s="71">
        <v>7</v>
      </c>
      <c r="KK35" s="71">
        <v>4</v>
      </c>
      <c r="KL35" s="72">
        <v>49</v>
      </c>
      <c r="KM35" s="73">
        <v>55</v>
      </c>
    </row>
    <row r="36" spans="2:299" ht="21" customHeight="1" x14ac:dyDescent="0.2">
      <c r="B36" s="126" t="s">
        <v>33</v>
      </c>
      <c r="C36" s="315">
        <v>6</v>
      </c>
      <c r="D36" s="82">
        <v>3</v>
      </c>
      <c r="E36" s="83">
        <v>9</v>
      </c>
      <c r="F36" s="241"/>
      <c r="G36" s="82">
        <v>7</v>
      </c>
      <c r="H36" s="82">
        <v>1</v>
      </c>
      <c r="I36" s="82">
        <v>3</v>
      </c>
      <c r="J36" s="82">
        <v>0</v>
      </c>
      <c r="K36" s="82">
        <v>2</v>
      </c>
      <c r="L36" s="84">
        <v>13</v>
      </c>
      <c r="M36" s="85">
        <v>22</v>
      </c>
      <c r="N36" s="70">
        <v>0</v>
      </c>
      <c r="O36" s="71">
        <v>0</v>
      </c>
      <c r="P36" s="72">
        <v>0</v>
      </c>
      <c r="Q36" s="244"/>
      <c r="R36" s="71">
        <v>0</v>
      </c>
      <c r="S36" s="71">
        <v>0</v>
      </c>
      <c r="T36" s="71">
        <v>0</v>
      </c>
      <c r="U36" s="71">
        <v>0</v>
      </c>
      <c r="V36" s="71">
        <v>0</v>
      </c>
      <c r="W36" s="72">
        <v>0</v>
      </c>
      <c r="X36" s="73">
        <v>0</v>
      </c>
      <c r="Y36" s="70">
        <v>0</v>
      </c>
      <c r="Z36" s="71">
        <v>0</v>
      </c>
      <c r="AA36" s="72">
        <v>0</v>
      </c>
      <c r="AB36" s="244"/>
      <c r="AC36" s="71">
        <v>0</v>
      </c>
      <c r="AD36" s="71">
        <v>0</v>
      </c>
      <c r="AE36" s="71">
        <v>0</v>
      </c>
      <c r="AF36" s="71">
        <v>0</v>
      </c>
      <c r="AG36" s="71">
        <v>1</v>
      </c>
      <c r="AH36" s="72">
        <v>1</v>
      </c>
      <c r="AI36" s="73">
        <v>1</v>
      </c>
      <c r="AJ36" s="70">
        <v>2</v>
      </c>
      <c r="AK36" s="71">
        <v>0</v>
      </c>
      <c r="AL36" s="72">
        <v>2</v>
      </c>
      <c r="AM36" s="244"/>
      <c r="AN36" s="71">
        <v>1</v>
      </c>
      <c r="AO36" s="71">
        <v>0</v>
      </c>
      <c r="AP36" s="71">
        <v>0</v>
      </c>
      <c r="AQ36" s="71">
        <v>0</v>
      </c>
      <c r="AR36" s="71">
        <v>0</v>
      </c>
      <c r="AS36" s="72">
        <v>1</v>
      </c>
      <c r="AT36" s="73">
        <v>3</v>
      </c>
      <c r="AU36" s="70">
        <v>1</v>
      </c>
      <c r="AV36" s="71">
        <v>1</v>
      </c>
      <c r="AW36" s="72">
        <v>2</v>
      </c>
      <c r="AX36" s="244"/>
      <c r="AY36" s="71">
        <v>1</v>
      </c>
      <c r="AZ36" s="71">
        <v>1</v>
      </c>
      <c r="BA36" s="71">
        <v>1</v>
      </c>
      <c r="BB36" s="71">
        <v>0</v>
      </c>
      <c r="BC36" s="71">
        <v>0</v>
      </c>
      <c r="BD36" s="72">
        <v>3</v>
      </c>
      <c r="BE36" s="73">
        <v>5</v>
      </c>
      <c r="BF36" s="70">
        <v>1</v>
      </c>
      <c r="BG36" s="71">
        <v>2</v>
      </c>
      <c r="BH36" s="72">
        <v>3</v>
      </c>
      <c r="BI36" s="244"/>
      <c r="BJ36" s="71">
        <v>0</v>
      </c>
      <c r="BK36" s="71">
        <v>0</v>
      </c>
      <c r="BL36" s="71">
        <v>2</v>
      </c>
      <c r="BM36" s="71">
        <v>0</v>
      </c>
      <c r="BN36" s="71">
        <v>1</v>
      </c>
      <c r="BO36" s="72">
        <v>3</v>
      </c>
      <c r="BP36" s="73">
        <v>6</v>
      </c>
      <c r="BQ36" s="70">
        <v>2</v>
      </c>
      <c r="BR36" s="71">
        <v>0</v>
      </c>
      <c r="BS36" s="72">
        <v>2</v>
      </c>
      <c r="BT36" s="244"/>
      <c r="BU36" s="71">
        <v>5</v>
      </c>
      <c r="BV36" s="71">
        <v>0</v>
      </c>
      <c r="BW36" s="71">
        <v>0</v>
      </c>
      <c r="BX36" s="71">
        <v>0</v>
      </c>
      <c r="BY36" s="71">
        <v>0</v>
      </c>
      <c r="BZ36" s="72">
        <v>5</v>
      </c>
      <c r="CA36" s="73">
        <v>7</v>
      </c>
      <c r="CB36" s="70">
        <v>0</v>
      </c>
      <c r="CC36" s="71">
        <v>0</v>
      </c>
      <c r="CD36" s="72">
        <v>0</v>
      </c>
      <c r="CE36" s="244"/>
      <c r="CF36" s="71">
        <v>0</v>
      </c>
      <c r="CG36" s="71">
        <v>0</v>
      </c>
      <c r="CH36" s="71">
        <v>0</v>
      </c>
      <c r="CI36" s="71">
        <v>0</v>
      </c>
      <c r="CJ36" s="71">
        <v>0</v>
      </c>
      <c r="CK36" s="72">
        <v>0</v>
      </c>
      <c r="CL36" s="73">
        <v>0</v>
      </c>
      <c r="CM36" s="70">
        <v>6</v>
      </c>
      <c r="CN36" s="71">
        <v>3</v>
      </c>
      <c r="CO36" s="72">
        <v>9</v>
      </c>
      <c r="CP36" s="244"/>
      <c r="CQ36" s="71">
        <v>7</v>
      </c>
      <c r="CR36" s="71">
        <v>1</v>
      </c>
      <c r="CS36" s="71">
        <v>3</v>
      </c>
      <c r="CT36" s="71">
        <v>0</v>
      </c>
      <c r="CU36" s="71">
        <v>2</v>
      </c>
      <c r="CV36" s="72">
        <v>13</v>
      </c>
      <c r="CW36" s="73">
        <v>22</v>
      </c>
      <c r="CX36" s="123">
        <v>1</v>
      </c>
      <c r="CY36" s="82">
        <v>2</v>
      </c>
      <c r="CZ36" s="83">
        <v>3</v>
      </c>
      <c r="DA36" s="241"/>
      <c r="DB36" s="82">
        <v>0</v>
      </c>
      <c r="DC36" s="82">
        <v>3</v>
      </c>
      <c r="DD36" s="82">
        <v>0</v>
      </c>
      <c r="DE36" s="82">
        <v>1</v>
      </c>
      <c r="DF36" s="82">
        <v>0</v>
      </c>
      <c r="DG36" s="84">
        <v>4</v>
      </c>
      <c r="DH36" s="85">
        <v>7</v>
      </c>
      <c r="DI36" s="70">
        <v>0</v>
      </c>
      <c r="DJ36" s="71">
        <v>0</v>
      </c>
      <c r="DK36" s="72">
        <v>0</v>
      </c>
      <c r="DL36" s="244"/>
      <c r="DM36" s="71">
        <v>0</v>
      </c>
      <c r="DN36" s="71">
        <v>1</v>
      </c>
      <c r="DO36" s="71">
        <v>0</v>
      </c>
      <c r="DP36" s="71">
        <v>0</v>
      </c>
      <c r="DQ36" s="71">
        <v>0</v>
      </c>
      <c r="DR36" s="72">
        <v>1</v>
      </c>
      <c r="DS36" s="73">
        <v>1</v>
      </c>
      <c r="DT36" s="70">
        <v>0</v>
      </c>
      <c r="DU36" s="71">
        <v>1</v>
      </c>
      <c r="DV36" s="72">
        <v>1</v>
      </c>
      <c r="DW36" s="244"/>
      <c r="DX36" s="71">
        <v>0</v>
      </c>
      <c r="DY36" s="71">
        <v>0</v>
      </c>
      <c r="DZ36" s="71">
        <v>0</v>
      </c>
      <c r="EA36" s="71">
        <v>0</v>
      </c>
      <c r="EB36" s="71">
        <v>0</v>
      </c>
      <c r="EC36" s="72">
        <v>0</v>
      </c>
      <c r="ED36" s="73">
        <v>1</v>
      </c>
      <c r="EE36" s="70">
        <v>0</v>
      </c>
      <c r="EF36" s="71">
        <v>0</v>
      </c>
      <c r="EG36" s="72">
        <v>0</v>
      </c>
      <c r="EH36" s="244"/>
      <c r="EI36" s="71">
        <v>0</v>
      </c>
      <c r="EJ36" s="71">
        <v>0</v>
      </c>
      <c r="EK36" s="71">
        <v>0</v>
      </c>
      <c r="EL36" s="71">
        <v>0</v>
      </c>
      <c r="EM36" s="71">
        <v>0</v>
      </c>
      <c r="EN36" s="72">
        <v>0</v>
      </c>
      <c r="EO36" s="73">
        <v>0</v>
      </c>
      <c r="EP36" s="70">
        <v>0</v>
      </c>
      <c r="EQ36" s="71">
        <v>0</v>
      </c>
      <c r="ER36" s="72">
        <v>0</v>
      </c>
      <c r="ES36" s="244"/>
      <c r="ET36" s="71">
        <v>0</v>
      </c>
      <c r="EU36" s="71">
        <v>0</v>
      </c>
      <c r="EV36" s="71">
        <v>0</v>
      </c>
      <c r="EW36" s="71">
        <v>0</v>
      </c>
      <c r="EX36" s="71">
        <v>0</v>
      </c>
      <c r="EY36" s="72">
        <v>0</v>
      </c>
      <c r="EZ36" s="73">
        <v>0</v>
      </c>
      <c r="FA36" s="70">
        <v>0</v>
      </c>
      <c r="FB36" s="71">
        <v>0</v>
      </c>
      <c r="FC36" s="72">
        <v>0</v>
      </c>
      <c r="FD36" s="244"/>
      <c r="FE36" s="71">
        <v>0</v>
      </c>
      <c r="FF36" s="71">
        <v>0</v>
      </c>
      <c r="FG36" s="71">
        <v>0</v>
      </c>
      <c r="FH36" s="71">
        <v>0</v>
      </c>
      <c r="FI36" s="71">
        <v>0</v>
      </c>
      <c r="FJ36" s="72">
        <v>0</v>
      </c>
      <c r="FK36" s="73">
        <v>0</v>
      </c>
      <c r="FL36" s="70">
        <v>1</v>
      </c>
      <c r="FM36" s="71">
        <v>1</v>
      </c>
      <c r="FN36" s="72">
        <v>2</v>
      </c>
      <c r="FO36" s="244"/>
      <c r="FP36" s="71">
        <v>0</v>
      </c>
      <c r="FQ36" s="71">
        <v>2</v>
      </c>
      <c r="FR36" s="71">
        <v>0</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1</v>
      </c>
      <c r="GI36" s="71">
        <v>2</v>
      </c>
      <c r="GJ36" s="72">
        <v>3</v>
      </c>
      <c r="GK36" s="244"/>
      <c r="GL36" s="71">
        <v>0</v>
      </c>
      <c r="GM36" s="71">
        <v>3</v>
      </c>
      <c r="GN36" s="71">
        <v>0</v>
      </c>
      <c r="GO36" s="71">
        <v>1</v>
      </c>
      <c r="GP36" s="71">
        <v>0</v>
      </c>
      <c r="GQ36" s="72">
        <v>4</v>
      </c>
      <c r="GR36" s="73">
        <v>7</v>
      </c>
      <c r="GS36" s="123">
        <v>7</v>
      </c>
      <c r="GT36" s="82">
        <v>5</v>
      </c>
      <c r="GU36" s="83">
        <v>12</v>
      </c>
      <c r="GV36" s="241"/>
      <c r="GW36" s="82">
        <v>7</v>
      </c>
      <c r="GX36" s="82">
        <v>4</v>
      </c>
      <c r="GY36" s="82">
        <v>3</v>
      </c>
      <c r="GZ36" s="82">
        <v>1</v>
      </c>
      <c r="HA36" s="82">
        <v>2</v>
      </c>
      <c r="HB36" s="84">
        <v>17</v>
      </c>
      <c r="HC36" s="85">
        <v>29</v>
      </c>
      <c r="HD36" s="70">
        <v>0</v>
      </c>
      <c r="HE36" s="71">
        <v>0</v>
      </c>
      <c r="HF36" s="72">
        <v>0</v>
      </c>
      <c r="HG36" s="244"/>
      <c r="HH36" s="71">
        <v>0</v>
      </c>
      <c r="HI36" s="71">
        <v>1</v>
      </c>
      <c r="HJ36" s="71">
        <v>0</v>
      </c>
      <c r="HK36" s="71">
        <v>0</v>
      </c>
      <c r="HL36" s="71">
        <v>0</v>
      </c>
      <c r="HM36" s="72">
        <v>1</v>
      </c>
      <c r="HN36" s="73">
        <v>1</v>
      </c>
      <c r="HO36" s="70">
        <v>0</v>
      </c>
      <c r="HP36" s="71">
        <v>1</v>
      </c>
      <c r="HQ36" s="72">
        <v>1</v>
      </c>
      <c r="HR36" s="244"/>
      <c r="HS36" s="71">
        <v>0</v>
      </c>
      <c r="HT36" s="71">
        <v>0</v>
      </c>
      <c r="HU36" s="71">
        <v>0</v>
      </c>
      <c r="HV36" s="71">
        <v>0</v>
      </c>
      <c r="HW36" s="71">
        <v>1</v>
      </c>
      <c r="HX36" s="72">
        <v>1</v>
      </c>
      <c r="HY36" s="73">
        <v>2</v>
      </c>
      <c r="HZ36" s="70">
        <v>2</v>
      </c>
      <c r="IA36" s="71">
        <v>0</v>
      </c>
      <c r="IB36" s="72">
        <v>2</v>
      </c>
      <c r="IC36" s="244"/>
      <c r="ID36" s="71">
        <v>1</v>
      </c>
      <c r="IE36" s="71">
        <v>0</v>
      </c>
      <c r="IF36" s="71">
        <v>0</v>
      </c>
      <c r="IG36" s="71">
        <v>0</v>
      </c>
      <c r="IH36" s="71">
        <v>0</v>
      </c>
      <c r="II36" s="72">
        <v>1</v>
      </c>
      <c r="IJ36" s="73">
        <v>3</v>
      </c>
      <c r="IK36" s="70">
        <v>1</v>
      </c>
      <c r="IL36" s="71">
        <v>1</v>
      </c>
      <c r="IM36" s="72">
        <v>2</v>
      </c>
      <c r="IN36" s="244"/>
      <c r="IO36" s="71">
        <v>1</v>
      </c>
      <c r="IP36" s="71">
        <v>1</v>
      </c>
      <c r="IQ36" s="71">
        <v>1</v>
      </c>
      <c r="IR36" s="71">
        <v>0</v>
      </c>
      <c r="IS36" s="71">
        <v>0</v>
      </c>
      <c r="IT36" s="72">
        <v>3</v>
      </c>
      <c r="IU36" s="73">
        <v>5</v>
      </c>
      <c r="IV36" s="70">
        <v>1</v>
      </c>
      <c r="IW36" s="71">
        <v>2</v>
      </c>
      <c r="IX36" s="72">
        <v>3</v>
      </c>
      <c r="IY36" s="244"/>
      <c r="IZ36" s="71">
        <v>0</v>
      </c>
      <c r="JA36" s="71">
        <v>0</v>
      </c>
      <c r="JB36" s="71">
        <v>2</v>
      </c>
      <c r="JC36" s="71">
        <v>0</v>
      </c>
      <c r="JD36" s="71">
        <v>1</v>
      </c>
      <c r="JE36" s="72">
        <v>3</v>
      </c>
      <c r="JF36" s="73">
        <v>6</v>
      </c>
      <c r="JG36" s="70">
        <v>3</v>
      </c>
      <c r="JH36" s="71">
        <v>1</v>
      </c>
      <c r="JI36" s="72">
        <v>4</v>
      </c>
      <c r="JJ36" s="244"/>
      <c r="JK36" s="71">
        <v>5</v>
      </c>
      <c r="JL36" s="71">
        <v>2</v>
      </c>
      <c r="JM36" s="71">
        <v>0</v>
      </c>
      <c r="JN36" s="71">
        <v>1</v>
      </c>
      <c r="JO36" s="71">
        <v>0</v>
      </c>
      <c r="JP36" s="72">
        <v>8</v>
      </c>
      <c r="JQ36" s="73">
        <v>12</v>
      </c>
      <c r="JR36" s="70">
        <v>0</v>
      </c>
      <c r="JS36" s="71">
        <v>0</v>
      </c>
      <c r="JT36" s="72">
        <v>0</v>
      </c>
      <c r="JU36" s="244"/>
      <c r="JV36" s="71">
        <v>0</v>
      </c>
      <c r="JW36" s="71">
        <v>0</v>
      </c>
      <c r="JX36" s="71">
        <v>0</v>
      </c>
      <c r="JY36" s="71">
        <v>0</v>
      </c>
      <c r="JZ36" s="71">
        <v>0</v>
      </c>
      <c r="KA36" s="72">
        <v>0</v>
      </c>
      <c r="KB36" s="73">
        <v>0</v>
      </c>
      <c r="KC36" s="70">
        <v>7</v>
      </c>
      <c r="KD36" s="71">
        <v>5</v>
      </c>
      <c r="KE36" s="72">
        <v>12</v>
      </c>
      <c r="KF36" s="244"/>
      <c r="KG36" s="71">
        <v>7</v>
      </c>
      <c r="KH36" s="71">
        <v>4</v>
      </c>
      <c r="KI36" s="71">
        <v>3</v>
      </c>
      <c r="KJ36" s="71">
        <v>1</v>
      </c>
      <c r="KK36" s="71">
        <v>2</v>
      </c>
      <c r="KL36" s="72">
        <v>17</v>
      </c>
      <c r="KM36" s="73">
        <v>29</v>
      </c>
    </row>
    <row r="37" spans="2:299" ht="21" customHeight="1" x14ac:dyDescent="0.2">
      <c r="B37" s="126" t="s">
        <v>34</v>
      </c>
      <c r="C37" s="315">
        <v>2</v>
      </c>
      <c r="D37" s="82">
        <v>2</v>
      </c>
      <c r="E37" s="83">
        <v>4</v>
      </c>
      <c r="F37" s="241"/>
      <c r="G37" s="82">
        <v>5</v>
      </c>
      <c r="H37" s="82">
        <v>6</v>
      </c>
      <c r="I37" s="82">
        <v>4</v>
      </c>
      <c r="J37" s="82">
        <v>1</v>
      </c>
      <c r="K37" s="82">
        <v>1</v>
      </c>
      <c r="L37" s="84">
        <v>17</v>
      </c>
      <c r="M37" s="85">
        <v>21</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0</v>
      </c>
      <c r="AL37" s="72">
        <v>0</v>
      </c>
      <c r="AM37" s="244"/>
      <c r="AN37" s="71">
        <v>0</v>
      </c>
      <c r="AO37" s="71">
        <v>0</v>
      </c>
      <c r="AP37" s="71">
        <v>0</v>
      </c>
      <c r="AQ37" s="71">
        <v>0</v>
      </c>
      <c r="AR37" s="71">
        <v>0</v>
      </c>
      <c r="AS37" s="72">
        <v>0</v>
      </c>
      <c r="AT37" s="73">
        <v>0</v>
      </c>
      <c r="AU37" s="70">
        <v>1</v>
      </c>
      <c r="AV37" s="71">
        <v>0</v>
      </c>
      <c r="AW37" s="72">
        <v>1</v>
      </c>
      <c r="AX37" s="244"/>
      <c r="AY37" s="71">
        <v>3</v>
      </c>
      <c r="AZ37" s="71">
        <v>2</v>
      </c>
      <c r="BA37" s="71">
        <v>0</v>
      </c>
      <c r="BB37" s="71">
        <v>1</v>
      </c>
      <c r="BC37" s="71">
        <v>1</v>
      </c>
      <c r="BD37" s="72">
        <v>7</v>
      </c>
      <c r="BE37" s="73">
        <v>8</v>
      </c>
      <c r="BF37" s="70">
        <v>0</v>
      </c>
      <c r="BG37" s="71">
        <v>1</v>
      </c>
      <c r="BH37" s="72">
        <v>1</v>
      </c>
      <c r="BI37" s="244"/>
      <c r="BJ37" s="71">
        <v>1</v>
      </c>
      <c r="BK37" s="71">
        <v>1</v>
      </c>
      <c r="BL37" s="71">
        <v>3</v>
      </c>
      <c r="BM37" s="71">
        <v>0</v>
      </c>
      <c r="BN37" s="71">
        <v>0</v>
      </c>
      <c r="BO37" s="72">
        <v>5</v>
      </c>
      <c r="BP37" s="73">
        <v>6</v>
      </c>
      <c r="BQ37" s="70">
        <v>1</v>
      </c>
      <c r="BR37" s="71">
        <v>1</v>
      </c>
      <c r="BS37" s="72">
        <v>2</v>
      </c>
      <c r="BT37" s="244"/>
      <c r="BU37" s="71">
        <v>1</v>
      </c>
      <c r="BV37" s="71">
        <v>2</v>
      </c>
      <c r="BW37" s="71">
        <v>1</v>
      </c>
      <c r="BX37" s="71">
        <v>0</v>
      </c>
      <c r="BY37" s="71">
        <v>0</v>
      </c>
      <c r="BZ37" s="72">
        <v>4</v>
      </c>
      <c r="CA37" s="73">
        <v>6</v>
      </c>
      <c r="CB37" s="70">
        <v>0</v>
      </c>
      <c r="CC37" s="71">
        <v>0</v>
      </c>
      <c r="CD37" s="72">
        <v>0</v>
      </c>
      <c r="CE37" s="244"/>
      <c r="CF37" s="71">
        <v>0</v>
      </c>
      <c r="CG37" s="71">
        <v>0</v>
      </c>
      <c r="CH37" s="71">
        <v>0</v>
      </c>
      <c r="CI37" s="71">
        <v>0</v>
      </c>
      <c r="CJ37" s="71">
        <v>0</v>
      </c>
      <c r="CK37" s="72">
        <v>0</v>
      </c>
      <c r="CL37" s="73">
        <v>0</v>
      </c>
      <c r="CM37" s="70">
        <v>2</v>
      </c>
      <c r="CN37" s="71">
        <v>2</v>
      </c>
      <c r="CO37" s="72">
        <v>4</v>
      </c>
      <c r="CP37" s="244"/>
      <c r="CQ37" s="71">
        <v>5</v>
      </c>
      <c r="CR37" s="71">
        <v>6</v>
      </c>
      <c r="CS37" s="71">
        <v>4</v>
      </c>
      <c r="CT37" s="71">
        <v>1</v>
      </c>
      <c r="CU37" s="71">
        <v>1</v>
      </c>
      <c r="CV37" s="72">
        <v>17</v>
      </c>
      <c r="CW37" s="73">
        <v>21</v>
      </c>
      <c r="CX37" s="123">
        <v>0</v>
      </c>
      <c r="CY37" s="82">
        <v>0</v>
      </c>
      <c r="CZ37" s="83">
        <v>0</v>
      </c>
      <c r="DA37" s="241"/>
      <c r="DB37" s="82">
        <v>0</v>
      </c>
      <c r="DC37" s="82">
        <v>0</v>
      </c>
      <c r="DD37" s="82">
        <v>0</v>
      </c>
      <c r="DE37" s="82">
        <v>0</v>
      </c>
      <c r="DF37" s="82">
        <v>2</v>
      </c>
      <c r="DG37" s="84">
        <v>2</v>
      </c>
      <c r="DH37" s="85">
        <v>2</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0</v>
      </c>
      <c r="EL37" s="71">
        <v>0</v>
      </c>
      <c r="EM37" s="71">
        <v>0</v>
      </c>
      <c r="EN37" s="72">
        <v>0</v>
      </c>
      <c r="EO37" s="73">
        <v>0</v>
      </c>
      <c r="EP37" s="70">
        <v>0</v>
      </c>
      <c r="EQ37" s="71">
        <v>0</v>
      </c>
      <c r="ER37" s="72">
        <v>0</v>
      </c>
      <c r="ES37" s="244"/>
      <c r="ET37" s="71">
        <v>0</v>
      </c>
      <c r="EU37" s="71">
        <v>0</v>
      </c>
      <c r="EV37" s="71">
        <v>0</v>
      </c>
      <c r="EW37" s="71">
        <v>0</v>
      </c>
      <c r="EX37" s="71">
        <v>0</v>
      </c>
      <c r="EY37" s="72">
        <v>0</v>
      </c>
      <c r="EZ37" s="73">
        <v>0</v>
      </c>
      <c r="FA37" s="70">
        <v>0</v>
      </c>
      <c r="FB37" s="71">
        <v>0</v>
      </c>
      <c r="FC37" s="72">
        <v>0</v>
      </c>
      <c r="FD37" s="244"/>
      <c r="FE37" s="71">
        <v>0</v>
      </c>
      <c r="FF37" s="71">
        <v>0</v>
      </c>
      <c r="FG37" s="71">
        <v>0</v>
      </c>
      <c r="FH37" s="71">
        <v>0</v>
      </c>
      <c r="FI37" s="71">
        <v>0</v>
      </c>
      <c r="FJ37" s="72">
        <v>0</v>
      </c>
      <c r="FK37" s="73">
        <v>0</v>
      </c>
      <c r="FL37" s="70">
        <v>0</v>
      </c>
      <c r="FM37" s="71">
        <v>0</v>
      </c>
      <c r="FN37" s="72">
        <v>0</v>
      </c>
      <c r="FO37" s="244"/>
      <c r="FP37" s="71">
        <v>0</v>
      </c>
      <c r="FQ37" s="71">
        <v>0</v>
      </c>
      <c r="FR37" s="71">
        <v>0</v>
      </c>
      <c r="FS37" s="71">
        <v>0</v>
      </c>
      <c r="FT37" s="71">
        <v>2</v>
      </c>
      <c r="FU37" s="72">
        <v>2</v>
      </c>
      <c r="FV37" s="73">
        <v>2</v>
      </c>
      <c r="FW37" s="70">
        <v>0</v>
      </c>
      <c r="FX37" s="71">
        <v>0</v>
      </c>
      <c r="FY37" s="72">
        <v>0</v>
      </c>
      <c r="FZ37" s="244"/>
      <c r="GA37" s="71">
        <v>0</v>
      </c>
      <c r="GB37" s="71">
        <v>0</v>
      </c>
      <c r="GC37" s="71">
        <v>0</v>
      </c>
      <c r="GD37" s="71">
        <v>0</v>
      </c>
      <c r="GE37" s="71">
        <v>0</v>
      </c>
      <c r="GF37" s="72">
        <v>0</v>
      </c>
      <c r="GG37" s="73">
        <v>0</v>
      </c>
      <c r="GH37" s="70">
        <v>0</v>
      </c>
      <c r="GI37" s="71">
        <v>0</v>
      </c>
      <c r="GJ37" s="72">
        <v>0</v>
      </c>
      <c r="GK37" s="244"/>
      <c r="GL37" s="71">
        <v>0</v>
      </c>
      <c r="GM37" s="71">
        <v>0</v>
      </c>
      <c r="GN37" s="71">
        <v>0</v>
      </c>
      <c r="GO37" s="71">
        <v>0</v>
      </c>
      <c r="GP37" s="71">
        <v>2</v>
      </c>
      <c r="GQ37" s="72">
        <v>2</v>
      </c>
      <c r="GR37" s="73">
        <v>2</v>
      </c>
      <c r="GS37" s="123">
        <v>2</v>
      </c>
      <c r="GT37" s="82">
        <v>2</v>
      </c>
      <c r="GU37" s="83">
        <v>4</v>
      </c>
      <c r="GV37" s="241"/>
      <c r="GW37" s="82">
        <v>5</v>
      </c>
      <c r="GX37" s="82">
        <v>6</v>
      </c>
      <c r="GY37" s="82">
        <v>4</v>
      </c>
      <c r="GZ37" s="82">
        <v>1</v>
      </c>
      <c r="HA37" s="82">
        <v>3</v>
      </c>
      <c r="HB37" s="84">
        <v>19</v>
      </c>
      <c r="HC37" s="85">
        <v>23</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0</v>
      </c>
      <c r="IB37" s="72">
        <v>0</v>
      </c>
      <c r="IC37" s="244"/>
      <c r="ID37" s="71">
        <v>0</v>
      </c>
      <c r="IE37" s="71">
        <v>0</v>
      </c>
      <c r="IF37" s="71">
        <v>0</v>
      </c>
      <c r="IG37" s="71">
        <v>0</v>
      </c>
      <c r="IH37" s="71">
        <v>0</v>
      </c>
      <c r="II37" s="72">
        <v>0</v>
      </c>
      <c r="IJ37" s="73">
        <v>0</v>
      </c>
      <c r="IK37" s="70">
        <v>1</v>
      </c>
      <c r="IL37" s="71">
        <v>0</v>
      </c>
      <c r="IM37" s="72">
        <v>1</v>
      </c>
      <c r="IN37" s="244"/>
      <c r="IO37" s="71">
        <v>3</v>
      </c>
      <c r="IP37" s="71">
        <v>2</v>
      </c>
      <c r="IQ37" s="71">
        <v>0</v>
      </c>
      <c r="IR37" s="71">
        <v>1</v>
      </c>
      <c r="IS37" s="71">
        <v>1</v>
      </c>
      <c r="IT37" s="72">
        <v>7</v>
      </c>
      <c r="IU37" s="73">
        <v>8</v>
      </c>
      <c r="IV37" s="70">
        <v>0</v>
      </c>
      <c r="IW37" s="71">
        <v>1</v>
      </c>
      <c r="IX37" s="72">
        <v>1</v>
      </c>
      <c r="IY37" s="244"/>
      <c r="IZ37" s="71">
        <v>1</v>
      </c>
      <c r="JA37" s="71">
        <v>1</v>
      </c>
      <c r="JB37" s="71">
        <v>3</v>
      </c>
      <c r="JC37" s="71">
        <v>0</v>
      </c>
      <c r="JD37" s="71">
        <v>0</v>
      </c>
      <c r="JE37" s="72">
        <v>5</v>
      </c>
      <c r="JF37" s="73">
        <v>6</v>
      </c>
      <c r="JG37" s="70">
        <v>1</v>
      </c>
      <c r="JH37" s="71">
        <v>1</v>
      </c>
      <c r="JI37" s="72">
        <v>2</v>
      </c>
      <c r="JJ37" s="244"/>
      <c r="JK37" s="71">
        <v>1</v>
      </c>
      <c r="JL37" s="71">
        <v>2</v>
      </c>
      <c r="JM37" s="71">
        <v>1</v>
      </c>
      <c r="JN37" s="71">
        <v>0</v>
      </c>
      <c r="JO37" s="71">
        <v>2</v>
      </c>
      <c r="JP37" s="72">
        <v>6</v>
      </c>
      <c r="JQ37" s="73">
        <v>8</v>
      </c>
      <c r="JR37" s="70">
        <v>0</v>
      </c>
      <c r="JS37" s="71">
        <v>0</v>
      </c>
      <c r="JT37" s="72">
        <v>0</v>
      </c>
      <c r="JU37" s="244"/>
      <c r="JV37" s="71">
        <v>0</v>
      </c>
      <c r="JW37" s="71">
        <v>0</v>
      </c>
      <c r="JX37" s="71">
        <v>0</v>
      </c>
      <c r="JY37" s="71">
        <v>0</v>
      </c>
      <c r="JZ37" s="71">
        <v>0</v>
      </c>
      <c r="KA37" s="72">
        <v>0</v>
      </c>
      <c r="KB37" s="73">
        <v>0</v>
      </c>
      <c r="KC37" s="70">
        <v>2</v>
      </c>
      <c r="KD37" s="71">
        <v>2</v>
      </c>
      <c r="KE37" s="72">
        <v>4</v>
      </c>
      <c r="KF37" s="244"/>
      <c r="KG37" s="71">
        <v>5</v>
      </c>
      <c r="KH37" s="71">
        <v>6</v>
      </c>
      <c r="KI37" s="71">
        <v>4</v>
      </c>
      <c r="KJ37" s="71">
        <v>1</v>
      </c>
      <c r="KK37" s="71">
        <v>3</v>
      </c>
      <c r="KL37" s="72">
        <v>19</v>
      </c>
      <c r="KM37" s="73">
        <v>23</v>
      </c>
    </row>
    <row r="38" spans="2:299" ht="21" customHeight="1" x14ac:dyDescent="0.2">
      <c r="B38" s="126" t="s">
        <v>35</v>
      </c>
      <c r="C38" s="315">
        <v>13</v>
      </c>
      <c r="D38" s="82">
        <v>3</v>
      </c>
      <c r="E38" s="83">
        <v>16</v>
      </c>
      <c r="F38" s="241"/>
      <c r="G38" s="82">
        <v>25</v>
      </c>
      <c r="H38" s="82">
        <v>10</v>
      </c>
      <c r="I38" s="82">
        <v>2</v>
      </c>
      <c r="J38" s="82">
        <v>2</v>
      </c>
      <c r="K38" s="82">
        <v>4</v>
      </c>
      <c r="L38" s="84">
        <v>43</v>
      </c>
      <c r="M38" s="85">
        <v>59</v>
      </c>
      <c r="N38" s="70">
        <v>0</v>
      </c>
      <c r="O38" s="71">
        <v>0</v>
      </c>
      <c r="P38" s="72">
        <v>0</v>
      </c>
      <c r="Q38" s="244"/>
      <c r="R38" s="71">
        <v>0</v>
      </c>
      <c r="S38" s="71">
        <v>0</v>
      </c>
      <c r="T38" s="71">
        <v>0</v>
      </c>
      <c r="U38" s="71">
        <v>0</v>
      </c>
      <c r="V38" s="71">
        <v>0</v>
      </c>
      <c r="W38" s="72">
        <v>0</v>
      </c>
      <c r="X38" s="73">
        <v>0</v>
      </c>
      <c r="Y38" s="70">
        <v>1</v>
      </c>
      <c r="Z38" s="71">
        <v>1</v>
      </c>
      <c r="AA38" s="72">
        <v>2</v>
      </c>
      <c r="AB38" s="244"/>
      <c r="AC38" s="71">
        <v>0</v>
      </c>
      <c r="AD38" s="71">
        <v>0</v>
      </c>
      <c r="AE38" s="71">
        <v>0</v>
      </c>
      <c r="AF38" s="71">
        <v>0</v>
      </c>
      <c r="AG38" s="71">
        <v>0</v>
      </c>
      <c r="AH38" s="72">
        <v>0</v>
      </c>
      <c r="AI38" s="73">
        <v>2</v>
      </c>
      <c r="AJ38" s="70">
        <v>2</v>
      </c>
      <c r="AK38" s="71">
        <v>0</v>
      </c>
      <c r="AL38" s="72">
        <v>2</v>
      </c>
      <c r="AM38" s="244"/>
      <c r="AN38" s="71">
        <v>4</v>
      </c>
      <c r="AO38" s="71">
        <v>1</v>
      </c>
      <c r="AP38" s="71">
        <v>0</v>
      </c>
      <c r="AQ38" s="71">
        <v>0</v>
      </c>
      <c r="AR38" s="71">
        <v>0</v>
      </c>
      <c r="AS38" s="72">
        <v>5</v>
      </c>
      <c r="AT38" s="73">
        <v>7</v>
      </c>
      <c r="AU38" s="70">
        <v>5</v>
      </c>
      <c r="AV38" s="71">
        <v>2</v>
      </c>
      <c r="AW38" s="72">
        <v>7</v>
      </c>
      <c r="AX38" s="244"/>
      <c r="AY38" s="71">
        <v>5</v>
      </c>
      <c r="AZ38" s="71">
        <v>4</v>
      </c>
      <c r="BA38" s="71">
        <v>1</v>
      </c>
      <c r="BB38" s="71">
        <v>0</v>
      </c>
      <c r="BC38" s="71">
        <v>0</v>
      </c>
      <c r="BD38" s="72">
        <v>10</v>
      </c>
      <c r="BE38" s="73">
        <v>17</v>
      </c>
      <c r="BF38" s="70">
        <v>3</v>
      </c>
      <c r="BG38" s="71">
        <v>0</v>
      </c>
      <c r="BH38" s="72">
        <v>3</v>
      </c>
      <c r="BI38" s="244"/>
      <c r="BJ38" s="71">
        <v>6</v>
      </c>
      <c r="BK38" s="71">
        <v>3</v>
      </c>
      <c r="BL38" s="71">
        <v>0</v>
      </c>
      <c r="BM38" s="71">
        <v>1</v>
      </c>
      <c r="BN38" s="71">
        <v>2</v>
      </c>
      <c r="BO38" s="72">
        <v>12</v>
      </c>
      <c r="BP38" s="73">
        <v>15</v>
      </c>
      <c r="BQ38" s="70">
        <v>2</v>
      </c>
      <c r="BR38" s="71">
        <v>0</v>
      </c>
      <c r="BS38" s="72">
        <v>2</v>
      </c>
      <c r="BT38" s="244"/>
      <c r="BU38" s="71">
        <v>10</v>
      </c>
      <c r="BV38" s="71">
        <v>2</v>
      </c>
      <c r="BW38" s="71">
        <v>1</v>
      </c>
      <c r="BX38" s="71">
        <v>1</v>
      </c>
      <c r="BY38" s="71">
        <v>2</v>
      </c>
      <c r="BZ38" s="72">
        <v>16</v>
      </c>
      <c r="CA38" s="73">
        <v>18</v>
      </c>
      <c r="CB38" s="70">
        <v>0</v>
      </c>
      <c r="CC38" s="71">
        <v>0</v>
      </c>
      <c r="CD38" s="72">
        <v>0</v>
      </c>
      <c r="CE38" s="244"/>
      <c r="CF38" s="71">
        <v>0</v>
      </c>
      <c r="CG38" s="71">
        <v>0</v>
      </c>
      <c r="CH38" s="71">
        <v>0</v>
      </c>
      <c r="CI38" s="71">
        <v>0</v>
      </c>
      <c r="CJ38" s="71">
        <v>0</v>
      </c>
      <c r="CK38" s="72">
        <v>0</v>
      </c>
      <c r="CL38" s="73">
        <v>0</v>
      </c>
      <c r="CM38" s="70">
        <v>13</v>
      </c>
      <c r="CN38" s="71">
        <v>3</v>
      </c>
      <c r="CO38" s="72">
        <v>16</v>
      </c>
      <c r="CP38" s="244"/>
      <c r="CQ38" s="71">
        <v>25</v>
      </c>
      <c r="CR38" s="71">
        <v>10</v>
      </c>
      <c r="CS38" s="71">
        <v>2</v>
      </c>
      <c r="CT38" s="71">
        <v>2</v>
      </c>
      <c r="CU38" s="71">
        <v>4</v>
      </c>
      <c r="CV38" s="72">
        <v>43</v>
      </c>
      <c r="CW38" s="73">
        <v>59</v>
      </c>
      <c r="CX38" s="123">
        <v>2</v>
      </c>
      <c r="CY38" s="82">
        <v>2</v>
      </c>
      <c r="CZ38" s="83">
        <v>4</v>
      </c>
      <c r="DA38" s="241"/>
      <c r="DB38" s="82">
        <v>5</v>
      </c>
      <c r="DC38" s="82">
        <v>1</v>
      </c>
      <c r="DD38" s="82">
        <v>5</v>
      </c>
      <c r="DE38" s="82">
        <v>5</v>
      </c>
      <c r="DF38" s="82">
        <v>1</v>
      </c>
      <c r="DG38" s="84">
        <v>17</v>
      </c>
      <c r="DH38" s="85">
        <v>21</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2</v>
      </c>
      <c r="EJ38" s="71">
        <v>0</v>
      </c>
      <c r="EK38" s="71">
        <v>0</v>
      </c>
      <c r="EL38" s="71">
        <v>0</v>
      </c>
      <c r="EM38" s="71">
        <v>0</v>
      </c>
      <c r="EN38" s="72">
        <v>2</v>
      </c>
      <c r="EO38" s="73">
        <v>2</v>
      </c>
      <c r="EP38" s="70">
        <v>0</v>
      </c>
      <c r="EQ38" s="71">
        <v>0</v>
      </c>
      <c r="ER38" s="72">
        <v>0</v>
      </c>
      <c r="ES38" s="244"/>
      <c r="ET38" s="71">
        <v>1</v>
      </c>
      <c r="EU38" s="71">
        <v>0</v>
      </c>
      <c r="EV38" s="71">
        <v>0</v>
      </c>
      <c r="EW38" s="71">
        <v>0</v>
      </c>
      <c r="EX38" s="71">
        <v>0</v>
      </c>
      <c r="EY38" s="72">
        <v>1</v>
      </c>
      <c r="EZ38" s="73">
        <v>1</v>
      </c>
      <c r="FA38" s="70">
        <v>0</v>
      </c>
      <c r="FB38" s="71">
        <v>1</v>
      </c>
      <c r="FC38" s="72">
        <v>1</v>
      </c>
      <c r="FD38" s="244"/>
      <c r="FE38" s="71">
        <v>0</v>
      </c>
      <c r="FF38" s="71">
        <v>0</v>
      </c>
      <c r="FG38" s="71">
        <v>2</v>
      </c>
      <c r="FH38" s="71">
        <v>0</v>
      </c>
      <c r="FI38" s="71">
        <v>1</v>
      </c>
      <c r="FJ38" s="72">
        <v>3</v>
      </c>
      <c r="FK38" s="73">
        <v>4</v>
      </c>
      <c r="FL38" s="70">
        <v>2</v>
      </c>
      <c r="FM38" s="71">
        <v>1</v>
      </c>
      <c r="FN38" s="72">
        <v>3</v>
      </c>
      <c r="FO38" s="244"/>
      <c r="FP38" s="71">
        <v>2</v>
      </c>
      <c r="FQ38" s="71">
        <v>1</v>
      </c>
      <c r="FR38" s="71">
        <v>2</v>
      </c>
      <c r="FS38" s="71">
        <v>5</v>
      </c>
      <c r="FT38" s="71">
        <v>0</v>
      </c>
      <c r="FU38" s="72">
        <v>10</v>
      </c>
      <c r="FV38" s="73">
        <v>13</v>
      </c>
      <c r="FW38" s="70">
        <v>0</v>
      </c>
      <c r="FX38" s="71">
        <v>0</v>
      </c>
      <c r="FY38" s="72">
        <v>0</v>
      </c>
      <c r="FZ38" s="244"/>
      <c r="GA38" s="71">
        <v>0</v>
      </c>
      <c r="GB38" s="71">
        <v>0</v>
      </c>
      <c r="GC38" s="71">
        <v>0</v>
      </c>
      <c r="GD38" s="71">
        <v>0</v>
      </c>
      <c r="GE38" s="71">
        <v>0</v>
      </c>
      <c r="GF38" s="72">
        <v>0</v>
      </c>
      <c r="GG38" s="73">
        <v>0</v>
      </c>
      <c r="GH38" s="70">
        <v>2</v>
      </c>
      <c r="GI38" s="71">
        <v>2</v>
      </c>
      <c r="GJ38" s="72">
        <v>4</v>
      </c>
      <c r="GK38" s="244"/>
      <c r="GL38" s="71">
        <v>5</v>
      </c>
      <c r="GM38" s="71">
        <v>1</v>
      </c>
      <c r="GN38" s="71">
        <v>5</v>
      </c>
      <c r="GO38" s="71">
        <v>5</v>
      </c>
      <c r="GP38" s="71">
        <v>1</v>
      </c>
      <c r="GQ38" s="72">
        <v>17</v>
      </c>
      <c r="GR38" s="73">
        <v>21</v>
      </c>
      <c r="GS38" s="123">
        <v>15</v>
      </c>
      <c r="GT38" s="82">
        <v>5</v>
      </c>
      <c r="GU38" s="83">
        <v>20</v>
      </c>
      <c r="GV38" s="241"/>
      <c r="GW38" s="82">
        <v>30</v>
      </c>
      <c r="GX38" s="82">
        <v>11</v>
      </c>
      <c r="GY38" s="82">
        <v>7</v>
      </c>
      <c r="GZ38" s="82">
        <v>7</v>
      </c>
      <c r="HA38" s="82">
        <v>5</v>
      </c>
      <c r="HB38" s="84">
        <v>60</v>
      </c>
      <c r="HC38" s="85">
        <v>80</v>
      </c>
      <c r="HD38" s="70">
        <v>0</v>
      </c>
      <c r="HE38" s="71">
        <v>0</v>
      </c>
      <c r="HF38" s="72">
        <v>0</v>
      </c>
      <c r="HG38" s="244"/>
      <c r="HH38" s="71">
        <v>0</v>
      </c>
      <c r="HI38" s="71">
        <v>0</v>
      </c>
      <c r="HJ38" s="71">
        <v>0</v>
      </c>
      <c r="HK38" s="71">
        <v>0</v>
      </c>
      <c r="HL38" s="71">
        <v>0</v>
      </c>
      <c r="HM38" s="72">
        <v>0</v>
      </c>
      <c r="HN38" s="73">
        <v>0</v>
      </c>
      <c r="HO38" s="70">
        <v>1</v>
      </c>
      <c r="HP38" s="71">
        <v>1</v>
      </c>
      <c r="HQ38" s="72">
        <v>2</v>
      </c>
      <c r="HR38" s="244"/>
      <c r="HS38" s="71">
        <v>0</v>
      </c>
      <c r="HT38" s="71">
        <v>0</v>
      </c>
      <c r="HU38" s="71">
        <v>1</v>
      </c>
      <c r="HV38" s="71">
        <v>0</v>
      </c>
      <c r="HW38" s="71">
        <v>0</v>
      </c>
      <c r="HX38" s="72">
        <v>1</v>
      </c>
      <c r="HY38" s="73">
        <v>3</v>
      </c>
      <c r="HZ38" s="70">
        <v>2</v>
      </c>
      <c r="IA38" s="71">
        <v>0</v>
      </c>
      <c r="IB38" s="72">
        <v>2</v>
      </c>
      <c r="IC38" s="244"/>
      <c r="ID38" s="71">
        <v>6</v>
      </c>
      <c r="IE38" s="71">
        <v>1</v>
      </c>
      <c r="IF38" s="71">
        <v>0</v>
      </c>
      <c r="IG38" s="71">
        <v>0</v>
      </c>
      <c r="IH38" s="71">
        <v>0</v>
      </c>
      <c r="II38" s="72">
        <v>7</v>
      </c>
      <c r="IJ38" s="73">
        <v>9</v>
      </c>
      <c r="IK38" s="70">
        <v>5</v>
      </c>
      <c r="IL38" s="71">
        <v>2</v>
      </c>
      <c r="IM38" s="72">
        <v>7</v>
      </c>
      <c r="IN38" s="244"/>
      <c r="IO38" s="71">
        <v>6</v>
      </c>
      <c r="IP38" s="71">
        <v>4</v>
      </c>
      <c r="IQ38" s="71">
        <v>1</v>
      </c>
      <c r="IR38" s="71">
        <v>0</v>
      </c>
      <c r="IS38" s="71">
        <v>0</v>
      </c>
      <c r="IT38" s="72">
        <v>11</v>
      </c>
      <c r="IU38" s="73">
        <v>18</v>
      </c>
      <c r="IV38" s="70">
        <v>3</v>
      </c>
      <c r="IW38" s="71">
        <v>1</v>
      </c>
      <c r="IX38" s="72">
        <v>4</v>
      </c>
      <c r="IY38" s="244"/>
      <c r="IZ38" s="71">
        <v>6</v>
      </c>
      <c r="JA38" s="71">
        <v>3</v>
      </c>
      <c r="JB38" s="71">
        <v>2</v>
      </c>
      <c r="JC38" s="71">
        <v>1</v>
      </c>
      <c r="JD38" s="71">
        <v>3</v>
      </c>
      <c r="JE38" s="72">
        <v>15</v>
      </c>
      <c r="JF38" s="73">
        <v>19</v>
      </c>
      <c r="JG38" s="70">
        <v>4</v>
      </c>
      <c r="JH38" s="71">
        <v>1</v>
      </c>
      <c r="JI38" s="72">
        <v>5</v>
      </c>
      <c r="JJ38" s="244"/>
      <c r="JK38" s="71">
        <v>12</v>
      </c>
      <c r="JL38" s="71">
        <v>3</v>
      </c>
      <c r="JM38" s="71">
        <v>3</v>
      </c>
      <c r="JN38" s="71">
        <v>6</v>
      </c>
      <c r="JO38" s="71">
        <v>2</v>
      </c>
      <c r="JP38" s="72">
        <v>26</v>
      </c>
      <c r="JQ38" s="73">
        <v>31</v>
      </c>
      <c r="JR38" s="70">
        <v>0</v>
      </c>
      <c r="JS38" s="71">
        <v>0</v>
      </c>
      <c r="JT38" s="72">
        <v>0</v>
      </c>
      <c r="JU38" s="244"/>
      <c r="JV38" s="71">
        <v>0</v>
      </c>
      <c r="JW38" s="71">
        <v>0</v>
      </c>
      <c r="JX38" s="71">
        <v>0</v>
      </c>
      <c r="JY38" s="71">
        <v>0</v>
      </c>
      <c r="JZ38" s="71">
        <v>0</v>
      </c>
      <c r="KA38" s="72">
        <v>0</v>
      </c>
      <c r="KB38" s="73">
        <v>0</v>
      </c>
      <c r="KC38" s="70">
        <v>15</v>
      </c>
      <c r="KD38" s="71">
        <v>5</v>
      </c>
      <c r="KE38" s="72">
        <v>20</v>
      </c>
      <c r="KF38" s="244"/>
      <c r="KG38" s="71">
        <v>30</v>
      </c>
      <c r="KH38" s="71">
        <v>11</v>
      </c>
      <c r="KI38" s="71">
        <v>7</v>
      </c>
      <c r="KJ38" s="71">
        <v>7</v>
      </c>
      <c r="KK38" s="71">
        <v>5</v>
      </c>
      <c r="KL38" s="72">
        <v>60</v>
      </c>
      <c r="KM38" s="73">
        <v>80</v>
      </c>
    </row>
    <row r="39" spans="2:299" ht="21" customHeight="1" x14ac:dyDescent="0.2">
      <c r="B39" s="126" t="s">
        <v>36</v>
      </c>
      <c r="C39" s="315">
        <v>2</v>
      </c>
      <c r="D39" s="82">
        <v>9</v>
      </c>
      <c r="E39" s="83">
        <v>11</v>
      </c>
      <c r="F39" s="241"/>
      <c r="G39" s="82">
        <v>13</v>
      </c>
      <c r="H39" s="82">
        <v>11</v>
      </c>
      <c r="I39" s="82">
        <v>5</v>
      </c>
      <c r="J39" s="82">
        <v>5</v>
      </c>
      <c r="K39" s="82">
        <v>5</v>
      </c>
      <c r="L39" s="84">
        <v>39</v>
      </c>
      <c r="M39" s="85">
        <v>50</v>
      </c>
      <c r="N39" s="70">
        <v>0</v>
      </c>
      <c r="O39" s="71">
        <v>0</v>
      </c>
      <c r="P39" s="72">
        <v>0</v>
      </c>
      <c r="Q39" s="244"/>
      <c r="R39" s="71">
        <v>1</v>
      </c>
      <c r="S39" s="71">
        <v>1</v>
      </c>
      <c r="T39" s="71">
        <v>0</v>
      </c>
      <c r="U39" s="71">
        <v>0</v>
      </c>
      <c r="V39" s="71">
        <v>0</v>
      </c>
      <c r="W39" s="72">
        <v>2</v>
      </c>
      <c r="X39" s="73">
        <v>2</v>
      </c>
      <c r="Y39" s="70">
        <v>0</v>
      </c>
      <c r="Z39" s="71">
        <v>0</v>
      </c>
      <c r="AA39" s="72">
        <v>0</v>
      </c>
      <c r="AB39" s="244"/>
      <c r="AC39" s="71">
        <v>2</v>
      </c>
      <c r="AD39" s="71">
        <v>1</v>
      </c>
      <c r="AE39" s="71">
        <v>1</v>
      </c>
      <c r="AF39" s="71">
        <v>0</v>
      </c>
      <c r="AG39" s="71">
        <v>0</v>
      </c>
      <c r="AH39" s="72">
        <v>4</v>
      </c>
      <c r="AI39" s="73">
        <v>4</v>
      </c>
      <c r="AJ39" s="70">
        <v>0</v>
      </c>
      <c r="AK39" s="71">
        <v>1</v>
      </c>
      <c r="AL39" s="72">
        <v>1</v>
      </c>
      <c r="AM39" s="244"/>
      <c r="AN39" s="71">
        <v>0</v>
      </c>
      <c r="AO39" s="71">
        <v>0</v>
      </c>
      <c r="AP39" s="71">
        <v>1</v>
      </c>
      <c r="AQ39" s="71">
        <v>1</v>
      </c>
      <c r="AR39" s="71">
        <v>0</v>
      </c>
      <c r="AS39" s="72">
        <v>2</v>
      </c>
      <c r="AT39" s="73">
        <v>3</v>
      </c>
      <c r="AU39" s="70">
        <v>0</v>
      </c>
      <c r="AV39" s="71">
        <v>2</v>
      </c>
      <c r="AW39" s="72">
        <v>2</v>
      </c>
      <c r="AX39" s="244"/>
      <c r="AY39" s="71">
        <v>3</v>
      </c>
      <c r="AZ39" s="71">
        <v>2</v>
      </c>
      <c r="BA39" s="71">
        <v>0</v>
      </c>
      <c r="BB39" s="71">
        <v>1</v>
      </c>
      <c r="BC39" s="71">
        <v>1</v>
      </c>
      <c r="BD39" s="72">
        <v>7</v>
      </c>
      <c r="BE39" s="73">
        <v>9</v>
      </c>
      <c r="BF39" s="70">
        <v>2</v>
      </c>
      <c r="BG39" s="71">
        <v>2</v>
      </c>
      <c r="BH39" s="72">
        <v>4</v>
      </c>
      <c r="BI39" s="244"/>
      <c r="BJ39" s="71">
        <v>3</v>
      </c>
      <c r="BK39" s="71">
        <v>4</v>
      </c>
      <c r="BL39" s="71">
        <v>2</v>
      </c>
      <c r="BM39" s="71">
        <v>1</v>
      </c>
      <c r="BN39" s="71">
        <v>2</v>
      </c>
      <c r="BO39" s="72">
        <v>12</v>
      </c>
      <c r="BP39" s="73">
        <v>16</v>
      </c>
      <c r="BQ39" s="70">
        <v>0</v>
      </c>
      <c r="BR39" s="71">
        <v>4</v>
      </c>
      <c r="BS39" s="72">
        <v>4</v>
      </c>
      <c r="BT39" s="244"/>
      <c r="BU39" s="71">
        <v>4</v>
      </c>
      <c r="BV39" s="71">
        <v>3</v>
      </c>
      <c r="BW39" s="71">
        <v>1</v>
      </c>
      <c r="BX39" s="71">
        <v>2</v>
      </c>
      <c r="BY39" s="71">
        <v>2</v>
      </c>
      <c r="BZ39" s="72">
        <v>12</v>
      </c>
      <c r="CA39" s="73">
        <v>16</v>
      </c>
      <c r="CB39" s="70">
        <v>0</v>
      </c>
      <c r="CC39" s="71">
        <v>0</v>
      </c>
      <c r="CD39" s="72">
        <v>0</v>
      </c>
      <c r="CE39" s="244"/>
      <c r="CF39" s="71">
        <v>0</v>
      </c>
      <c r="CG39" s="71">
        <v>0</v>
      </c>
      <c r="CH39" s="71">
        <v>0</v>
      </c>
      <c r="CI39" s="71">
        <v>0</v>
      </c>
      <c r="CJ39" s="71">
        <v>0</v>
      </c>
      <c r="CK39" s="72">
        <v>0</v>
      </c>
      <c r="CL39" s="73">
        <v>0</v>
      </c>
      <c r="CM39" s="70">
        <v>2</v>
      </c>
      <c r="CN39" s="71">
        <v>9</v>
      </c>
      <c r="CO39" s="72">
        <v>11</v>
      </c>
      <c r="CP39" s="244"/>
      <c r="CQ39" s="71">
        <v>13</v>
      </c>
      <c r="CR39" s="71">
        <v>11</v>
      </c>
      <c r="CS39" s="71">
        <v>5</v>
      </c>
      <c r="CT39" s="71">
        <v>5</v>
      </c>
      <c r="CU39" s="71">
        <v>5</v>
      </c>
      <c r="CV39" s="72">
        <v>39</v>
      </c>
      <c r="CW39" s="73">
        <v>50</v>
      </c>
      <c r="CX39" s="123">
        <v>2</v>
      </c>
      <c r="CY39" s="82">
        <v>3</v>
      </c>
      <c r="CZ39" s="83">
        <v>5</v>
      </c>
      <c r="DA39" s="241"/>
      <c r="DB39" s="82">
        <v>1</v>
      </c>
      <c r="DC39" s="82">
        <v>1</v>
      </c>
      <c r="DD39" s="82">
        <v>1</v>
      </c>
      <c r="DE39" s="82">
        <v>0</v>
      </c>
      <c r="DF39" s="82">
        <v>1</v>
      </c>
      <c r="DG39" s="84">
        <v>4</v>
      </c>
      <c r="DH39" s="85">
        <v>9</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0</v>
      </c>
      <c r="EJ39" s="71">
        <v>0</v>
      </c>
      <c r="EK39" s="71">
        <v>0</v>
      </c>
      <c r="EL39" s="71">
        <v>0</v>
      </c>
      <c r="EM39" s="71">
        <v>0</v>
      </c>
      <c r="EN39" s="72">
        <v>0</v>
      </c>
      <c r="EO39" s="73">
        <v>0</v>
      </c>
      <c r="EP39" s="70">
        <v>0</v>
      </c>
      <c r="EQ39" s="71">
        <v>1</v>
      </c>
      <c r="ER39" s="72">
        <v>1</v>
      </c>
      <c r="ES39" s="244"/>
      <c r="ET39" s="71">
        <v>0</v>
      </c>
      <c r="EU39" s="71">
        <v>1</v>
      </c>
      <c r="EV39" s="71">
        <v>0</v>
      </c>
      <c r="EW39" s="71">
        <v>0</v>
      </c>
      <c r="EX39" s="71">
        <v>0</v>
      </c>
      <c r="EY39" s="72">
        <v>1</v>
      </c>
      <c r="EZ39" s="73">
        <v>2</v>
      </c>
      <c r="FA39" s="70">
        <v>1</v>
      </c>
      <c r="FB39" s="71">
        <v>2</v>
      </c>
      <c r="FC39" s="72">
        <v>3</v>
      </c>
      <c r="FD39" s="244"/>
      <c r="FE39" s="71">
        <v>1</v>
      </c>
      <c r="FF39" s="71">
        <v>0</v>
      </c>
      <c r="FG39" s="71">
        <v>1</v>
      </c>
      <c r="FH39" s="71">
        <v>0</v>
      </c>
      <c r="FI39" s="71">
        <v>0</v>
      </c>
      <c r="FJ39" s="72">
        <v>2</v>
      </c>
      <c r="FK39" s="73">
        <v>5</v>
      </c>
      <c r="FL39" s="70">
        <v>1</v>
      </c>
      <c r="FM39" s="71">
        <v>0</v>
      </c>
      <c r="FN39" s="72">
        <v>1</v>
      </c>
      <c r="FO39" s="244"/>
      <c r="FP39" s="71">
        <v>0</v>
      </c>
      <c r="FQ39" s="71">
        <v>0</v>
      </c>
      <c r="FR39" s="71">
        <v>0</v>
      </c>
      <c r="FS39" s="71">
        <v>0</v>
      </c>
      <c r="FT39" s="71">
        <v>1</v>
      </c>
      <c r="FU39" s="72">
        <v>1</v>
      </c>
      <c r="FV39" s="73">
        <v>2</v>
      </c>
      <c r="FW39" s="70">
        <v>0</v>
      </c>
      <c r="FX39" s="71">
        <v>0</v>
      </c>
      <c r="FY39" s="72">
        <v>0</v>
      </c>
      <c r="FZ39" s="244"/>
      <c r="GA39" s="71">
        <v>0</v>
      </c>
      <c r="GB39" s="71">
        <v>0</v>
      </c>
      <c r="GC39" s="71">
        <v>0</v>
      </c>
      <c r="GD39" s="71">
        <v>0</v>
      </c>
      <c r="GE39" s="71">
        <v>0</v>
      </c>
      <c r="GF39" s="72">
        <v>0</v>
      </c>
      <c r="GG39" s="73">
        <v>0</v>
      </c>
      <c r="GH39" s="70">
        <v>2</v>
      </c>
      <c r="GI39" s="71">
        <v>3</v>
      </c>
      <c r="GJ39" s="72">
        <v>5</v>
      </c>
      <c r="GK39" s="244"/>
      <c r="GL39" s="71">
        <v>1</v>
      </c>
      <c r="GM39" s="71">
        <v>1</v>
      </c>
      <c r="GN39" s="71">
        <v>1</v>
      </c>
      <c r="GO39" s="71">
        <v>0</v>
      </c>
      <c r="GP39" s="71">
        <v>1</v>
      </c>
      <c r="GQ39" s="72">
        <v>4</v>
      </c>
      <c r="GR39" s="73">
        <v>9</v>
      </c>
      <c r="GS39" s="123">
        <v>4</v>
      </c>
      <c r="GT39" s="82">
        <v>12</v>
      </c>
      <c r="GU39" s="83">
        <v>16</v>
      </c>
      <c r="GV39" s="241"/>
      <c r="GW39" s="82">
        <v>14</v>
      </c>
      <c r="GX39" s="82">
        <v>12</v>
      </c>
      <c r="GY39" s="82">
        <v>6</v>
      </c>
      <c r="GZ39" s="82">
        <v>5</v>
      </c>
      <c r="HA39" s="82">
        <v>6</v>
      </c>
      <c r="HB39" s="84">
        <v>43</v>
      </c>
      <c r="HC39" s="85">
        <v>59</v>
      </c>
      <c r="HD39" s="70">
        <v>0</v>
      </c>
      <c r="HE39" s="71">
        <v>0</v>
      </c>
      <c r="HF39" s="72">
        <v>0</v>
      </c>
      <c r="HG39" s="244"/>
      <c r="HH39" s="71">
        <v>1</v>
      </c>
      <c r="HI39" s="71">
        <v>1</v>
      </c>
      <c r="HJ39" s="71">
        <v>0</v>
      </c>
      <c r="HK39" s="71">
        <v>0</v>
      </c>
      <c r="HL39" s="71">
        <v>0</v>
      </c>
      <c r="HM39" s="72">
        <v>2</v>
      </c>
      <c r="HN39" s="73">
        <v>2</v>
      </c>
      <c r="HO39" s="70">
        <v>0</v>
      </c>
      <c r="HP39" s="71">
        <v>0</v>
      </c>
      <c r="HQ39" s="72">
        <v>0</v>
      </c>
      <c r="HR39" s="244"/>
      <c r="HS39" s="71">
        <v>2</v>
      </c>
      <c r="HT39" s="71">
        <v>1</v>
      </c>
      <c r="HU39" s="71">
        <v>1</v>
      </c>
      <c r="HV39" s="71">
        <v>0</v>
      </c>
      <c r="HW39" s="71">
        <v>0</v>
      </c>
      <c r="HX39" s="72">
        <v>4</v>
      </c>
      <c r="HY39" s="73">
        <v>4</v>
      </c>
      <c r="HZ39" s="70">
        <v>0</v>
      </c>
      <c r="IA39" s="71">
        <v>1</v>
      </c>
      <c r="IB39" s="72">
        <v>1</v>
      </c>
      <c r="IC39" s="244"/>
      <c r="ID39" s="71">
        <v>0</v>
      </c>
      <c r="IE39" s="71">
        <v>0</v>
      </c>
      <c r="IF39" s="71">
        <v>1</v>
      </c>
      <c r="IG39" s="71">
        <v>1</v>
      </c>
      <c r="IH39" s="71">
        <v>0</v>
      </c>
      <c r="II39" s="72">
        <v>2</v>
      </c>
      <c r="IJ39" s="73">
        <v>3</v>
      </c>
      <c r="IK39" s="70">
        <v>0</v>
      </c>
      <c r="IL39" s="71">
        <v>3</v>
      </c>
      <c r="IM39" s="72">
        <v>3</v>
      </c>
      <c r="IN39" s="244"/>
      <c r="IO39" s="71">
        <v>3</v>
      </c>
      <c r="IP39" s="71">
        <v>3</v>
      </c>
      <c r="IQ39" s="71">
        <v>0</v>
      </c>
      <c r="IR39" s="71">
        <v>1</v>
      </c>
      <c r="IS39" s="71">
        <v>1</v>
      </c>
      <c r="IT39" s="72">
        <v>8</v>
      </c>
      <c r="IU39" s="73">
        <v>11</v>
      </c>
      <c r="IV39" s="70">
        <v>3</v>
      </c>
      <c r="IW39" s="71">
        <v>4</v>
      </c>
      <c r="IX39" s="72">
        <v>7</v>
      </c>
      <c r="IY39" s="244"/>
      <c r="IZ39" s="71">
        <v>4</v>
      </c>
      <c r="JA39" s="71">
        <v>4</v>
      </c>
      <c r="JB39" s="71">
        <v>3</v>
      </c>
      <c r="JC39" s="71">
        <v>1</v>
      </c>
      <c r="JD39" s="71">
        <v>2</v>
      </c>
      <c r="JE39" s="72">
        <v>14</v>
      </c>
      <c r="JF39" s="73">
        <v>21</v>
      </c>
      <c r="JG39" s="70">
        <v>1</v>
      </c>
      <c r="JH39" s="71">
        <v>4</v>
      </c>
      <c r="JI39" s="72">
        <v>5</v>
      </c>
      <c r="JJ39" s="244"/>
      <c r="JK39" s="71">
        <v>4</v>
      </c>
      <c r="JL39" s="71">
        <v>3</v>
      </c>
      <c r="JM39" s="71">
        <v>1</v>
      </c>
      <c r="JN39" s="71">
        <v>2</v>
      </c>
      <c r="JO39" s="71">
        <v>3</v>
      </c>
      <c r="JP39" s="72">
        <v>13</v>
      </c>
      <c r="JQ39" s="73">
        <v>18</v>
      </c>
      <c r="JR39" s="70">
        <v>0</v>
      </c>
      <c r="JS39" s="71">
        <v>0</v>
      </c>
      <c r="JT39" s="72">
        <v>0</v>
      </c>
      <c r="JU39" s="244"/>
      <c r="JV39" s="71">
        <v>0</v>
      </c>
      <c r="JW39" s="71">
        <v>0</v>
      </c>
      <c r="JX39" s="71">
        <v>0</v>
      </c>
      <c r="JY39" s="71">
        <v>0</v>
      </c>
      <c r="JZ39" s="71">
        <v>0</v>
      </c>
      <c r="KA39" s="72">
        <v>0</v>
      </c>
      <c r="KB39" s="73">
        <v>0</v>
      </c>
      <c r="KC39" s="70">
        <v>4</v>
      </c>
      <c r="KD39" s="71">
        <v>12</v>
      </c>
      <c r="KE39" s="72">
        <v>16</v>
      </c>
      <c r="KF39" s="244"/>
      <c r="KG39" s="71">
        <v>14</v>
      </c>
      <c r="KH39" s="71">
        <v>12</v>
      </c>
      <c r="KI39" s="71">
        <v>6</v>
      </c>
      <c r="KJ39" s="71">
        <v>5</v>
      </c>
      <c r="KK39" s="71">
        <v>6</v>
      </c>
      <c r="KL39" s="72">
        <v>43</v>
      </c>
      <c r="KM39" s="73">
        <v>59</v>
      </c>
    </row>
    <row r="40" spans="2:299" ht="21" customHeight="1" thickBot="1" x14ac:dyDescent="0.25">
      <c r="B40" s="127" t="s">
        <v>37</v>
      </c>
      <c r="C40" s="316">
        <v>0</v>
      </c>
      <c r="D40" s="87">
        <v>1</v>
      </c>
      <c r="E40" s="88">
        <v>1</v>
      </c>
      <c r="F40" s="242"/>
      <c r="G40" s="87">
        <v>0</v>
      </c>
      <c r="H40" s="87">
        <v>1</v>
      </c>
      <c r="I40" s="87">
        <v>1</v>
      </c>
      <c r="J40" s="87">
        <v>1</v>
      </c>
      <c r="K40" s="87">
        <v>0</v>
      </c>
      <c r="L40" s="89">
        <v>3</v>
      </c>
      <c r="M40" s="90">
        <v>4</v>
      </c>
      <c r="N40" s="74">
        <v>0</v>
      </c>
      <c r="O40" s="75">
        <v>0</v>
      </c>
      <c r="P40" s="76">
        <v>0</v>
      </c>
      <c r="Q40" s="245"/>
      <c r="R40" s="75">
        <v>0</v>
      </c>
      <c r="S40" s="75">
        <v>0</v>
      </c>
      <c r="T40" s="75">
        <v>0</v>
      </c>
      <c r="U40" s="75">
        <v>0</v>
      </c>
      <c r="V40" s="75">
        <v>0</v>
      </c>
      <c r="W40" s="76">
        <v>0</v>
      </c>
      <c r="X40" s="77">
        <v>0</v>
      </c>
      <c r="Y40" s="74">
        <v>0</v>
      </c>
      <c r="Z40" s="75">
        <v>0</v>
      </c>
      <c r="AA40" s="76">
        <v>0</v>
      </c>
      <c r="AB40" s="245"/>
      <c r="AC40" s="75">
        <v>0</v>
      </c>
      <c r="AD40" s="75">
        <v>0</v>
      </c>
      <c r="AE40" s="75">
        <v>1</v>
      </c>
      <c r="AF40" s="75">
        <v>0</v>
      </c>
      <c r="AG40" s="75">
        <v>0</v>
      </c>
      <c r="AH40" s="76">
        <v>1</v>
      </c>
      <c r="AI40" s="77">
        <v>1</v>
      </c>
      <c r="AJ40" s="74">
        <v>0</v>
      </c>
      <c r="AK40" s="75">
        <v>1</v>
      </c>
      <c r="AL40" s="76">
        <v>1</v>
      </c>
      <c r="AM40" s="245"/>
      <c r="AN40" s="75">
        <v>0</v>
      </c>
      <c r="AO40" s="75">
        <v>0</v>
      </c>
      <c r="AP40" s="75">
        <v>0</v>
      </c>
      <c r="AQ40" s="75">
        <v>0</v>
      </c>
      <c r="AR40" s="75">
        <v>0</v>
      </c>
      <c r="AS40" s="76">
        <v>0</v>
      </c>
      <c r="AT40" s="77">
        <v>1</v>
      </c>
      <c r="AU40" s="74">
        <v>0</v>
      </c>
      <c r="AV40" s="75">
        <v>0</v>
      </c>
      <c r="AW40" s="76">
        <v>0</v>
      </c>
      <c r="AX40" s="245"/>
      <c r="AY40" s="75">
        <v>0</v>
      </c>
      <c r="AZ40" s="75">
        <v>0</v>
      </c>
      <c r="BA40" s="75">
        <v>0</v>
      </c>
      <c r="BB40" s="75">
        <v>0</v>
      </c>
      <c r="BC40" s="75">
        <v>0</v>
      </c>
      <c r="BD40" s="76">
        <v>0</v>
      </c>
      <c r="BE40" s="77">
        <v>0</v>
      </c>
      <c r="BF40" s="74">
        <v>0</v>
      </c>
      <c r="BG40" s="75">
        <v>0</v>
      </c>
      <c r="BH40" s="76">
        <v>0</v>
      </c>
      <c r="BI40" s="245"/>
      <c r="BJ40" s="75">
        <v>0</v>
      </c>
      <c r="BK40" s="75">
        <v>1</v>
      </c>
      <c r="BL40" s="75">
        <v>0</v>
      </c>
      <c r="BM40" s="75">
        <v>1</v>
      </c>
      <c r="BN40" s="75">
        <v>0</v>
      </c>
      <c r="BO40" s="76">
        <v>2</v>
      </c>
      <c r="BP40" s="77">
        <v>2</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1</v>
      </c>
      <c r="CS40" s="75">
        <v>1</v>
      </c>
      <c r="CT40" s="75">
        <v>1</v>
      </c>
      <c r="CU40" s="75">
        <v>0</v>
      </c>
      <c r="CV40" s="76">
        <v>3</v>
      </c>
      <c r="CW40" s="77">
        <v>4</v>
      </c>
      <c r="CX40" s="124">
        <v>0</v>
      </c>
      <c r="CY40" s="87">
        <v>0</v>
      </c>
      <c r="CZ40" s="88">
        <v>0</v>
      </c>
      <c r="DA40" s="242"/>
      <c r="DB40" s="87">
        <v>0</v>
      </c>
      <c r="DC40" s="87">
        <v>0</v>
      </c>
      <c r="DD40" s="87">
        <v>0</v>
      </c>
      <c r="DE40" s="87">
        <v>0</v>
      </c>
      <c r="DF40" s="87">
        <v>0</v>
      </c>
      <c r="DG40" s="89">
        <v>0</v>
      </c>
      <c r="DH40" s="90">
        <v>0</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0</v>
      </c>
      <c r="FU40" s="76">
        <v>0</v>
      </c>
      <c r="FV40" s="77">
        <v>0</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0</v>
      </c>
      <c r="GQ40" s="76">
        <v>0</v>
      </c>
      <c r="GR40" s="77">
        <v>0</v>
      </c>
      <c r="GS40" s="124">
        <v>0</v>
      </c>
      <c r="GT40" s="87">
        <v>1</v>
      </c>
      <c r="GU40" s="88">
        <v>1</v>
      </c>
      <c r="GV40" s="242"/>
      <c r="GW40" s="87">
        <v>0</v>
      </c>
      <c r="GX40" s="87">
        <v>1</v>
      </c>
      <c r="GY40" s="87">
        <v>1</v>
      </c>
      <c r="GZ40" s="87">
        <v>1</v>
      </c>
      <c r="HA40" s="87">
        <v>0</v>
      </c>
      <c r="HB40" s="89">
        <v>3</v>
      </c>
      <c r="HC40" s="90">
        <v>4</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1</v>
      </c>
      <c r="HV40" s="75">
        <v>0</v>
      </c>
      <c r="HW40" s="75">
        <v>0</v>
      </c>
      <c r="HX40" s="76">
        <v>1</v>
      </c>
      <c r="HY40" s="77">
        <v>1</v>
      </c>
      <c r="HZ40" s="74">
        <v>0</v>
      </c>
      <c r="IA40" s="75">
        <v>1</v>
      </c>
      <c r="IB40" s="76">
        <v>1</v>
      </c>
      <c r="IC40" s="245"/>
      <c r="ID40" s="75">
        <v>0</v>
      </c>
      <c r="IE40" s="75">
        <v>0</v>
      </c>
      <c r="IF40" s="75">
        <v>0</v>
      </c>
      <c r="IG40" s="75">
        <v>0</v>
      </c>
      <c r="IH40" s="75">
        <v>0</v>
      </c>
      <c r="II40" s="76">
        <v>0</v>
      </c>
      <c r="IJ40" s="77">
        <v>1</v>
      </c>
      <c r="IK40" s="74">
        <v>0</v>
      </c>
      <c r="IL40" s="75">
        <v>0</v>
      </c>
      <c r="IM40" s="76">
        <v>0</v>
      </c>
      <c r="IN40" s="245"/>
      <c r="IO40" s="75">
        <v>0</v>
      </c>
      <c r="IP40" s="75">
        <v>0</v>
      </c>
      <c r="IQ40" s="75">
        <v>0</v>
      </c>
      <c r="IR40" s="75">
        <v>0</v>
      </c>
      <c r="IS40" s="75">
        <v>0</v>
      </c>
      <c r="IT40" s="76">
        <v>0</v>
      </c>
      <c r="IU40" s="77">
        <v>0</v>
      </c>
      <c r="IV40" s="74">
        <v>0</v>
      </c>
      <c r="IW40" s="75">
        <v>0</v>
      </c>
      <c r="IX40" s="76">
        <v>0</v>
      </c>
      <c r="IY40" s="245"/>
      <c r="IZ40" s="75">
        <v>0</v>
      </c>
      <c r="JA40" s="75">
        <v>1</v>
      </c>
      <c r="JB40" s="75">
        <v>0</v>
      </c>
      <c r="JC40" s="75">
        <v>1</v>
      </c>
      <c r="JD40" s="75">
        <v>0</v>
      </c>
      <c r="JE40" s="76">
        <v>2</v>
      </c>
      <c r="JF40" s="77">
        <v>2</v>
      </c>
      <c r="JG40" s="74">
        <v>0</v>
      </c>
      <c r="JH40" s="75">
        <v>0</v>
      </c>
      <c r="JI40" s="76">
        <v>0</v>
      </c>
      <c r="JJ40" s="245"/>
      <c r="JK40" s="75">
        <v>0</v>
      </c>
      <c r="JL40" s="75">
        <v>0</v>
      </c>
      <c r="JM40" s="75">
        <v>0</v>
      </c>
      <c r="JN40" s="75">
        <v>0</v>
      </c>
      <c r="JO40" s="75">
        <v>0</v>
      </c>
      <c r="JP40" s="76">
        <v>0</v>
      </c>
      <c r="JQ40" s="77">
        <v>0</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1</v>
      </c>
      <c r="KI40" s="75">
        <v>1</v>
      </c>
      <c r="KJ40" s="75">
        <v>1</v>
      </c>
      <c r="KK40" s="75">
        <v>0</v>
      </c>
      <c r="KL40" s="76">
        <v>3</v>
      </c>
      <c r="KM40" s="77">
        <v>4</v>
      </c>
    </row>
    <row r="41" spans="2:299" ht="32.25" customHeight="1" x14ac:dyDescent="0.2">
      <c r="C41" s="310" t="s">
        <v>126</v>
      </c>
    </row>
  </sheetData>
  <mergeCells count="36">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 ref="I1:J1"/>
    <mergeCell ref="F1:G1"/>
    <mergeCell ref="CB4:CL5"/>
    <mergeCell ref="B3:B5"/>
    <mergeCell ref="C3:CW3"/>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4">
        <f>第１表!F2</f>
        <v>5</v>
      </c>
      <c r="G1" s="524"/>
      <c r="H1" s="248">
        <f>第１表!G2</f>
        <v>4</v>
      </c>
      <c r="I1" s="506">
        <f>H1</f>
        <v>4</v>
      </c>
      <c r="J1" s="506"/>
    </row>
    <row r="2" spans="2:299" ht="24" customHeight="1" thickBot="1" x14ac:dyDescent="0.25">
      <c r="B2" s="20" t="s">
        <v>153</v>
      </c>
    </row>
    <row r="3" spans="2:299" ht="21" customHeight="1" thickBot="1" x14ac:dyDescent="0.25">
      <c r="B3" s="507" t="s">
        <v>38</v>
      </c>
      <c r="C3" s="519" t="s">
        <v>96</v>
      </c>
      <c r="D3" s="519"/>
      <c r="E3" s="519"/>
      <c r="F3" s="519"/>
      <c r="G3" s="519"/>
      <c r="H3" s="519"/>
      <c r="I3" s="519"/>
      <c r="J3" s="519"/>
      <c r="K3" s="519"/>
      <c r="L3" s="519"/>
      <c r="M3" s="519"/>
      <c r="N3" s="519"/>
      <c r="O3" s="519"/>
      <c r="P3" s="519"/>
      <c r="Q3" s="519"/>
      <c r="R3" s="519"/>
      <c r="S3" s="519"/>
      <c r="T3" s="519"/>
      <c r="U3" s="519"/>
      <c r="V3" s="519"/>
      <c r="W3" s="519"/>
      <c r="X3" s="519"/>
      <c r="Y3" s="519"/>
      <c r="Z3" s="519"/>
      <c r="AA3" s="519"/>
      <c r="AB3" s="519"/>
      <c r="AC3" s="519"/>
      <c r="AD3" s="519"/>
      <c r="AE3" s="519"/>
      <c r="AF3" s="519"/>
      <c r="AG3" s="519"/>
      <c r="AH3" s="519"/>
      <c r="AI3" s="519"/>
      <c r="AJ3" s="519"/>
      <c r="AK3" s="519"/>
      <c r="AL3" s="519"/>
      <c r="AM3" s="519"/>
      <c r="AN3" s="519"/>
      <c r="AO3" s="519"/>
      <c r="AP3" s="519"/>
      <c r="AQ3" s="519"/>
      <c r="AR3" s="519"/>
      <c r="AS3" s="519"/>
      <c r="AT3" s="519"/>
      <c r="AU3" s="519"/>
      <c r="AV3" s="519"/>
      <c r="AW3" s="519"/>
      <c r="AX3" s="519"/>
      <c r="AY3" s="519"/>
      <c r="AZ3" s="519"/>
      <c r="BA3" s="519"/>
      <c r="BB3" s="519"/>
      <c r="BC3" s="519"/>
      <c r="BD3" s="519"/>
      <c r="BE3" s="519"/>
      <c r="BF3" s="519"/>
      <c r="BG3" s="519"/>
      <c r="BH3" s="519"/>
      <c r="BI3" s="519"/>
      <c r="BJ3" s="519"/>
      <c r="BK3" s="519"/>
      <c r="BL3" s="519"/>
      <c r="BM3" s="519"/>
      <c r="BN3" s="519"/>
      <c r="BO3" s="519"/>
      <c r="BP3" s="519"/>
      <c r="BQ3" s="519"/>
      <c r="BR3" s="519"/>
      <c r="BS3" s="519"/>
      <c r="BT3" s="519"/>
      <c r="BU3" s="519"/>
      <c r="BV3" s="519"/>
      <c r="BW3" s="519"/>
      <c r="BX3" s="519"/>
      <c r="BY3" s="519"/>
      <c r="BZ3" s="519"/>
      <c r="CA3" s="519"/>
      <c r="CB3" s="519"/>
      <c r="CC3" s="519"/>
      <c r="CD3" s="519"/>
      <c r="CE3" s="519"/>
      <c r="CF3" s="519"/>
      <c r="CG3" s="519"/>
      <c r="CH3" s="519"/>
      <c r="CI3" s="519"/>
      <c r="CJ3" s="519"/>
      <c r="CK3" s="519"/>
      <c r="CL3" s="519"/>
      <c r="CM3" s="519"/>
      <c r="CN3" s="519"/>
      <c r="CO3" s="519"/>
      <c r="CP3" s="519"/>
      <c r="CQ3" s="519"/>
      <c r="CR3" s="519"/>
      <c r="CS3" s="519"/>
      <c r="CT3" s="519"/>
      <c r="CU3" s="519"/>
      <c r="CV3" s="519"/>
      <c r="CW3" s="520"/>
      <c r="CX3" s="519" t="s">
        <v>103</v>
      </c>
      <c r="CY3" s="519"/>
      <c r="CZ3" s="519"/>
      <c r="DA3" s="519"/>
      <c r="DB3" s="519"/>
      <c r="DC3" s="519"/>
      <c r="DD3" s="519"/>
      <c r="DE3" s="519"/>
      <c r="DF3" s="519"/>
      <c r="DG3" s="519"/>
      <c r="DH3" s="519"/>
      <c r="DI3" s="519"/>
      <c r="DJ3" s="519"/>
      <c r="DK3" s="519"/>
      <c r="DL3" s="519"/>
      <c r="DM3" s="519"/>
      <c r="DN3" s="519"/>
      <c r="DO3" s="519"/>
      <c r="DP3" s="519"/>
      <c r="DQ3" s="519"/>
      <c r="DR3" s="519"/>
      <c r="DS3" s="519"/>
      <c r="DT3" s="519"/>
      <c r="DU3" s="519"/>
      <c r="DV3" s="519"/>
      <c r="DW3" s="519"/>
      <c r="DX3" s="519"/>
      <c r="DY3" s="519"/>
      <c r="DZ3" s="519"/>
      <c r="EA3" s="519"/>
      <c r="EB3" s="519"/>
      <c r="EC3" s="519"/>
      <c r="ED3" s="519"/>
      <c r="EE3" s="519"/>
      <c r="EF3" s="519"/>
      <c r="EG3" s="519"/>
      <c r="EH3" s="519"/>
      <c r="EI3" s="519"/>
      <c r="EJ3" s="519"/>
      <c r="EK3" s="519"/>
      <c r="EL3" s="519"/>
      <c r="EM3" s="519"/>
      <c r="EN3" s="519"/>
      <c r="EO3" s="519"/>
      <c r="EP3" s="519"/>
      <c r="EQ3" s="519"/>
      <c r="ER3" s="519"/>
      <c r="ES3" s="519"/>
      <c r="ET3" s="519"/>
      <c r="EU3" s="519"/>
      <c r="EV3" s="519"/>
      <c r="EW3" s="519"/>
      <c r="EX3" s="519"/>
      <c r="EY3" s="519"/>
      <c r="EZ3" s="519"/>
      <c r="FA3" s="519"/>
      <c r="FB3" s="519"/>
      <c r="FC3" s="519"/>
      <c r="FD3" s="519"/>
      <c r="FE3" s="519"/>
      <c r="FF3" s="519"/>
      <c r="FG3" s="519"/>
      <c r="FH3" s="519"/>
      <c r="FI3" s="519"/>
      <c r="FJ3" s="519"/>
      <c r="FK3" s="519"/>
      <c r="FL3" s="519"/>
      <c r="FM3" s="519"/>
      <c r="FN3" s="519"/>
      <c r="FO3" s="519"/>
      <c r="FP3" s="519"/>
      <c r="FQ3" s="519"/>
      <c r="FR3" s="519"/>
      <c r="FS3" s="519"/>
      <c r="FT3" s="519"/>
      <c r="FU3" s="519"/>
      <c r="FV3" s="519"/>
      <c r="FW3" s="519"/>
      <c r="FX3" s="519"/>
      <c r="FY3" s="519"/>
      <c r="FZ3" s="519"/>
      <c r="GA3" s="519"/>
      <c r="GB3" s="519"/>
      <c r="GC3" s="519"/>
      <c r="GD3" s="519"/>
      <c r="GE3" s="519"/>
      <c r="GF3" s="519"/>
      <c r="GG3" s="519"/>
      <c r="GH3" s="519"/>
      <c r="GI3" s="519"/>
      <c r="GJ3" s="519"/>
      <c r="GK3" s="519"/>
      <c r="GL3" s="519"/>
      <c r="GM3" s="519"/>
      <c r="GN3" s="519"/>
      <c r="GO3" s="519"/>
      <c r="GP3" s="519"/>
      <c r="GQ3" s="519"/>
      <c r="GR3" s="520"/>
      <c r="GS3" s="519" t="s">
        <v>104</v>
      </c>
      <c r="GT3" s="519"/>
      <c r="GU3" s="519"/>
      <c r="GV3" s="519"/>
      <c r="GW3" s="519"/>
      <c r="GX3" s="519"/>
      <c r="GY3" s="519"/>
      <c r="GZ3" s="519"/>
      <c r="HA3" s="519"/>
      <c r="HB3" s="519"/>
      <c r="HC3" s="519"/>
      <c r="HD3" s="519"/>
      <c r="HE3" s="519"/>
      <c r="HF3" s="519"/>
      <c r="HG3" s="519"/>
      <c r="HH3" s="519"/>
      <c r="HI3" s="519"/>
      <c r="HJ3" s="519"/>
      <c r="HK3" s="519"/>
      <c r="HL3" s="519"/>
      <c r="HM3" s="519"/>
      <c r="HN3" s="519"/>
      <c r="HO3" s="519"/>
      <c r="HP3" s="519"/>
      <c r="HQ3" s="519"/>
      <c r="HR3" s="519"/>
      <c r="HS3" s="519"/>
      <c r="HT3" s="519"/>
      <c r="HU3" s="519"/>
      <c r="HV3" s="519"/>
      <c r="HW3" s="519"/>
      <c r="HX3" s="519"/>
      <c r="HY3" s="519"/>
      <c r="HZ3" s="519"/>
      <c r="IA3" s="519"/>
      <c r="IB3" s="519"/>
      <c r="IC3" s="519"/>
      <c r="ID3" s="519"/>
      <c r="IE3" s="519"/>
      <c r="IF3" s="519"/>
      <c r="IG3" s="519"/>
      <c r="IH3" s="519"/>
      <c r="II3" s="519"/>
      <c r="IJ3" s="519"/>
      <c r="IK3" s="519"/>
      <c r="IL3" s="519"/>
      <c r="IM3" s="519"/>
      <c r="IN3" s="519"/>
      <c r="IO3" s="519"/>
      <c r="IP3" s="519"/>
      <c r="IQ3" s="519"/>
      <c r="IR3" s="519"/>
      <c r="IS3" s="519"/>
      <c r="IT3" s="519"/>
      <c r="IU3" s="519"/>
      <c r="IV3" s="519"/>
      <c r="IW3" s="519"/>
      <c r="IX3" s="519"/>
      <c r="IY3" s="519"/>
      <c r="IZ3" s="519"/>
      <c r="JA3" s="519"/>
      <c r="JB3" s="519"/>
      <c r="JC3" s="519"/>
      <c r="JD3" s="519"/>
      <c r="JE3" s="519"/>
      <c r="JF3" s="519"/>
      <c r="JG3" s="519"/>
      <c r="JH3" s="519"/>
      <c r="JI3" s="519"/>
      <c r="JJ3" s="519"/>
      <c r="JK3" s="519"/>
      <c r="JL3" s="519"/>
      <c r="JM3" s="519"/>
      <c r="JN3" s="519"/>
      <c r="JO3" s="519"/>
      <c r="JP3" s="519"/>
      <c r="JQ3" s="519"/>
      <c r="JR3" s="519"/>
      <c r="JS3" s="519"/>
      <c r="JT3" s="519"/>
      <c r="JU3" s="519"/>
      <c r="JV3" s="519"/>
      <c r="JW3" s="519"/>
      <c r="JX3" s="519"/>
      <c r="JY3" s="519"/>
      <c r="JZ3" s="519"/>
      <c r="KA3" s="519"/>
      <c r="KB3" s="519"/>
      <c r="KC3" s="519"/>
      <c r="KD3" s="519"/>
      <c r="KE3" s="519"/>
      <c r="KF3" s="519"/>
      <c r="KG3" s="519"/>
      <c r="KH3" s="519"/>
      <c r="KI3" s="519"/>
      <c r="KJ3" s="519"/>
      <c r="KK3" s="519"/>
      <c r="KL3" s="519"/>
      <c r="KM3" s="520"/>
    </row>
    <row r="4" spans="2:299" ht="21" customHeight="1" thickBot="1" x14ac:dyDescent="0.25">
      <c r="B4" s="525"/>
      <c r="C4" s="521" t="s">
        <v>39</v>
      </c>
      <c r="D4" s="522"/>
      <c r="E4" s="522"/>
      <c r="F4" s="522"/>
      <c r="G4" s="522"/>
      <c r="H4" s="522"/>
      <c r="I4" s="522"/>
      <c r="J4" s="522"/>
      <c r="K4" s="522"/>
      <c r="L4" s="522"/>
      <c r="M4" s="522"/>
      <c r="N4" s="522"/>
      <c r="O4" s="522"/>
      <c r="P4" s="522"/>
      <c r="Q4" s="522"/>
      <c r="R4" s="522"/>
      <c r="S4" s="522"/>
      <c r="T4" s="522"/>
      <c r="U4" s="522"/>
      <c r="V4" s="522"/>
      <c r="W4" s="522"/>
      <c r="X4" s="522"/>
      <c r="Y4" s="522"/>
      <c r="Z4" s="522"/>
      <c r="AA4" s="522"/>
      <c r="AB4" s="522"/>
      <c r="AC4" s="522"/>
      <c r="AD4" s="522"/>
      <c r="AE4" s="522"/>
      <c r="AF4" s="522"/>
      <c r="AG4" s="522"/>
      <c r="AH4" s="522"/>
      <c r="AI4" s="522"/>
      <c r="AJ4" s="522"/>
      <c r="AK4" s="522"/>
      <c r="AL4" s="522"/>
      <c r="AM4" s="522"/>
      <c r="AN4" s="522"/>
      <c r="AO4" s="522"/>
      <c r="AP4" s="522"/>
      <c r="AQ4" s="522"/>
      <c r="AR4" s="522"/>
      <c r="AS4" s="522"/>
      <c r="AT4" s="522"/>
      <c r="AU4" s="522"/>
      <c r="AV4" s="522"/>
      <c r="AW4" s="522"/>
      <c r="AX4" s="522"/>
      <c r="AY4" s="522"/>
      <c r="AZ4" s="522"/>
      <c r="BA4" s="522"/>
      <c r="BB4" s="522"/>
      <c r="BC4" s="522"/>
      <c r="BD4" s="522"/>
      <c r="BE4" s="522"/>
      <c r="BF4" s="522"/>
      <c r="BG4" s="522"/>
      <c r="BH4" s="522"/>
      <c r="BI4" s="522"/>
      <c r="BJ4" s="522"/>
      <c r="BK4" s="522"/>
      <c r="BL4" s="522"/>
      <c r="BM4" s="522"/>
      <c r="BN4" s="522"/>
      <c r="BO4" s="522"/>
      <c r="BP4" s="522"/>
      <c r="BQ4" s="522"/>
      <c r="BR4" s="522"/>
      <c r="BS4" s="522"/>
      <c r="BT4" s="522"/>
      <c r="BU4" s="522"/>
      <c r="BV4" s="522"/>
      <c r="BW4" s="522"/>
      <c r="BX4" s="522"/>
      <c r="BY4" s="522"/>
      <c r="BZ4" s="522"/>
      <c r="CA4" s="523"/>
      <c r="CB4" s="507" t="s">
        <v>40</v>
      </c>
      <c r="CC4" s="508"/>
      <c r="CD4" s="508"/>
      <c r="CE4" s="508"/>
      <c r="CF4" s="508"/>
      <c r="CG4" s="508"/>
      <c r="CH4" s="508"/>
      <c r="CI4" s="508"/>
      <c r="CJ4" s="508"/>
      <c r="CK4" s="508"/>
      <c r="CL4" s="509"/>
      <c r="CM4" s="507" t="s">
        <v>41</v>
      </c>
      <c r="CN4" s="508"/>
      <c r="CO4" s="508"/>
      <c r="CP4" s="508"/>
      <c r="CQ4" s="508"/>
      <c r="CR4" s="508"/>
      <c r="CS4" s="508"/>
      <c r="CT4" s="508"/>
      <c r="CU4" s="508"/>
      <c r="CV4" s="508"/>
      <c r="CW4" s="509"/>
      <c r="CX4" s="521" t="s">
        <v>39</v>
      </c>
      <c r="CY4" s="522"/>
      <c r="CZ4" s="522"/>
      <c r="DA4" s="522"/>
      <c r="DB4" s="522"/>
      <c r="DC4" s="522"/>
      <c r="DD4" s="522"/>
      <c r="DE4" s="522"/>
      <c r="DF4" s="522"/>
      <c r="DG4" s="522"/>
      <c r="DH4" s="522"/>
      <c r="DI4" s="522"/>
      <c r="DJ4" s="522"/>
      <c r="DK4" s="522"/>
      <c r="DL4" s="522"/>
      <c r="DM4" s="522"/>
      <c r="DN4" s="522"/>
      <c r="DO4" s="522"/>
      <c r="DP4" s="522"/>
      <c r="DQ4" s="522"/>
      <c r="DR4" s="522"/>
      <c r="DS4" s="522"/>
      <c r="DT4" s="522"/>
      <c r="DU4" s="522"/>
      <c r="DV4" s="522"/>
      <c r="DW4" s="522"/>
      <c r="DX4" s="522"/>
      <c r="DY4" s="522"/>
      <c r="DZ4" s="522"/>
      <c r="EA4" s="522"/>
      <c r="EB4" s="522"/>
      <c r="EC4" s="522"/>
      <c r="ED4" s="522"/>
      <c r="EE4" s="522"/>
      <c r="EF4" s="522"/>
      <c r="EG4" s="522"/>
      <c r="EH4" s="522"/>
      <c r="EI4" s="522"/>
      <c r="EJ4" s="522"/>
      <c r="EK4" s="522"/>
      <c r="EL4" s="522"/>
      <c r="EM4" s="522"/>
      <c r="EN4" s="522"/>
      <c r="EO4" s="522"/>
      <c r="EP4" s="522"/>
      <c r="EQ4" s="522"/>
      <c r="ER4" s="522"/>
      <c r="ES4" s="522"/>
      <c r="ET4" s="522"/>
      <c r="EU4" s="522"/>
      <c r="EV4" s="522"/>
      <c r="EW4" s="522"/>
      <c r="EX4" s="522"/>
      <c r="EY4" s="522"/>
      <c r="EZ4" s="522"/>
      <c r="FA4" s="522"/>
      <c r="FB4" s="522"/>
      <c r="FC4" s="522"/>
      <c r="FD4" s="522"/>
      <c r="FE4" s="522"/>
      <c r="FF4" s="522"/>
      <c r="FG4" s="522"/>
      <c r="FH4" s="522"/>
      <c r="FI4" s="522"/>
      <c r="FJ4" s="522"/>
      <c r="FK4" s="522"/>
      <c r="FL4" s="522"/>
      <c r="FM4" s="522"/>
      <c r="FN4" s="522"/>
      <c r="FO4" s="522"/>
      <c r="FP4" s="522"/>
      <c r="FQ4" s="522"/>
      <c r="FR4" s="522"/>
      <c r="FS4" s="522"/>
      <c r="FT4" s="522"/>
      <c r="FU4" s="522"/>
      <c r="FV4" s="523"/>
      <c r="FW4" s="507" t="s">
        <v>40</v>
      </c>
      <c r="FX4" s="508"/>
      <c r="FY4" s="508"/>
      <c r="FZ4" s="508"/>
      <c r="GA4" s="508"/>
      <c r="GB4" s="508"/>
      <c r="GC4" s="508"/>
      <c r="GD4" s="508"/>
      <c r="GE4" s="508"/>
      <c r="GF4" s="508"/>
      <c r="GG4" s="509"/>
      <c r="GH4" s="507" t="s">
        <v>41</v>
      </c>
      <c r="GI4" s="508"/>
      <c r="GJ4" s="508"/>
      <c r="GK4" s="508"/>
      <c r="GL4" s="508"/>
      <c r="GM4" s="508"/>
      <c r="GN4" s="508"/>
      <c r="GO4" s="508"/>
      <c r="GP4" s="508"/>
      <c r="GQ4" s="508"/>
      <c r="GR4" s="509"/>
      <c r="GS4" s="521" t="s">
        <v>39</v>
      </c>
      <c r="GT4" s="522"/>
      <c r="GU4" s="522"/>
      <c r="GV4" s="522"/>
      <c r="GW4" s="522"/>
      <c r="GX4" s="522"/>
      <c r="GY4" s="522"/>
      <c r="GZ4" s="522"/>
      <c r="HA4" s="522"/>
      <c r="HB4" s="522"/>
      <c r="HC4" s="522"/>
      <c r="HD4" s="522"/>
      <c r="HE4" s="522"/>
      <c r="HF4" s="522"/>
      <c r="HG4" s="522"/>
      <c r="HH4" s="522"/>
      <c r="HI4" s="522"/>
      <c r="HJ4" s="522"/>
      <c r="HK4" s="522"/>
      <c r="HL4" s="522"/>
      <c r="HM4" s="522"/>
      <c r="HN4" s="522"/>
      <c r="HO4" s="522"/>
      <c r="HP4" s="522"/>
      <c r="HQ4" s="522"/>
      <c r="HR4" s="522"/>
      <c r="HS4" s="522"/>
      <c r="HT4" s="522"/>
      <c r="HU4" s="522"/>
      <c r="HV4" s="522"/>
      <c r="HW4" s="522"/>
      <c r="HX4" s="522"/>
      <c r="HY4" s="522"/>
      <c r="HZ4" s="522"/>
      <c r="IA4" s="522"/>
      <c r="IB4" s="522"/>
      <c r="IC4" s="522"/>
      <c r="ID4" s="522"/>
      <c r="IE4" s="522"/>
      <c r="IF4" s="522"/>
      <c r="IG4" s="522"/>
      <c r="IH4" s="522"/>
      <c r="II4" s="522"/>
      <c r="IJ4" s="522"/>
      <c r="IK4" s="522"/>
      <c r="IL4" s="522"/>
      <c r="IM4" s="522"/>
      <c r="IN4" s="522"/>
      <c r="IO4" s="522"/>
      <c r="IP4" s="522"/>
      <c r="IQ4" s="522"/>
      <c r="IR4" s="522"/>
      <c r="IS4" s="522"/>
      <c r="IT4" s="522"/>
      <c r="IU4" s="522"/>
      <c r="IV4" s="522"/>
      <c r="IW4" s="522"/>
      <c r="IX4" s="522"/>
      <c r="IY4" s="522"/>
      <c r="IZ4" s="522"/>
      <c r="JA4" s="522"/>
      <c r="JB4" s="522"/>
      <c r="JC4" s="522"/>
      <c r="JD4" s="522"/>
      <c r="JE4" s="522"/>
      <c r="JF4" s="522"/>
      <c r="JG4" s="522"/>
      <c r="JH4" s="522"/>
      <c r="JI4" s="522"/>
      <c r="JJ4" s="522"/>
      <c r="JK4" s="522"/>
      <c r="JL4" s="522"/>
      <c r="JM4" s="522"/>
      <c r="JN4" s="522"/>
      <c r="JO4" s="522"/>
      <c r="JP4" s="522"/>
      <c r="JQ4" s="523"/>
      <c r="JR4" s="507" t="s">
        <v>40</v>
      </c>
      <c r="JS4" s="508"/>
      <c r="JT4" s="508"/>
      <c r="JU4" s="508"/>
      <c r="JV4" s="508"/>
      <c r="JW4" s="508"/>
      <c r="JX4" s="508"/>
      <c r="JY4" s="508"/>
      <c r="JZ4" s="508"/>
      <c r="KA4" s="508"/>
      <c r="KB4" s="509"/>
      <c r="KC4" s="507" t="s">
        <v>41</v>
      </c>
      <c r="KD4" s="508"/>
      <c r="KE4" s="508"/>
      <c r="KF4" s="508"/>
      <c r="KG4" s="508"/>
      <c r="KH4" s="508"/>
      <c r="KI4" s="508"/>
      <c r="KJ4" s="508"/>
      <c r="KK4" s="508"/>
      <c r="KL4" s="508"/>
      <c r="KM4" s="509"/>
    </row>
    <row r="5" spans="2:299" ht="21" customHeight="1" thickBot="1" x14ac:dyDescent="0.25">
      <c r="B5" s="513"/>
      <c r="C5" s="513"/>
      <c r="D5" s="514"/>
      <c r="E5" s="514"/>
      <c r="F5" s="514"/>
      <c r="G5" s="514"/>
      <c r="H5" s="514"/>
      <c r="I5" s="514"/>
      <c r="J5" s="514"/>
      <c r="K5" s="514"/>
      <c r="L5" s="514"/>
      <c r="M5" s="515"/>
      <c r="N5" s="516" t="s">
        <v>97</v>
      </c>
      <c r="O5" s="517"/>
      <c r="P5" s="517"/>
      <c r="Q5" s="517"/>
      <c r="R5" s="517"/>
      <c r="S5" s="517"/>
      <c r="T5" s="517"/>
      <c r="U5" s="517"/>
      <c r="V5" s="517"/>
      <c r="W5" s="517"/>
      <c r="X5" s="518"/>
      <c r="Y5" s="516" t="s">
        <v>98</v>
      </c>
      <c r="Z5" s="517"/>
      <c r="AA5" s="517"/>
      <c r="AB5" s="517"/>
      <c r="AC5" s="517"/>
      <c r="AD5" s="517"/>
      <c r="AE5" s="517"/>
      <c r="AF5" s="517"/>
      <c r="AG5" s="517"/>
      <c r="AH5" s="517"/>
      <c r="AI5" s="518"/>
      <c r="AJ5" s="516" t="s">
        <v>99</v>
      </c>
      <c r="AK5" s="517"/>
      <c r="AL5" s="517"/>
      <c r="AM5" s="517"/>
      <c r="AN5" s="517"/>
      <c r="AO5" s="517"/>
      <c r="AP5" s="517"/>
      <c r="AQ5" s="517"/>
      <c r="AR5" s="517"/>
      <c r="AS5" s="517"/>
      <c r="AT5" s="518"/>
      <c r="AU5" s="516" t="s">
        <v>100</v>
      </c>
      <c r="AV5" s="517"/>
      <c r="AW5" s="517"/>
      <c r="AX5" s="517"/>
      <c r="AY5" s="517"/>
      <c r="AZ5" s="517"/>
      <c r="BA5" s="517"/>
      <c r="BB5" s="517"/>
      <c r="BC5" s="517"/>
      <c r="BD5" s="517"/>
      <c r="BE5" s="518"/>
      <c r="BF5" s="516" t="s">
        <v>101</v>
      </c>
      <c r="BG5" s="517"/>
      <c r="BH5" s="517"/>
      <c r="BI5" s="517"/>
      <c r="BJ5" s="517"/>
      <c r="BK5" s="517"/>
      <c r="BL5" s="517"/>
      <c r="BM5" s="517"/>
      <c r="BN5" s="517"/>
      <c r="BO5" s="517"/>
      <c r="BP5" s="518"/>
      <c r="BQ5" s="516" t="s">
        <v>102</v>
      </c>
      <c r="BR5" s="517"/>
      <c r="BS5" s="517"/>
      <c r="BT5" s="517"/>
      <c r="BU5" s="517"/>
      <c r="BV5" s="517"/>
      <c r="BW5" s="517"/>
      <c r="BX5" s="517"/>
      <c r="BY5" s="517"/>
      <c r="BZ5" s="517"/>
      <c r="CA5" s="518"/>
      <c r="CB5" s="510"/>
      <c r="CC5" s="511"/>
      <c r="CD5" s="511"/>
      <c r="CE5" s="511"/>
      <c r="CF5" s="511"/>
      <c r="CG5" s="511"/>
      <c r="CH5" s="511"/>
      <c r="CI5" s="511"/>
      <c r="CJ5" s="511"/>
      <c r="CK5" s="511"/>
      <c r="CL5" s="512"/>
      <c r="CM5" s="510"/>
      <c r="CN5" s="511"/>
      <c r="CO5" s="511"/>
      <c r="CP5" s="511"/>
      <c r="CQ5" s="511"/>
      <c r="CR5" s="511"/>
      <c r="CS5" s="511"/>
      <c r="CT5" s="511"/>
      <c r="CU5" s="511"/>
      <c r="CV5" s="511"/>
      <c r="CW5" s="512"/>
      <c r="CX5" s="513"/>
      <c r="CY5" s="514"/>
      <c r="CZ5" s="514"/>
      <c r="DA5" s="514"/>
      <c r="DB5" s="514"/>
      <c r="DC5" s="514"/>
      <c r="DD5" s="514"/>
      <c r="DE5" s="514"/>
      <c r="DF5" s="514"/>
      <c r="DG5" s="514"/>
      <c r="DH5" s="515"/>
      <c r="DI5" s="516" t="s">
        <v>97</v>
      </c>
      <c r="DJ5" s="517"/>
      <c r="DK5" s="517"/>
      <c r="DL5" s="517"/>
      <c r="DM5" s="517"/>
      <c r="DN5" s="517"/>
      <c r="DO5" s="517"/>
      <c r="DP5" s="517"/>
      <c r="DQ5" s="517"/>
      <c r="DR5" s="517"/>
      <c r="DS5" s="518"/>
      <c r="DT5" s="516" t="s">
        <v>98</v>
      </c>
      <c r="DU5" s="517"/>
      <c r="DV5" s="517"/>
      <c r="DW5" s="517"/>
      <c r="DX5" s="517"/>
      <c r="DY5" s="517"/>
      <c r="DZ5" s="517"/>
      <c r="EA5" s="517"/>
      <c r="EB5" s="517"/>
      <c r="EC5" s="517"/>
      <c r="ED5" s="518"/>
      <c r="EE5" s="516" t="s">
        <v>99</v>
      </c>
      <c r="EF5" s="517"/>
      <c r="EG5" s="517"/>
      <c r="EH5" s="517"/>
      <c r="EI5" s="517"/>
      <c r="EJ5" s="517"/>
      <c r="EK5" s="517"/>
      <c r="EL5" s="517"/>
      <c r="EM5" s="517"/>
      <c r="EN5" s="517"/>
      <c r="EO5" s="518"/>
      <c r="EP5" s="516" t="s">
        <v>100</v>
      </c>
      <c r="EQ5" s="517"/>
      <c r="ER5" s="517"/>
      <c r="ES5" s="517"/>
      <c r="ET5" s="517"/>
      <c r="EU5" s="517"/>
      <c r="EV5" s="517"/>
      <c r="EW5" s="517"/>
      <c r="EX5" s="517"/>
      <c r="EY5" s="517"/>
      <c r="EZ5" s="518"/>
      <c r="FA5" s="516" t="s">
        <v>101</v>
      </c>
      <c r="FB5" s="517"/>
      <c r="FC5" s="517"/>
      <c r="FD5" s="517"/>
      <c r="FE5" s="517"/>
      <c r="FF5" s="517"/>
      <c r="FG5" s="517"/>
      <c r="FH5" s="517"/>
      <c r="FI5" s="517"/>
      <c r="FJ5" s="517"/>
      <c r="FK5" s="518"/>
      <c r="FL5" s="516" t="s">
        <v>102</v>
      </c>
      <c r="FM5" s="517"/>
      <c r="FN5" s="517"/>
      <c r="FO5" s="517"/>
      <c r="FP5" s="517"/>
      <c r="FQ5" s="517"/>
      <c r="FR5" s="517"/>
      <c r="FS5" s="517"/>
      <c r="FT5" s="517"/>
      <c r="FU5" s="517"/>
      <c r="FV5" s="518"/>
      <c r="FW5" s="510"/>
      <c r="FX5" s="511"/>
      <c r="FY5" s="511"/>
      <c r="FZ5" s="511"/>
      <c r="GA5" s="511"/>
      <c r="GB5" s="511"/>
      <c r="GC5" s="511"/>
      <c r="GD5" s="511"/>
      <c r="GE5" s="511"/>
      <c r="GF5" s="511"/>
      <c r="GG5" s="512"/>
      <c r="GH5" s="510"/>
      <c r="GI5" s="511"/>
      <c r="GJ5" s="511"/>
      <c r="GK5" s="511"/>
      <c r="GL5" s="511"/>
      <c r="GM5" s="511"/>
      <c r="GN5" s="511"/>
      <c r="GO5" s="511"/>
      <c r="GP5" s="511"/>
      <c r="GQ5" s="511"/>
      <c r="GR5" s="512"/>
      <c r="GS5" s="513"/>
      <c r="GT5" s="514"/>
      <c r="GU5" s="514"/>
      <c r="GV5" s="514"/>
      <c r="GW5" s="514"/>
      <c r="GX5" s="514"/>
      <c r="GY5" s="514"/>
      <c r="GZ5" s="514"/>
      <c r="HA5" s="514"/>
      <c r="HB5" s="514"/>
      <c r="HC5" s="515"/>
      <c r="HD5" s="516" t="s">
        <v>97</v>
      </c>
      <c r="HE5" s="517"/>
      <c r="HF5" s="517"/>
      <c r="HG5" s="517"/>
      <c r="HH5" s="517"/>
      <c r="HI5" s="517"/>
      <c r="HJ5" s="517"/>
      <c r="HK5" s="517"/>
      <c r="HL5" s="517"/>
      <c r="HM5" s="517"/>
      <c r="HN5" s="518"/>
      <c r="HO5" s="516" t="s">
        <v>98</v>
      </c>
      <c r="HP5" s="517"/>
      <c r="HQ5" s="517"/>
      <c r="HR5" s="517"/>
      <c r="HS5" s="517"/>
      <c r="HT5" s="517"/>
      <c r="HU5" s="517"/>
      <c r="HV5" s="517"/>
      <c r="HW5" s="517"/>
      <c r="HX5" s="517"/>
      <c r="HY5" s="518"/>
      <c r="HZ5" s="516" t="s">
        <v>99</v>
      </c>
      <c r="IA5" s="517"/>
      <c r="IB5" s="517"/>
      <c r="IC5" s="517"/>
      <c r="ID5" s="517"/>
      <c r="IE5" s="517"/>
      <c r="IF5" s="517"/>
      <c r="IG5" s="517"/>
      <c r="IH5" s="517"/>
      <c r="II5" s="517"/>
      <c r="IJ5" s="518"/>
      <c r="IK5" s="516" t="s">
        <v>100</v>
      </c>
      <c r="IL5" s="517"/>
      <c r="IM5" s="517"/>
      <c r="IN5" s="517"/>
      <c r="IO5" s="517"/>
      <c r="IP5" s="517"/>
      <c r="IQ5" s="517"/>
      <c r="IR5" s="517"/>
      <c r="IS5" s="517"/>
      <c r="IT5" s="517"/>
      <c r="IU5" s="518"/>
      <c r="IV5" s="516" t="s">
        <v>101</v>
      </c>
      <c r="IW5" s="517"/>
      <c r="IX5" s="517"/>
      <c r="IY5" s="517"/>
      <c r="IZ5" s="517"/>
      <c r="JA5" s="517"/>
      <c r="JB5" s="517"/>
      <c r="JC5" s="517"/>
      <c r="JD5" s="517"/>
      <c r="JE5" s="517"/>
      <c r="JF5" s="518"/>
      <c r="JG5" s="516" t="s">
        <v>102</v>
      </c>
      <c r="JH5" s="517"/>
      <c r="JI5" s="517"/>
      <c r="JJ5" s="517"/>
      <c r="JK5" s="517"/>
      <c r="JL5" s="517"/>
      <c r="JM5" s="517"/>
      <c r="JN5" s="517"/>
      <c r="JO5" s="517"/>
      <c r="JP5" s="517"/>
      <c r="JQ5" s="518"/>
      <c r="JR5" s="510"/>
      <c r="JS5" s="511"/>
      <c r="JT5" s="511"/>
      <c r="JU5" s="511"/>
      <c r="JV5" s="511"/>
      <c r="JW5" s="511"/>
      <c r="JX5" s="511"/>
      <c r="JY5" s="511"/>
      <c r="JZ5" s="511"/>
      <c r="KA5" s="511"/>
      <c r="KB5" s="512"/>
      <c r="KC5" s="510"/>
      <c r="KD5" s="511"/>
      <c r="KE5" s="511"/>
      <c r="KF5" s="511"/>
      <c r="KG5" s="511"/>
      <c r="KH5" s="511"/>
      <c r="KI5" s="511"/>
      <c r="KJ5" s="511"/>
      <c r="KK5" s="511"/>
      <c r="KL5" s="511"/>
      <c r="KM5" s="512"/>
    </row>
    <row r="6" spans="2:299" ht="30" customHeight="1" thickBot="1" x14ac:dyDescent="0.25">
      <c r="B6" s="353" t="s">
        <v>42</v>
      </c>
      <c r="C6" s="51" t="s">
        <v>43</v>
      </c>
      <c r="D6" s="47" t="s">
        <v>44</v>
      </c>
      <c r="E6" s="48" t="s">
        <v>45</v>
      </c>
      <c r="F6" s="52" t="s">
        <v>46</v>
      </c>
      <c r="G6" s="47" t="s">
        <v>47</v>
      </c>
      <c r="H6" s="47" t="s">
        <v>48</v>
      </c>
      <c r="I6" s="47" t="s">
        <v>49</v>
      </c>
      <c r="J6" s="47" t="s">
        <v>50</v>
      </c>
      <c r="K6" s="47" t="s">
        <v>51</v>
      </c>
      <c r="L6" s="48" t="s">
        <v>45</v>
      </c>
      <c r="M6" s="351"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351"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351"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352" t="s">
        <v>4</v>
      </c>
      <c r="C7" s="314">
        <v>3283</v>
      </c>
      <c r="D7" s="78">
        <v>3103</v>
      </c>
      <c r="E7" s="79">
        <v>6386</v>
      </c>
      <c r="F7" s="240"/>
      <c r="G7" s="78">
        <v>4310</v>
      </c>
      <c r="H7" s="78">
        <v>3974</v>
      </c>
      <c r="I7" s="78">
        <v>2377</v>
      </c>
      <c r="J7" s="78">
        <v>2160</v>
      </c>
      <c r="K7" s="78">
        <v>1347</v>
      </c>
      <c r="L7" s="80">
        <v>14168</v>
      </c>
      <c r="M7" s="81">
        <v>20554</v>
      </c>
      <c r="N7" s="66">
        <v>107</v>
      </c>
      <c r="O7" s="67">
        <v>112</v>
      </c>
      <c r="P7" s="68">
        <v>219</v>
      </c>
      <c r="Q7" s="243"/>
      <c r="R7" s="67">
        <v>101</v>
      </c>
      <c r="S7" s="67">
        <v>134</v>
      </c>
      <c r="T7" s="67">
        <v>71</v>
      </c>
      <c r="U7" s="67">
        <v>85</v>
      </c>
      <c r="V7" s="67">
        <v>78</v>
      </c>
      <c r="W7" s="68">
        <v>469</v>
      </c>
      <c r="X7" s="69">
        <v>688</v>
      </c>
      <c r="Y7" s="66">
        <v>249</v>
      </c>
      <c r="Z7" s="67">
        <v>251</v>
      </c>
      <c r="AA7" s="68">
        <v>500</v>
      </c>
      <c r="AB7" s="243"/>
      <c r="AC7" s="67">
        <v>258</v>
      </c>
      <c r="AD7" s="67">
        <v>315</v>
      </c>
      <c r="AE7" s="67">
        <v>196</v>
      </c>
      <c r="AF7" s="67">
        <v>165</v>
      </c>
      <c r="AG7" s="67">
        <v>129</v>
      </c>
      <c r="AH7" s="68">
        <v>1063</v>
      </c>
      <c r="AI7" s="69">
        <v>1563</v>
      </c>
      <c r="AJ7" s="66">
        <v>375</v>
      </c>
      <c r="AK7" s="67">
        <v>394</v>
      </c>
      <c r="AL7" s="68">
        <v>769</v>
      </c>
      <c r="AM7" s="243"/>
      <c r="AN7" s="67">
        <v>536</v>
      </c>
      <c r="AO7" s="67">
        <v>454</v>
      </c>
      <c r="AP7" s="67">
        <v>261</v>
      </c>
      <c r="AQ7" s="67">
        <v>274</v>
      </c>
      <c r="AR7" s="67">
        <v>192</v>
      </c>
      <c r="AS7" s="68">
        <v>1717</v>
      </c>
      <c r="AT7" s="69">
        <v>2486</v>
      </c>
      <c r="AU7" s="66">
        <v>739</v>
      </c>
      <c r="AV7" s="67">
        <v>708</v>
      </c>
      <c r="AW7" s="68">
        <v>1447</v>
      </c>
      <c r="AX7" s="243"/>
      <c r="AY7" s="67">
        <v>977</v>
      </c>
      <c r="AZ7" s="67">
        <v>842</v>
      </c>
      <c r="BA7" s="67">
        <v>483</v>
      </c>
      <c r="BB7" s="67">
        <v>405</v>
      </c>
      <c r="BC7" s="67">
        <v>281</v>
      </c>
      <c r="BD7" s="68">
        <v>2988</v>
      </c>
      <c r="BE7" s="69">
        <v>4435</v>
      </c>
      <c r="BF7" s="66">
        <v>1023</v>
      </c>
      <c r="BG7" s="67">
        <v>894</v>
      </c>
      <c r="BH7" s="68">
        <v>1917</v>
      </c>
      <c r="BI7" s="243"/>
      <c r="BJ7" s="67">
        <v>1252</v>
      </c>
      <c r="BK7" s="67">
        <v>1061</v>
      </c>
      <c r="BL7" s="67">
        <v>636</v>
      </c>
      <c r="BM7" s="67">
        <v>561</v>
      </c>
      <c r="BN7" s="67">
        <v>307</v>
      </c>
      <c r="BO7" s="68">
        <v>3817</v>
      </c>
      <c r="BP7" s="69">
        <v>5734</v>
      </c>
      <c r="BQ7" s="66">
        <v>790</v>
      </c>
      <c r="BR7" s="67">
        <v>744</v>
      </c>
      <c r="BS7" s="68">
        <v>1534</v>
      </c>
      <c r="BT7" s="243"/>
      <c r="BU7" s="67">
        <v>1186</v>
      </c>
      <c r="BV7" s="67">
        <v>1168</v>
      </c>
      <c r="BW7" s="67">
        <v>730</v>
      </c>
      <c r="BX7" s="67">
        <v>670</v>
      </c>
      <c r="BY7" s="67">
        <v>360</v>
      </c>
      <c r="BZ7" s="68">
        <v>4114</v>
      </c>
      <c r="CA7" s="69">
        <v>5648</v>
      </c>
      <c r="CB7" s="66">
        <v>0</v>
      </c>
      <c r="CC7" s="67">
        <v>0</v>
      </c>
      <c r="CD7" s="68">
        <v>0</v>
      </c>
      <c r="CE7" s="243"/>
      <c r="CF7" s="67">
        <v>0</v>
      </c>
      <c r="CG7" s="67">
        <v>0</v>
      </c>
      <c r="CH7" s="67">
        <v>0</v>
      </c>
      <c r="CI7" s="67">
        <v>0</v>
      </c>
      <c r="CJ7" s="67">
        <v>0</v>
      </c>
      <c r="CK7" s="68">
        <v>0</v>
      </c>
      <c r="CL7" s="69">
        <v>0</v>
      </c>
      <c r="CM7" s="66">
        <v>3283</v>
      </c>
      <c r="CN7" s="67">
        <v>3103</v>
      </c>
      <c r="CO7" s="68">
        <v>6386</v>
      </c>
      <c r="CP7" s="243"/>
      <c r="CQ7" s="67">
        <v>4310</v>
      </c>
      <c r="CR7" s="67">
        <v>3974</v>
      </c>
      <c r="CS7" s="67">
        <v>2377</v>
      </c>
      <c r="CT7" s="67">
        <v>2160</v>
      </c>
      <c r="CU7" s="67">
        <v>1347</v>
      </c>
      <c r="CV7" s="68">
        <v>14168</v>
      </c>
      <c r="CW7" s="69">
        <v>20554</v>
      </c>
      <c r="CX7" s="122">
        <v>1190</v>
      </c>
      <c r="CY7" s="78">
        <v>1375</v>
      </c>
      <c r="CZ7" s="79">
        <v>2565</v>
      </c>
      <c r="DA7" s="240"/>
      <c r="DB7" s="78">
        <v>1757</v>
      </c>
      <c r="DC7" s="78">
        <v>1599</v>
      </c>
      <c r="DD7" s="78">
        <v>1130</v>
      </c>
      <c r="DE7" s="78">
        <v>1158</v>
      </c>
      <c r="DF7" s="78">
        <v>772</v>
      </c>
      <c r="DG7" s="80">
        <v>6416</v>
      </c>
      <c r="DH7" s="81">
        <v>8981</v>
      </c>
      <c r="DI7" s="66">
        <v>31</v>
      </c>
      <c r="DJ7" s="67">
        <v>37</v>
      </c>
      <c r="DK7" s="68">
        <v>68</v>
      </c>
      <c r="DL7" s="243"/>
      <c r="DM7" s="67">
        <v>16</v>
      </c>
      <c r="DN7" s="67">
        <v>23</v>
      </c>
      <c r="DO7" s="67">
        <v>28</v>
      </c>
      <c r="DP7" s="67">
        <v>13</v>
      </c>
      <c r="DQ7" s="67">
        <v>14</v>
      </c>
      <c r="DR7" s="68">
        <v>94</v>
      </c>
      <c r="DS7" s="69">
        <v>162</v>
      </c>
      <c r="DT7" s="66">
        <v>90</v>
      </c>
      <c r="DU7" s="67">
        <v>94</v>
      </c>
      <c r="DV7" s="68">
        <v>184</v>
      </c>
      <c r="DW7" s="243"/>
      <c r="DX7" s="67">
        <v>93</v>
      </c>
      <c r="DY7" s="67">
        <v>83</v>
      </c>
      <c r="DZ7" s="67">
        <v>54</v>
      </c>
      <c r="EA7" s="67">
        <v>49</v>
      </c>
      <c r="EB7" s="67">
        <v>36</v>
      </c>
      <c r="EC7" s="68">
        <v>315</v>
      </c>
      <c r="ED7" s="69">
        <v>499</v>
      </c>
      <c r="EE7" s="66">
        <v>183</v>
      </c>
      <c r="EF7" s="67">
        <v>201</v>
      </c>
      <c r="EG7" s="68">
        <v>384</v>
      </c>
      <c r="EH7" s="243"/>
      <c r="EI7" s="67">
        <v>198</v>
      </c>
      <c r="EJ7" s="67">
        <v>165</v>
      </c>
      <c r="EK7" s="67">
        <v>106</v>
      </c>
      <c r="EL7" s="67">
        <v>73</v>
      </c>
      <c r="EM7" s="67">
        <v>73</v>
      </c>
      <c r="EN7" s="68">
        <v>615</v>
      </c>
      <c r="EO7" s="69">
        <v>999</v>
      </c>
      <c r="EP7" s="66">
        <v>334</v>
      </c>
      <c r="EQ7" s="67">
        <v>306</v>
      </c>
      <c r="ER7" s="68">
        <v>640</v>
      </c>
      <c r="ES7" s="243"/>
      <c r="ET7" s="67">
        <v>369</v>
      </c>
      <c r="EU7" s="67">
        <v>286</v>
      </c>
      <c r="EV7" s="67">
        <v>150</v>
      </c>
      <c r="EW7" s="67">
        <v>146</v>
      </c>
      <c r="EX7" s="67">
        <v>101</v>
      </c>
      <c r="EY7" s="68">
        <v>1052</v>
      </c>
      <c r="EZ7" s="69">
        <v>1692</v>
      </c>
      <c r="FA7" s="66">
        <v>326</v>
      </c>
      <c r="FB7" s="67">
        <v>420</v>
      </c>
      <c r="FC7" s="68">
        <v>746</v>
      </c>
      <c r="FD7" s="243"/>
      <c r="FE7" s="67">
        <v>511</v>
      </c>
      <c r="FF7" s="67">
        <v>455</v>
      </c>
      <c r="FG7" s="67">
        <v>294</v>
      </c>
      <c r="FH7" s="67">
        <v>286</v>
      </c>
      <c r="FI7" s="67">
        <v>175</v>
      </c>
      <c r="FJ7" s="68">
        <v>1721</v>
      </c>
      <c r="FK7" s="69">
        <v>2467</v>
      </c>
      <c r="FL7" s="66">
        <v>226</v>
      </c>
      <c r="FM7" s="67">
        <v>317</v>
      </c>
      <c r="FN7" s="68">
        <v>543</v>
      </c>
      <c r="FO7" s="243"/>
      <c r="FP7" s="67">
        <v>570</v>
      </c>
      <c r="FQ7" s="67">
        <v>587</v>
      </c>
      <c r="FR7" s="67">
        <v>498</v>
      </c>
      <c r="FS7" s="67">
        <v>591</v>
      </c>
      <c r="FT7" s="67">
        <v>373</v>
      </c>
      <c r="FU7" s="68">
        <v>2619</v>
      </c>
      <c r="FV7" s="69">
        <v>3162</v>
      </c>
      <c r="FW7" s="66">
        <v>0</v>
      </c>
      <c r="FX7" s="67">
        <v>0</v>
      </c>
      <c r="FY7" s="68">
        <v>0</v>
      </c>
      <c r="FZ7" s="243"/>
      <c r="GA7" s="67">
        <v>0</v>
      </c>
      <c r="GB7" s="67">
        <v>0</v>
      </c>
      <c r="GC7" s="67">
        <v>0</v>
      </c>
      <c r="GD7" s="67">
        <v>0</v>
      </c>
      <c r="GE7" s="67">
        <v>0</v>
      </c>
      <c r="GF7" s="68">
        <v>0</v>
      </c>
      <c r="GG7" s="69">
        <v>0</v>
      </c>
      <c r="GH7" s="66">
        <v>1190</v>
      </c>
      <c r="GI7" s="67">
        <v>1375</v>
      </c>
      <c r="GJ7" s="68">
        <v>2565</v>
      </c>
      <c r="GK7" s="243"/>
      <c r="GL7" s="67">
        <v>1757</v>
      </c>
      <c r="GM7" s="67">
        <v>1599</v>
      </c>
      <c r="GN7" s="67">
        <v>1130</v>
      </c>
      <c r="GO7" s="67">
        <v>1158</v>
      </c>
      <c r="GP7" s="67">
        <v>772</v>
      </c>
      <c r="GQ7" s="68">
        <v>6416</v>
      </c>
      <c r="GR7" s="69">
        <v>8981</v>
      </c>
      <c r="GS7" s="122">
        <v>4473</v>
      </c>
      <c r="GT7" s="78">
        <v>4478</v>
      </c>
      <c r="GU7" s="79">
        <v>8951</v>
      </c>
      <c r="GV7" s="240"/>
      <c r="GW7" s="78">
        <v>6067</v>
      </c>
      <c r="GX7" s="78">
        <v>5573</v>
      </c>
      <c r="GY7" s="78">
        <v>3507</v>
      </c>
      <c r="GZ7" s="78">
        <v>3318</v>
      </c>
      <c r="HA7" s="78">
        <v>2119</v>
      </c>
      <c r="HB7" s="80">
        <v>20584</v>
      </c>
      <c r="HC7" s="81">
        <v>29535</v>
      </c>
      <c r="HD7" s="66">
        <v>138</v>
      </c>
      <c r="HE7" s="67">
        <v>149</v>
      </c>
      <c r="HF7" s="68">
        <v>287</v>
      </c>
      <c r="HG7" s="243"/>
      <c r="HH7" s="67">
        <v>117</v>
      </c>
      <c r="HI7" s="67">
        <v>157</v>
      </c>
      <c r="HJ7" s="67">
        <v>99</v>
      </c>
      <c r="HK7" s="67">
        <v>98</v>
      </c>
      <c r="HL7" s="67">
        <v>92</v>
      </c>
      <c r="HM7" s="68">
        <v>563</v>
      </c>
      <c r="HN7" s="69">
        <v>850</v>
      </c>
      <c r="HO7" s="66">
        <v>339</v>
      </c>
      <c r="HP7" s="67">
        <v>345</v>
      </c>
      <c r="HQ7" s="68">
        <v>684</v>
      </c>
      <c r="HR7" s="243"/>
      <c r="HS7" s="67">
        <v>351</v>
      </c>
      <c r="HT7" s="67">
        <v>398</v>
      </c>
      <c r="HU7" s="67">
        <v>250</v>
      </c>
      <c r="HV7" s="67">
        <v>214</v>
      </c>
      <c r="HW7" s="67">
        <v>165</v>
      </c>
      <c r="HX7" s="68">
        <v>1378</v>
      </c>
      <c r="HY7" s="69">
        <v>2062</v>
      </c>
      <c r="HZ7" s="66">
        <v>558</v>
      </c>
      <c r="IA7" s="67">
        <v>595</v>
      </c>
      <c r="IB7" s="68">
        <v>1153</v>
      </c>
      <c r="IC7" s="243"/>
      <c r="ID7" s="67">
        <v>734</v>
      </c>
      <c r="IE7" s="67">
        <v>619</v>
      </c>
      <c r="IF7" s="67">
        <v>367</v>
      </c>
      <c r="IG7" s="67">
        <v>347</v>
      </c>
      <c r="IH7" s="67">
        <v>265</v>
      </c>
      <c r="II7" s="68">
        <v>2332</v>
      </c>
      <c r="IJ7" s="69">
        <v>3485</v>
      </c>
      <c r="IK7" s="66">
        <v>1073</v>
      </c>
      <c r="IL7" s="67">
        <v>1014</v>
      </c>
      <c r="IM7" s="68">
        <v>2087</v>
      </c>
      <c r="IN7" s="243"/>
      <c r="IO7" s="67">
        <v>1346</v>
      </c>
      <c r="IP7" s="67">
        <v>1128</v>
      </c>
      <c r="IQ7" s="67">
        <v>633</v>
      </c>
      <c r="IR7" s="67">
        <v>551</v>
      </c>
      <c r="IS7" s="67">
        <v>382</v>
      </c>
      <c r="IT7" s="68">
        <v>4040</v>
      </c>
      <c r="IU7" s="69">
        <v>6127</v>
      </c>
      <c r="IV7" s="66">
        <v>1349</v>
      </c>
      <c r="IW7" s="67">
        <v>1314</v>
      </c>
      <c r="IX7" s="68">
        <v>2663</v>
      </c>
      <c r="IY7" s="243"/>
      <c r="IZ7" s="67">
        <v>1763</v>
      </c>
      <c r="JA7" s="67">
        <v>1516</v>
      </c>
      <c r="JB7" s="67">
        <v>930</v>
      </c>
      <c r="JC7" s="67">
        <v>847</v>
      </c>
      <c r="JD7" s="67">
        <v>482</v>
      </c>
      <c r="JE7" s="68">
        <v>5538</v>
      </c>
      <c r="JF7" s="69">
        <v>8201</v>
      </c>
      <c r="JG7" s="66">
        <v>1016</v>
      </c>
      <c r="JH7" s="67">
        <v>1061</v>
      </c>
      <c r="JI7" s="68">
        <v>2077</v>
      </c>
      <c r="JJ7" s="243"/>
      <c r="JK7" s="67">
        <v>1756</v>
      </c>
      <c r="JL7" s="67">
        <v>1755</v>
      </c>
      <c r="JM7" s="67">
        <v>1228</v>
      </c>
      <c r="JN7" s="67">
        <v>1261</v>
      </c>
      <c r="JO7" s="67">
        <v>733</v>
      </c>
      <c r="JP7" s="68">
        <v>6733</v>
      </c>
      <c r="JQ7" s="69">
        <v>8810</v>
      </c>
      <c r="JR7" s="66">
        <v>0</v>
      </c>
      <c r="JS7" s="67">
        <v>0</v>
      </c>
      <c r="JT7" s="68">
        <v>0</v>
      </c>
      <c r="JU7" s="243"/>
      <c r="JV7" s="67">
        <v>0</v>
      </c>
      <c r="JW7" s="67">
        <v>0</v>
      </c>
      <c r="JX7" s="67">
        <v>0</v>
      </c>
      <c r="JY7" s="67">
        <v>0</v>
      </c>
      <c r="JZ7" s="67">
        <v>0</v>
      </c>
      <c r="KA7" s="68">
        <v>0</v>
      </c>
      <c r="KB7" s="69">
        <v>0</v>
      </c>
      <c r="KC7" s="66">
        <v>4473</v>
      </c>
      <c r="KD7" s="67">
        <v>4478</v>
      </c>
      <c r="KE7" s="68">
        <v>8951</v>
      </c>
      <c r="KF7" s="243"/>
      <c r="KG7" s="67">
        <v>6067</v>
      </c>
      <c r="KH7" s="67">
        <v>5573</v>
      </c>
      <c r="KI7" s="67">
        <v>3507</v>
      </c>
      <c r="KJ7" s="67">
        <v>3318</v>
      </c>
      <c r="KK7" s="67">
        <v>2119</v>
      </c>
      <c r="KL7" s="68">
        <v>20584</v>
      </c>
      <c r="KM7" s="69">
        <v>29535</v>
      </c>
    </row>
    <row r="8" spans="2:299" ht="21" customHeight="1" x14ac:dyDescent="0.2">
      <c r="B8" s="126" t="s">
        <v>5</v>
      </c>
      <c r="C8" s="315">
        <v>1497</v>
      </c>
      <c r="D8" s="82">
        <v>1563</v>
      </c>
      <c r="E8" s="83">
        <v>3060</v>
      </c>
      <c r="F8" s="241"/>
      <c r="G8" s="82">
        <v>1620</v>
      </c>
      <c r="H8" s="82">
        <v>1917</v>
      </c>
      <c r="I8" s="82">
        <v>1070</v>
      </c>
      <c r="J8" s="82">
        <v>945</v>
      </c>
      <c r="K8" s="82">
        <v>587</v>
      </c>
      <c r="L8" s="84">
        <v>6139</v>
      </c>
      <c r="M8" s="85">
        <v>9199</v>
      </c>
      <c r="N8" s="70">
        <v>53</v>
      </c>
      <c r="O8" s="71">
        <v>48</v>
      </c>
      <c r="P8" s="72">
        <v>101</v>
      </c>
      <c r="Q8" s="244"/>
      <c r="R8" s="71">
        <v>30</v>
      </c>
      <c r="S8" s="71">
        <v>58</v>
      </c>
      <c r="T8" s="71">
        <v>31</v>
      </c>
      <c r="U8" s="71">
        <v>30</v>
      </c>
      <c r="V8" s="71">
        <v>29</v>
      </c>
      <c r="W8" s="72">
        <v>178</v>
      </c>
      <c r="X8" s="73">
        <v>279</v>
      </c>
      <c r="Y8" s="70">
        <v>96</v>
      </c>
      <c r="Z8" s="71">
        <v>129</v>
      </c>
      <c r="AA8" s="72">
        <v>225</v>
      </c>
      <c r="AB8" s="244"/>
      <c r="AC8" s="71">
        <v>74</v>
      </c>
      <c r="AD8" s="71">
        <v>126</v>
      </c>
      <c r="AE8" s="71">
        <v>83</v>
      </c>
      <c r="AF8" s="71">
        <v>80</v>
      </c>
      <c r="AG8" s="71">
        <v>55</v>
      </c>
      <c r="AH8" s="72">
        <v>418</v>
      </c>
      <c r="AI8" s="73">
        <v>643</v>
      </c>
      <c r="AJ8" s="70">
        <v>161</v>
      </c>
      <c r="AK8" s="71">
        <v>185</v>
      </c>
      <c r="AL8" s="72">
        <v>346</v>
      </c>
      <c r="AM8" s="244"/>
      <c r="AN8" s="71">
        <v>191</v>
      </c>
      <c r="AO8" s="71">
        <v>190</v>
      </c>
      <c r="AP8" s="71">
        <v>104</v>
      </c>
      <c r="AQ8" s="71">
        <v>121</v>
      </c>
      <c r="AR8" s="71">
        <v>72</v>
      </c>
      <c r="AS8" s="72">
        <v>678</v>
      </c>
      <c r="AT8" s="73">
        <v>1024</v>
      </c>
      <c r="AU8" s="70">
        <v>363</v>
      </c>
      <c r="AV8" s="71">
        <v>364</v>
      </c>
      <c r="AW8" s="72">
        <v>727</v>
      </c>
      <c r="AX8" s="244"/>
      <c r="AY8" s="71">
        <v>343</v>
      </c>
      <c r="AZ8" s="71">
        <v>407</v>
      </c>
      <c r="BA8" s="71">
        <v>214</v>
      </c>
      <c r="BB8" s="71">
        <v>180</v>
      </c>
      <c r="BC8" s="71">
        <v>127</v>
      </c>
      <c r="BD8" s="72">
        <v>1271</v>
      </c>
      <c r="BE8" s="73">
        <v>1998</v>
      </c>
      <c r="BF8" s="70">
        <v>475</v>
      </c>
      <c r="BG8" s="71">
        <v>451</v>
      </c>
      <c r="BH8" s="72">
        <v>926</v>
      </c>
      <c r="BI8" s="244"/>
      <c r="BJ8" s="71">
        <v>505</v>
      </c>
      <c r="BK8" s="71">
        <v>524</v>
      </c>
      <c r="BL8" s="71">
        <v>281</v>
      </c>
      <c r="BM8" s="71">
        <v>236</v>
      </c>
      <c r="BN8" s="71">
        <v>135</v>
      </c>
      <c r="BO8" s="72">
        <v>1681</v>
      </c>
      <c r="BP8" s="73">
        <v>2607</v>
      </c>
      <c r="BQ8" s="70">
        <v>349</v>
      </c>
      <c r="BR8" s="71">
        <v>386</v>
      </c>
      <c r="BS8" s="72">
        <v>735</v>
      </c>
      <c r="BT8" s="244"/>
      <c r="BU8" s="71">
        <v>477</v>
      </c>
      <c r="BV8" s="71">
        <v>612</v>
      </c>
      <c r="BW8" s="71">
        <v>357</v>
      </c>
      <c r="BX8" s="71">
        <v>298</v>
      </c>
      <c r="BY8" s="71">
        <v>169</v>
      </c>
      <c r="BZ8" s="72">
        <v>1913</v>
      </c>
      <c r="CA8" s="73">
        <v>2648</v>
      </c>
      <c r="CB8" s="70">
        <v>0</v>
      </c>
      <c r="CC8" s="71">
        <v>0</v>
      </c>
      <c r="CD8" s="72">
        <v>0</v>
      </c>
      <c r="CE8" s="244"/>
      <c r="CF8" s="71">
        <v>0</v>
      </c>
      <c r="CG8" s="71">
        <v>0</v>
      </c>
      <c r="CH8" s="71">
        <v>0</v>
      </c>
      <c r="CI8" s="71">
        <v>0</v>
      </c>
      <c r="CJ8" s="71">
        <v>0</v>
      </c>
      <c r="CK8" s="72">
        <v>0</v>
      </c>
      <c r="CL8" s="73">
        <v>0</v>
      </c>
      <c r="CM8" s="70">
        <v>1497</v>
      </c>
      <c r="CN8" s="71">
        <v>1563</v>
      </c>
      <c r="CO8" s="72">
        <v>3060</v>
      </c>
      <c r="CP8" s="244"/>
      <c r="CQ8" s="71">
        <v>1620</v>
      </c>
      <c r="CR8" s="71">
        <v>1917</v>
      </c>
      <c r="CS8" s="71">
        <v>1070</v>
      </c>
      <c r="CT8" s="71">
        <v>945</v>
      </c>
      <c r="CU8" s="71">
        <v>587</v>
      </c>
      <c r="CV8" s="72">
        <v>6139</v>
      </c>
      <c r="CW8" s="73">
        <v>9199</v>
      </c>
      <c r="CX8" s="123">
        <v>470</v>
      </c>
      <c r="CY8" s="82">
        <v>642</v>
      </c>
      <c r="CZ8" s="83">
        <v>1112</v>
      </c>
      <c r="DA8" s="241"/>
      <c r="DB8" s="82">
        <v>623</v>
      </c>
      <c r="DC8" s="82">
        <v>764</v>
      </c>
      <c r="DD8" s="82">
        <v>483</v>
      </c>
      <c r="DE8" s="82">
        <v>524</v>
      </c>
      <c r="DF8" s="82">
        <v>343</v>
      </c>
      <c r="DG8" s="84">
        <v>2737</v>
      </c>
      <c r="DH8" s="85">
        <v>3849</v>
      </c>
      <c r="DI8" s="70">
        <v>12</v>
      </c>
      <c r="DJ8" s="71">
        <v>13</v>
      </c>
      <c r="DK8" s="72">
        <v>25</v>
      </c>
      <c r="DL8" s="244"/>
      <c r="DM8" s="71">
        <v>10</v>
      </c>
      <c r="DN8" s="71">
        <v>12</v>
      </c>
      <c r="DO8" s="71">
        <v>12</v>
      </c>
      <c r="DP8" s="71">
        <v>8</v>
      </c>
      <c r="DQ8" s="71">
        <v>5</v>
      </c>
      <c r="DR8" s="72">
        <v>47</v>
      </c>
      <c r="DS8" s="73">
        <v>72</v>
      </c>
      <c r="DT8" s="70">
        <v>35</v>
      </c>
      <c r="DU8" s="71">
        <v>43</v>
      </c>
      <c r="DV8" s="72">
        <v>78</v>
      </c>
      <c r="DW8" s="244"/>
      <c r="DX8" s="71">
        <v>20</v>
      </c>
      <c r="DY8" s="71">
        <v>38</v>
      </c>
      <c r="DZ8" s="71">
        <v>25</v>
      </c>
      <c r="EA8" s="71">
        <v>25</v>
      </c>
      <c r="EB8" s="71">
        <v>17</v>
      </c>
      <c r="EC8" s="72">
        <v>125</v>
      </c>
      <c r="ED8" s="73">
        <v>203</v>
      </c>
      <c r="EE8" s="70">
        <v>69</v>
      </c>
      <c r="EF8" s="71">
        <v>95</v>
      </c>
      <c r="EG8" s="72">
        <v>164</v>
      </c>
      <c r="EH8" s="244"/>
      <c r="EI8" s="71">
        <v>67</v>
      </c>
      <c r="EJ8" s="71">
        <v>77</v>
      </c>
      <c r="EK8" s="71">
        <v>44</v>
      </c>
      <c r="EL8" s="71">
        <v>31</v>
      </c>
      <c r="EM8" s="71">
        <v>36</v>
      </c>
      <c r="EN8" s="72">
        <v>255</v>
      </c>
      <c r="EO8" s="73">
        <v>419</v>
      </c>
      <c r="EP8" s="70">
        <v>136</v>
      </c>
      <c r="EQ8" s="71">
        <v>138</v>
      </c>
      <c r="ER8" s="72">
        <v>274</v>
      </c>
      <c r="ES8" s="244"/>
      <c r="ET8" s="71">
        <v>123</v>
      </c>
      <c r="EU8" s="71">
        <v>130</v>
      </c>
      <c r="EV8" s="71">
        <v>63</v>
      </c>
      <c r="EW8" s="71">
        <v>67</v>
      </c>
      <c r="EX8" s="71">
        <v>38</v>
      </c>
      <c r="EY8" s="72">
        <v>421</v>
      </c>
      <c r="EZ8" s="73">
        <v>695</v>
      </c>
      <c r="FA8" s="70">
        <v>125</v>
      </c>
      <c r="FB8" s="71">
        <v>211</v>
      </c>
      <c r="FC8" s="72">
        <v>336</v>
      </c>
      <c r="FD8" s="244"/>
      <c r="FE8" s="71">
        <v>201</v>
      </c>
      <c r="FF8" s="71">
        <v>232</v>
      </c>
      <c r="FG8" s="71">
        <v>122</v>
      </c>
      <c r="FH8" s="71">
        <v>138</v>
      </c>
      <c r="FI8" s="71">
        <v>86</v>
      </c>
      <c r="FJ8" s="72">
        <v>779</v>
      </c>
      <c r="FK8" s="73">
        <v>1115</v>
      </c>
      <c r="FL8" s="70">
        <v>93</v>
      </c>
      <c r="FM8" s="71">
        <v>142</v>
      </c>
      <c r="FN8" s="72">
        <v>235</v>
      </c>
      <c r="FO8" s="244"/>
      <c r="FP8" s="71">
        <v>202</v>
      </c>
      <c r="FQ8" s="71">
        <v>275</v>
      </c>
      <c r="FR8" s="71">
        <v>217</v>
      </c>
      <c r="FS8" s="71">
        <v>255</v>
      </c>
      <c r="FT8" s="71">
        <v>161</v>
      </c>
      <c r="FU8" s="72">
        <v>1110</v>
      </c>
      <c r="FV8" s="73">
        <v>1345</v>
      </c>
      <c r="FW8" s="70">
        <v>0</v>
      </c>
      <c r="FX8" s="71">
        <v>0</v>
      </c>
      <c r="FY8" s="72">
        <v>0</v>
      </c>
      <c r="FZ8" s="244"/>
      <c r="GA8" s="71">
        <v>0</v>
      </c>
      <c r="GB8" s="71">
        <v>0</v>
      </c>
      <c r="GC8" s="71">
        <v>0</v>
      </c>
      <c r="GD8" s="71">
        <v>0</v>
      </c>
      <c r="GE8" s="71">
        <v>0</v>
      </c>
      <c r="GF8" s="72">
        <v>0</v>
      </c>
      <c r="GG8" s="73">
        <v>0</v>
      </c>
      <c r="GH8" s="70">
        <v>470</v>
      </c>
      <c r="GI8" s="71">
        <v>642</v>
      </c>
      <c r="GJ8" s="72">
        <v>1112</v>
      </c>
      <c r="GK8" s="244"/>
      <c r="GL8" s="71">
        <v>623</v>
      </c>
      <c r="GM8" s="71">
        <v>764</v>
      </c>
      <c r="GN8" s="71">
        <v>483</v>
      </c>
      <c r="GO8" s="71">
        <v>524</v>
      </c>
      <c r="GP8" s="71">
        <v>343</v>
      </c>
      <c r="GQ8" s="72">
        <v>2737</v>
      </c>
      <c r="GR8" s="73">
        <v>3849</v>
      </c>
      <c r="GS8" s="123">
        <v>1967</v>
      </c>
      <c r="GT8" s="82">
        <v>2205</v>
      </c>
      <c r="GU8" s="83">
        <v>4172</v>
      </c>
      <c r="GV8" s="241"/>
      <c r="GW8" s="82">
        <v>2243</v>
      </c>
      <c r="GX8" s="82">
        <v>2681</v>
      </c>
      <c r="GY8" s="82">
        <v>1553</v>
      </c>
      <c r="GZ8" s="82">
        <v>1469</v>
      </c>
      <c r="HA8" s="82">
        <v>930</v>
      </c>
      <c r="HB8" s="84">
        <v>8876</v>
      </c>
      <c r="HC8" s="85">
        <v>13048</v>
      </c>
      <c r="HD8" s="70">
        <v>65</v>
      </c>
      <c r="HE8" s="71">
        <v>61</v>
      </c>
      <c r="HF8" s="72">
        <v>126</v>
      </c>
      <c r="HG8" s="244"/>
      <c r="HH8" s="71">
        <v>40</v>
      </c>
      <c r="HI8" s="71">
        <v>70</v>
      </c>
      <c r="HJ8" s="71">
        <v>43</v>
      </c>
      <c r="HK8" s="71">
        <v>38</v>
      </c>
      <c r="HL8" s="71">
        <v>34</v>
      </c>
      <c r="HM8" s="72">
        <v>225</v>
      </c>
      <c r="HN8" s="73">
        <v>351</v>
      </c>
      <c r="HO8" s="70">
        <v>131</v>
      </c>
      <c r="HP8" s="71">
        <v>172</v>
      </c>
      <c r="HQ8" s="72">
        <v>303</v>
      </c>
      <c r="HR8" s="244"/>
      <c r="HS8" s="71">
        <v>94</v>
      </c>
      <c r="HT8" s="71">
        <v>164</v>
      </c>
      <c r="HU8" s="71">
        <v>108</v>
      </c>
      <c r="HV8" s="71">
        <v>105</v>
      </c>
      <c r="HW8" s="71">
        <v>72</v>
      </c>
      <c r="HX8" s="72">
        <v>543</v>
      </c>
      <c r="HY8" s="73">
        <v>846</v>
      </c>
      <c r="HZ8" s="70">
        <v>230</v>
      </c>
      <c r="IA8" s="71">
        <v>280</v>
      </c>
      <c r="IB8" s="72">
        <v>510</v>
      </c>
      <c r="IC8" s="244"/>
      <c r="ID8" s="71">
        <v>258</v>
      </c>
      <c r="IE8" s="71">
        <v>267</v>
      </c>
      <c r="IF8" s="71">
        <v>148</v>
      </c>
      <c r="IG8" s="71">
        <v>152</v>
      </c>
      <c r="IH8" s="71">
        <v>108</v>
      </c>
      <c r="II8" s="72">
        <v>933</v>
      </c>
      <c r="IJ8" s="73">
        <v>1443</v>
      </c>
      <c r="IK8" s="70">
        <v>499</v>
      </c>
      <c r="IL8" s="71">
        <v>502</v>
      </c>
      <c r="IM8" s="72">
        <v>1001</v>
      </c>
      <c r="IN8" s="244"/>
      <c r="IO8" s="71">
        <v>466</v>
      </c>
      <c r="IP8" s="71">
        <v>537</v>
      </c>
      <c r="IQ8" s="71">
        <v>277</v>
      </c>
      <c r="IR8" s="71">
        <v>247</v>
      </c>
      <c r="IS8" s="71">
        <v>165</v>
      </c>
      <c r="IT8" s="72">
        <v>1692</v>
      </c>
      <c r="IU8" s="73">
        <v>2693</v>
      </c>
      <c r="IV8" s="70">
        <v>600</v>
      </c>
      <c r="IW8" s="71">
        <v>662</v>
      </c>
      <c r="IX8" s="72">
        <v>1262</v>
      </c>
      <c r="IY8" s="244"/>
      <c r="IZ8" s="71">
        <v>706</v>
      </c>
      <c r="JA8" s="71">
        <v>756</v>
      </c>
      <c r="JB8" s="71">
        <v>403</v>
      </c>
      <c r="JC8" s="71">
        <v>374</v>
      </c>
      <c r="JD8" s="71">
        <v>221</v>
      </c>
      <c r="JE8" s="72">
        <v>2460</v>
      </c>
      <c r="JF8" s="73">
        <v>3722</v>
      </c>
      <c r="JG8" s="70">
        <v>442</v>
      </c>
      <c r="JH8" s="71">
        <v>528</v>
      </c>
      <c r="JI8" s="72">
        <v>970</v>
      </c>
      <c r="JJ8" s="244"/>
      <c r="JK8" s="71">
        <v>679</v>
      </c>
      <c r="JL8" s="71">
        <v>887</v>
      </c>
      <c r="JM8" s="71">
        <v>574</v>
      </c>
      <c r="JN8" s="71">
        <v>553</v>
      </c>
      <c r="JO8" s="71">
        <v>330</v>
      </c>
      <c r="JP8" s="72">
        <v>3023</v>
      </c>
      <c r="JQ8" s="73">
        <v>3993</v>
      </c>
      <c r="JR8" s="70">
        <v>0</v>
      </c>
      <c r="JS8" s="71">
        <v>0</v>
      </c>
      <c r="JT8" s="72">
        <v>0</v>
      </c>
      <c r="JU8" s="244"/>
      <c r="JV8" s="71">
        <v>0</v>
      </c>
      <c r="JW8" s="71">
        <v>0</v>
      </c>
      <c r="JX8" s="71">
        <v>0</v>
      </c>
      <c r="JY8" s="71">
        <v>0</v>
      </c>
      <c r="JZ8" s="71">
        <v>0</v>
      </c>
      <c r="KA8" s="72">
        <v>0</v>
      </c>
      <c r="KB8" s="73">
        <v>0</v>
      </c>
      <c r="KC8" s="70">
        <v>1967</v>
      </c>
      <c r="KD8" s="71">
        <v>2205</v>
      </c>
      <c r="KE8" s="72">
        <v>4172</v>
      </c>
      <c r="KF8" s="244"/>
      <c r="KG8" s="71">
        <v>2243</v>
      </c>
      <c r="KH8" s="71">
        <v>2681</v>
      </c>
      <c r="KI8" s="71">
        <v>1553</v>
      </c>
      <c r="KJ8" s="71">
        <v>1469</v>
      </c>
      <c r="KK8" s="71">
        <v>930</v>
      </c>
      <c r="KL8" s="72">
        <v>8876</v>
      </c>
      <c r="KM8" s="73">
        <v>13048</v>
      </c>
    </row>
    <row r="9" spans="2:299" ht="21" customHeight="1" x14ac:dyDescent="0.2">
      <c r="B9" s="126" t="s">
        <v>6</v>
      </c>
      <c r="C9" s="315">
        <v>419</v>
      </c>
      <c r="D9" s="82">
        <v>382</v>
      </c>
      <c r="E9" s="83">
        <v>801</v>
      </c>
      <c r="F9" s="241"/>
      <c r="G9" s="82">
        <v>741</v>
      </c>
      <c r="H9" s="82">
        <v>544</v>
      </c>
      <c r="I9" s="82">
        <v>388</v>
      </c>
      <c r="J9" s="82">
        <v>347</v>
      </c>
      <c r="K9" s="82">
        <v>218</v>
      </c>
      <c r="L9" s="84">
        <v>2238</v>
      </c>
      <c r="M9" s="85">
        <v>3039</v>
      </c>
      <c r="N9" s="70">
        <v>14</v>
      </c>
      <c r="O9" s="71">
        <v>22</v>
      </c>
      <c r="P9" s="72">
        <v>36</v>
      </c>
      <c r="Q9" s="244"/>
      <c r="R9" s="71">
        <v>17</v>
      </c>
      <c r="S9" s="71">
        <v>22</v>
      </c>
      <c r="T9" s="71">
        <v>10</v>
      </c>
      <c r="U9" s="71">
        <v>17</v>
      </c>
      <c r="V9" s="71">
        <v>16</v>
      </c>
      <c r="W9" s="72">
        <v>82</v>
      </c>
      <c r="X9" s="73">
        <v>118</v>
      </c>
      <c r="Y9" s="70">
        <v>36</v>
      </c>
      <c r="Z9" s="71">
        <v>27</v>
      </c>
      <c r="AA9" s="72">
        <v>63</v>
      </c>
      <c r="AB9" s="244"/>
      <c r="AC9" s="71">
        <v>54</v>
      </c>
      <c r="AD9" s="71">
        <v>44</v>
      </c>
      <c r="AE9" s="71">
        <v>37</v>
      </c>
      <c r="AF9" s="71">
        <v>23</v>
      </c>
      <c r="AG9" s="71">
        <v>17</v>
      </c>
      <c r="AH9" s="72">
        <v>175</v>
      </c>
      <c r="AI9" s="73">
        <v>238</v>
      </c>
      <c r="AJ9" s="70">
        <v>51</v>
      </c>
      <c r="AK9" s="71">
        <v>54</v>
      </c>
      <c r="AL9" s="72">
        <v>105</v>
      </c>
      <c r="AM9" s="244"/>
      <c r="AN9" s="71">
        <v>96</v>
      </c>
      <c r="AO9" s="71">
        <v>64</v>
      </c>
      <c r="AP9" s="71">
        <v>50</v>
      </c>
      <c r="AQ9" s="71">
        <v>43</v>
      </c>
      <c r="AR9" s="71">
        <v>39</v>
      </c>
      <c r="AS9" s="72">
        <v>292</v>
      </c>
      <c r="AT9" s="73">
        <v>397</v>
      </c>
      <c r="AU9" s="70">
        <v>80</v>
      </c>
      <c r="AV9" s="71">
        <v>87</v>
      </c>
      <c r="AW9" s="72">
        <v>167</v>
      </c>
      <c r="AX9" s="244"/>
      <c r="AY9" s="71">
        <v>169</v>
      </c>
      <c r="AZ9" s="71">
        <v>109</v>
      </c>
      <c r="BA9" s="71">
        <v>70</v>
      </c>
      <c r="BB9" s="71">
        <v>59</v>
      </c>
      <c r="BC9" s="71">
        <v>38</v>
      </c>
      <c r="BD9" s="72">
        <v>445</v>
      </c>
      <c r="BE9" s="73">
        <v>612</v>
      </c>
      <c r="BF9" s="70">
        <v>132</v>
      </c>
      <c r="BG9" s="71">
        <v>99</v>
      </c>
      <c r="BH9" s="72">
        <v>231</v>
      </c>
      <c r="BI9" s="244"/>
      <c r="BJ9" s="71">
        <v>196</v>
      </c>
      <c r="BK9" s="71">
        <v>140</v>
      </c>
      <c r="BL9" s="71">
        <v>101</v>
      </c>
      <c r="BM9" s="71">
        <v>96</v>
      </c>
      <c r="BN9" s="71">
        <v>50</v>
      </c>
      <c r="BO9" s="72">
        <v>583</v>
      </c>
      <c r="BP9" s="73">
        <v>814</v>
      </c>
      <c r="BQ9" s="70">
        <v>106</v>
      </c>
      <c r="BR9" s="71">
        <v>93</v>
      </c>
      <c r="BS9" s="72">
        <v>199</v>
      </c>
      <c r="BT9" s="244"/>
      <c r="BU9" s="71">
        <v>209</v>
      </c>
      <c r="BV9" s="71">
        <v>165</v>
      </c>
      <c r="BW9" s="71">
        <v>120</v>
      </c>
      <c r="BX9" s="71">
        <v>109</v>
      </c>
      <c r="BY9" s="71">
        <v>58</v>
      </c>
      <c r="BZ9" s="72">
        <v>661</v>
      </c>
      <c r="CA9" s="73">
        <v>860</v>
      </c>
      <c r="CB9" s="70">
        <v>0</v>
      </c>
      <c r="CC9" s="71">
        <v>0</v>
      </c>
      <c r="CD9" s="72">
        <v>0</v>
      </c>
      <c r="CE9" s="244"/>
      <c r="CF9" s="71">
        <v>0</v>
      </c>
      <c r="CG9" s="71">
        <v>0</v>
      </c>
      <c r="CH9" s="71">
        <v>0</v>
      </c>
      <c r="CI9" s="71">
        <v>0</v>
      </c>
      <c r="CJ9" s="71">
        <v>0</v>
      </c>
      <c r="CK9" s="72">
        <v>0</v>
      </c>
      <c r="CL9" s="73">
        <v>0</v>
      </c>
      <c r="CM9" s="70">
        <v>419</v>
      </c>
      <c r="CN9" s="71">
        <v>382</v>
      </c>
      <c r="CO9" s="72">
        <v>801</v>
      </c>
      <c r="CP9" s="244"/>
      <c r="CQ9" s="71">
        <v>741</v>
      </c>
      <c r="CR9" s="71">
        <v>544</v>
      </c>
      <c r="CS9" s="71">
        <v>388</v>
      </c>
      <c r="CT9" s="71">
        <v>347</v>
      </c>
      <c r="CU9" s="71">
        <v>218</v>
      </c>
      <c r="CV9" s="72">
        <v>2238</v>
      </c>
      <c r="CW9" s="73">
        <v>3039</v>
      </c>
      <c r="CX9" s="123">
        <v>205</v>
      </c>
      <c r="CY9" s="82">
        <v>221</v>
      </c>
      <c r="CZ9" s="83">
        <v>426</v>
      </c>
      <c r="DA9" s="241"/>
      <c r="DB9" s="82">
        <v>390</v>
      </c>
      <c r="DC9" s="82">
        <v>267</v>
      </c>
      <c r="DD9" s="82">
        <v>189</v>
      </c>
      <c r="DE9" s="82">
        <v>203</v>
      </c>
      <c r="DF9" s="82">
        <v>133</v>
      </c>
      <c r="DG9" s="84">
        <v>1182</v>
      </c>
      <c r="DH9" s="85">
        <v>1608</v>
      </c>
      <c r="DI9" s="70">
        <v>3</v>
      </c>
      <c r="DJ9" s="71">
        <v>8</v>
      </c>
      <c r="DK9" s="72">
        <v>11</v>
      </c>
      <c r="DL9" s="244"/>
      <c r="DM9" s="71">
        <v>1</v>
      </c>
      <c r="DN9" s="71">
        <v>6</v>
      </c>
      <c r="DO9" s="71">
        <v>5</v>
      </c>
      <c r="DP9" s="71">
        <v>3</v>
      </c>
      <c r="DQ9" s="71">
        <v>3</v>
      </c>
      <c r="DR9" s="72">
        <v>18</v>
      </c>
      <c r="DS9" s="73">
        <v>29</v>
      </c>
      <c r="DT9" s="70">
        <v>9</v>
      </c>
      <c r="DU9" s="71">
        <v>18</v>
      </c>
      <c r="DV9" s="72">
        <v>27</v>
      </c>
      <c r="DW9" s="244"/>
      <c r="DX9" s="71">
        <v>24</v>
      </c>
      <c r="DY9" s="71">
        <v>20</v>
      </c>
      <c r="DZ9" s="71">
        <v>8</v>
      </c>
      <c r="EA9" s="71">
        <v>11</v>
      </c>
      <c r="EB9" s="71">
        <v>2</v>
      </c>
      <c r="EC9" s="72">
        <v>65</v>
      </c>
      <c r="ED9" s="73">
        <v>92</v>
      </c>
      <c r="EE9" s="70">
        <v>30</v>
      </c>
      <c r="EF9" s="71">
        <v>25</v>
      </c>
      <c r="EG9" s="72">
        <v>55</v>
      </c>
      <c r="EH9" s="244"/>
      <c r="EI9" s="71">
        <v>50</v>
      </c>
      <c r="EJ9" s="71">
        <v>26</v>
      </c>
      <c r="EK9" s="71">
        <v>20</v>
      </c>
      <c r="EL9" s="71">
        <v>19</v>
      </c>
      <c r="EM9" s="71">
        <v>15</v>
      </c>
      <c r="EN9" s="72">
        <v>130</v>
      </c>
      <c r="EO9" s="73">
        <v>185</v>
      </c>
      <c r="EP9" s="70">
        <v>55</v>
      </c>
      <c r="EQ9" s="71">
        <v>40</v>
      </c>
      <c r="ER9" s="72">
        <v>95</v>
      </c>
      <c r="ES9" s="244"/>
      <c r="ET9" s="71">
        <v>81</v>
      </c>
      <c r="EU9" s="71">
        <v>58</v>
      </c>
      <c r="EV9" s="71">
        <v>26</v>
      </c>
      <c r="EW9" s="71">
        <v>23</v>
      </c>
      <c r="EX9" s="71">
        <v>23</v>
      </c>
      <c r="EY9" s="72">
        <v>211</v>
      </c>
      <c r="EZ9" s="73">
        <v>306</v>
      </c>
      <c r="FA9" s="70">
        <v>62</v>
      </c>
      <c r="FB9" s="71">
        <v>73</v>
      </c>
      <c r="FC9" s="72">
        <v>135</v>
      </c>
      <c r="FD9" s="244"/>
      <c r="FE9" s="71">
        <v>114</v>
      </c>
      <c r="FF9" s="71">
        <v>71</v>
      </c>
      <c r="FG9" s="71">
        <v>49</v>
      </c>
      <c r="FH9" s="71">
        <v>49</v>
      </c>
      <c r="FI9" s="71">
        <v>28</v>
      </c>
      <c r="FJ9" s="72">
        <v>311</v>
      </c>
      <c r="FK9" s="73">
        <v>446</v>
      </c>
      <c r="FL9" s="70">
        <v>46</v>
      </c>
      <c r="FM9" s="71">
        <v>57</v>
      </c>
      <c r="FN9" s="72">
        <v>103</v>
      </c>
      <c r="FO9" s="244"/>
      <c r="FP9" s="71">
        <v>120</v>
      </c>
      <c r="FQ9" s="71">
        <v>86</v>
      </c>
      <c r="FR9" s="71">
        <v>81</v>
      </c>
      <c r="FS9" s="71">
        <v>98</v>
      </c>
      <c r="FT9" s="71">
        <v>62</v>
      </c>
      <c r="FU9" s="72">
        <v>447</v>
      </c>
      <c r="FV9" s="73">
        <v>550</v>
      </c>
      <c r="FW9" s="70">
        <v>0</v>
      </c>
      <c r="FX9" s="71">
        <v>0</v>
      </c>
      <c r="FY9" s="72">
        <v>0</v>
      </c>
      <c r="FZ9" s="244"/>
      <c r="GA9" s="71">
        <v>0</v>
      </c>
      <c r="GB9" s="71">
        <v>0</v>
      </c>
      <c r="GC9" s="71">
        <v>0</v>
      </c>
      <c r="GD9" s="71">
        <v>0</v>
      </c>
      <c r="GE9" s="71">
        <v>0</v>
      </c>
      <c r="GF9" s="72">
        <v>0</v>
      </c>
      <c r="GG9" s="73">
        <v>0</v>
      </c>
      <c r="GH9" s="70">
        <v>205</v>
      </c>
      <c r="GI9" s="71">
        <v>221</v>
      </c>
      <c r="GJ9" s="72">
        <v>426</v>
      </c>
      <c r="GK9" s="244"/>
      <c r="GL9" s="71">
        <v>390</v>
      </c>
      <c r="GM9" s="71">
        <v>267</v>
      </c>
      <c r="GN9" s="71">
        <v>189</v>
      </c>
      <c r="GO9" s="71">
        <v>203</v>
      </c>
      <c r="GP9" s="71">
        <v>133</v>
      </c>
      <c r="GQ9" s="72">
        <v>1182</v>
      </c>
      <c r="GR9" s="73">
        <v>1608</v>
      </c>
      <c r="GS9" s="123">
        <v>624</v>
      </c>
      <c r="GT9" s="82">
        <v>603</v>
      </c>
      <c r="GU9" s="83">
        <v>1227</v>
      </c>
      <c r="GV9" s="241"/>
      <c r="GW9" s="82">
        <v>1131</v>
      </c>
      <c r="GX9" s="82">
        <v>811</v>
      </c>
      <c r="GY9" s="82">
        <v>577</v>
      </c>
      <c r="GZ9" s="82">
        <v>550</v>
      </c>
      <c r="HA9" s="82">
        <v>351</v>
      </c>
      <c r="HB9" s="84">
        <v>3420</v>
      </c>
      <c r="HC9" s="85">
        <v>4647</v>
      </c>
      <c r="HD9" s="70">
        <v>17</v>
      </c>
      <c r="HE9" s="71">
        <v>30</v>
      </c>
      <c r="HF9" s="72">
        <v>47</v>
      </c>
      <c r="HG9" s="244"/>
      <c r="HH9" s="71">
        <v>18</v>
      </c>
      <c r="HI9" s="71">
        <v>28</v>
      </c>
      <c r="HJ9" s="71">
        <v>15</v>
      </c>
      <c r="HK9" s="71">
        <v>20</v>
      </c>
      <c r="HL9" s="71">
        <v>19</v>
      </c>
      <c r="HM9" s="72">
        <v>100</v>
      </c>
      <c r="HN9" s="73">
        <v>147</v>
      </c>
      <c r="HO9" s="70">
        <v>45</v>
      </c>
      <c r="HP9" s="71">
        <v>45</v>
      </c>
      <c r="HQ9" s="72">
        <v>90</v>
      </c>
      <c r="HR9" s="244"/>
      <c r="HS9" s="71">
        <v>78</v>
      </c>
      <c r="HT9" s="71">
        <v>64</v>
      </c>
      <c r="HU9" s="71">
        <v>45</v>
      </c>
      <c r="HV9" s="71">
        <v>34</v>
      </c>
      <c r="HW9" s="71">
        <v>19</v>
      </c>
      <c r="HX9" s="72">
        <v>240</v>
      </c>
      <c r="HY9" s="73">
        <v>330</v>
      </c>
      <c r="HZ9" s="70">
        <v>81</v>
      </c>
      <c r="IA9" s="71">
        <v>79</v>
      </c>
      <c r="IB9" s="72">
        <v>160</v>
      </c>
      <c r="IC9" s="244"/>
      <c r="ID9" s="71">
        <v>146</v>
      </c>
      <c r="IE9" s="71">
        <v>90</v>
      </c>
      <c r="IF9" s="71">
        <v>70</v>
      </c>
      <c r="IG9" s="71">
        <v>62</v>
      </c>
      <c r="IH9" s="71">
        <v>54</v>
      </c>
      <c r="II9" s="72">
        <v>422</v>
      </c>
      <c r="IJ9" s="73">
        <v>582</v>
      </c>
      <c r="IK9" s="70">
        <v>135</v>
      </c>
      <c r="IL9" s="71">
        <v>127</v>
      </c>
      <c r="IM9" s="72">
        <v>262</v>
      </c>
      <c r="IN9" s="244"/>
      <c r="IO9" s="71">
        <v>250</v>
      </c>
      <c r="IP9" s="71">
        <v>167</v>
      </c>
      <c r="IQ9" s="71">
        <v>96</v>
      </c>
      <c r="IR9" s="71">
        <v>82</v>
      </c>
      <c r="IS9" s="71">
        <v>61</v>
      </c>
      <c r="IT9" s="72">
        <v>656</v>
      </c>
      <c r="IU9" s="73">
        <v>918</v>
      </c>
      <c r="IV9" s="70">
        <v>194</v>
      </c>
      <c r="IW9" s="71">
        <v>172</v>
      </c>
      <c r="IX9" s="72">
        <v>366</v>
      </c>
      <c r="IY9" s="244"/>
      <c r="IZ9" s="71">
        <v>310</v>
      </c>
      <c r="JA9" s="71">
        <v>211</v>
      </c>
      <c r="JB9" s="71">
        <v>150</v>
      </c>
      <c r="JC9" s="71">
        <v>145</v>
      </c>
      <c r="JD9" s="71">
        <v>78</v>
      </c>
      <c r="JE9" s="72">
        <v>894</v>
      </c>
      <c r="JF9" s="73">
        <v>1260</v>
      </c>
      <c r="JG9" s="70">
        <v>152</v>
      </c>
      <c r="JH9" s="71">
        <v>150</v>
      </c>
      <c r="JI9" s="72">
        <v>302</v>
      </c>
      <c r="JJ9" s="244"/>
      <c r="JK9" s="71">
        <v>329</v>
      </c>
      <c r="JL9" s="71">
        <v>251</v>
      </c>
      <c r="JM9" s="71">
        <v>201</v>
      </c>
      <c r="JN9" s="71">
        <v>207</v>
      </c>
      <c r="JO9" s="71">
        <v>120</v>
      </c>
      <c r="JP9" s="72">
        <v>1108</v>
      </c>
      <c r="JQ9" s="73">
        <v>1410</v>
      </c>
      <c r="JR9" s="70">
        <v>0</v>
      </c>
      <c r="JS9" s="71">
        <v>0</v>
      </c>
      <c r="JT9" s="72">
        <v>0</v>
      </c>
      <c r="JU9" s="244"/>
      <c r="JV9" s="71">
        <v>0</v>
      </c>
      <c r="JW9" s="71">
        <v>0</v>
      </c>
      <c r="JX9" s="71">
        <v>0</v>
      </c>
      <c r="JY9" s="71">
        <v>0</v>
      </c>
      <c r="JZ9" s="71">
        <v>0</v>
      </c>
      <c r="KA9" s="72">
        <v>0</v>
      </c>
      <c r="KB9" s="73">
        <v>0</v>
      </c>
      <c r="KC9" s="70">
        <v>624</v>
      </c>
      <c r="KD9" s="71">
        <v>603</v>
      </c>
      <c r="KE9" s="72">
        <v>1227</v>
      </c>
      <c r="KF9" s="244"/>
      <c r="KG9" s="71">
        <v>1131</v>
      </c>
      <c r="KH9" s="71">
        <v>811</v>
      </c>
      <c r="KI9" s="71">
        <v>577</v>
      </c>
      <c r="KJ9" s="71">
        <v>550</v>
      </c>
      <c r="KK9" s="71">
        <v>351</v>
      </c>
      <c r="KL9" s="72">
        <v>3420</v>
      </c>
      <c r="KM9" s="73">
        <v>4647</v>
      </c>
    </row>
    <row r="10" spans="2:299" ht="21" customHeight="1" x14ac:dyDescent="0.2">
      <c r="B10" s="126" t="s">
        <v>14</v>
      </c>
      <c r="C10" s="315">
        <v>190</v>
      </c>
      <c r="D10" s="82">
        <v>202</v>
      </c>
      <c r="E10" s="83">
        <v>392</v>
      </c>
      <c r="F10" s="241"/>
      <c r="G10" s="82">
        <v>253</v>
      </c>
      <c r="H10" s="82">
        <v>265</v>
      </c>
      <c r="I10" s="82">
        <v>157</v>
      </c>
      <c r="J10" s="82">
        <v>136</v>
      </c>
      <c r="K10" s="82">
        <v>82</v>
      </c>
      <c r="L10" s="84">
        <v>893</v>
      </c>
      <c r="M10" s="85">
        <v>1285</v>
      </c>
      <c r="N10" s="70">
        <v>6</v>
      </c>
      <c r="O10" s="71">
        <v>8</v>
      </c>
      <c r="P10" s="72">
        <v>14</v>
      </c>
      <c r="Q10" s="244"/>
      <c r="R10" s="71">
        <v>8</v>
      </c>
      <c r="S10" s="71">
        <v>10</v>
      </c>
      <c r="T10" s="71">
        <v>3</v>
      </c>
      <c r="U10" s="71">
        <v>8</v>
      </c>
      <c r="V10" s="71">
        <v>10</v>
      </c>
      <c r="W10" s="72">
        <v>39</v>
      </c>
      <c r="X10" s="73">
        <v>53</v>
      </c>
      <c r="Y10" s="70">
        <v>20</v>
      </c>
      <c r="Z10" s="71">
        <v>21</v>
      </c>
      <c r="AA10" s="72">
        <v>41</v>
      </c>
      <c r="AB10" s="244"/>
      <c r="AC10" s="71">
        <v>17</v>
      </c>
      <c r="AD10" s="71">
        <v>20</v>
      </c>
      <c r="AE10" s="71">
        <v>15</v>
      </c>
      <c r="AF10" s="71">
        <v>9</v>
      </c>
      <c r="AG10" s="71">
        <v>8</v>
      </c>
      <c r="AH10" s="72">
        <v>69</v>
      </c>
      <c r="AI10" s="73">
        <v>110</v>
      </c>
      <c r="AJ10" s="70">
        <v>23</v>
      </c>
      <c r="AK10" s="71">
        <v>35</v>
      </c>
      <c r="AL10" s="72">
        <v>58</v>
      </c>
      <c r="AM10" s="244"/>
      <c r="AN10" s="71">
        <v>38</v>
      </c>
      <c r="AO10" s="71">
        <v>41</v>
      </c>
      <c r="AP10" s="71">
        <v>13</v>
      </c>
      <c r="AQ10" s="71">
        <v>16</v>
      </c>
      <c r="AR10" s="71">
        <v>12</v>
      </c>
      <c r="AS10" s="72">
        <v>120</v>
      </c>
      <c r="AT10" s="73">
        <v>178</v>
      </c>
      <c r="AU10" s="70">
        <v>40</v>
      </c>
      <c r="AV10" s="71">
        <v>39</v>
      </c>
      <c r="AW10" s="72">
        <v>79</v>
      </c>
      <c r="AX10" s="244"/>
      <c r="AY10" s="71">
        <v>55</v>
      </c>
      <c r="AZ10" s="71">
        <v>57</v>
      </c>
      <c r="BA10" s="71">
        <v>39</v>
      </c>
      <c r="BB10" s="71">
        <v>29</v>
      </c>
      <c r="BC10" s="71">
        <v>17</v>
      </c>
      <c r="BD10" s="72">
        <v>197</v>
      </c>
      <c r="BE10" s="73">
        <v>276</v>
      </c>
      <c r="BF10" s="70">
        <v>60</v>
      </c>
      <c r="BG10" s="71">
        <v>53</v>
      </c>
      <c r="BH10" s="72">
        <v>113</v>
      </c>
      <c r="BI10" s="244"/>
      <c r="BJ10" s="71">
        <v>78</v>
      </c>
      <c r="BK10" s="71">
        <v>70</v>
      </c>
      <c r="BL10" s="71">
        <v>53</v>
      </c>
      <c r="BM10" s="71">
        <v>37</v>
      </c>
      <c r="BN10" s="71">
        <v>16</v>
      </c>
      <c r="BO10" s="72">
        <v>254</v>
      </c>
      <c r="BP10" s="73">
        <v>367</v>
      </c>
      <c r="BQ10" s="70">
        <v>41</v>
      </c>
      <c r="BR10" s="71">
        <v>46</v>
      </c>
      <c r="BS10" s="72">
        <v>87</v>
      </c>
      <c r="BT10" s="244"/>
      <c r="BU10" s="71">
        <v>57</v>
      </c>
      <c r="BV10" s="71">
        <v>67</v>
      </c>
      <c r="BW10" s="71">
        <v>34</v>
      </c>
      <c r="BX10" s="71">
        <v>37</v>
      </c>
      <c r="BY10" s="71">
        <v>19</v>
      </c>
      <c r="BZ10" s="72">
        <v>214</v>
      </c>
      <c r="CA10" s="73">
        <v>301</v>
      </c>
      <c r="CB10" s="70">
        <v>0</v>
      </c>
      <c r="CC10" s="71">
        <v>0</v>
      </c>
      <c r="CD10" s="72">
        <v>0</v>
      </c>
      <c r="CE10" s="244"/>
      <c r="CF10" s="71">
        <v>0</v>
      </c>
      <c r="CG10" s="71">
        <v>0</v>
      </c>
      <c r="CH10" s="71">
        <v>0</v>
      </c>
      <c r="CI10" s="71">
        <v>0</v>
      </c>
      <c r="CJ10" s="71">
        <v>0</v>
      </c>
      <c r="CK10" s="72">
        <v>0</v>
      </c>
      <c r="CL10" s="73">
        <v>0</v>
      </c>
      <c r="CM10" s="70">
        <v>190</v>
      </c>
      <c r="CN10" s="71">
        <v>202</v>
      </c>
      <c r="CO10" s="72">
        <v>392</v>
      </c>
      <c r="CP10" s="244"/>
      <c r="CQ10" s="71">
        <v>253</v>
      </c>
      <c r="CR10" s="71">
        <v>265</v>
      </c>
      <c r="CS10" s="71">
        <v>157</v>
      </c>
      <c r="CT10" s="71">
        <v>136</v>
      </c>
      <c r="CU10" s="71">
        <v>82</v>
      </c>
      <c r="CV10" s="72">
        <v>893</v>
      </c>
      <c r="CW10" s="73">
        <v>1285</v>
      </c>
      <c r="CX10" s="123">
        <v>56</v>
      </c>
      <c r="CY10" s="82">
        <v>91</v>
      </c>
      <c r="CZ10" s="83">
        <v>147</v>
      </c>
      <c r="DA10" s="241"/>
      <c r="DB10" s="82">
        <v>95</v>
      </c>
      <c r="DC10" s="82">
        <v>119</v>
      </c>
      <c r="DD10" s="82">
        <v>79</v>
      </c>
      <c r="DE10" s="82">
        <v>64</v>
      </c>
      <c r="DF10" s="82">
        <v>53</v>
      </c>
      <c r="DG10" s="84">
        <v>410</v>
      </c>
      <c r="DH10" s="85">
        <v>557</v>
      </c>
      <c r="DI10" s="70">
        <v>0</v>
      </c>
      <c r="DJ10" s="71">
        <v>3</v>
      </c>
      <c r="DK10" s="72">
        <v>3</v>
      </c>
      <c r="DL10" s="244"/>
      <c r="DM10" s="71">
        <v>0</v>
      </c>
      <c r="DN10" s="71">
        <v>2</v>
      </c>
      <c r="DO10" s="71">
        <v>0</v>
      </c>
      <c r="DP10" s="71">
        <v>0</v>
      </c>
      <c r="DQ10" s="71">
        <v>1</v>
      </c>
      <c r="DR10" s="72">
        <v>3</v>
      </c>
      <c r="DS10" s="73">
        <v>6</v>
      </c>
      <c r="DT10" s="70">
        <v>7</v>
      </c>
      <c r="DU10" s="71">
        <v>7</v>
      </c>
      <c r="DV10" s="72">
        <v>14</v>
      </c>
      <c r="DW10" s="244"/>
      <c r="DX10" s="71">
        <v>7</v>
      </c>
      <c r="DY10" s="71">
        <v>5</v>
      </c>
      <c r="DZ10" s="71">
        <v>5</v>
      </c>
      <c r="EA10" s="71">
        <v>0</v>
      </c>
      <c r="EB10" s="71">
        <v>1</v>
      </c>
      <c r="EC10" s="72">
        <v>18</v>
      </c>
      <c r="ED10" s="73">
        <v>32</v>
      </c>
      <c r="EE10" s="70">
        <v>10</v>
      </c>
      <c r="EF10" s="71">
        <v>14</v>
      </c>
      <c r="EG10" s="72">
        <v>24</v>
      </c>
      <c r="EH10" s="244"/>
      <c r="EI10" s="71">
        <v>10</v>
      </c>
      <c r="EJ10" s="71">
        <v>13</v>
      </c>
      <c r="EK10" s="71">
        <v>11</v>
      </c>
      <c r="EL10" s="71">
        <v>2</v>
      </c>
      <c r="EM10" s="71">
        <v>5</v>
      </c>
      <c r="EN10" s="72">
        <v>41</v>
      </c>
      <c r="EO10" s="73">
        <v>65</v>
      </c>
      <c r="EP10" s="70">
        <v>16</v>
      </c>
      <c r="EQ10" s="71">
        <v>24</v>
      </c>
      <c r="ER10" s="72">
        <v>40</v>
      </c>
      <c r="ES10" s="244"/>
      <c r="ET10" s="71">
        <v>20</v>
      </c>
      <c r="EU10" s="71">
        <v>20</v>
      </c>
      <c r="EV10" s="71">
        <v>11</v>
      </c>
      <c r="EW10" s="71">
        <v>9</v>
      </c>
      <c r="EX10" s="71">
        <v>11</v>
      </c>
      <c r="EY10" s="72">
        <v>71</v>
      </c>
      <c r="EZ10" s="73">
        <v>111</v>
      </c>
      <c r="FA10" s="70">
        <v>16</v>
      </c>
      <c r="FB10" s="71">
        <v>29</v>
      </c>
      <c r="FC10" s="72">
        <v>45</v>
      </c>
      <c r="FD10" s="244"/>
      <c r="FE10" s="71">
        <v>22</v>
      </c>
      <c r="FF10" s="71">
        <v>30</v>
      </c>
      <c r="FG10" s="71">
        <v>14</v>
      </c>
      <c r="FH10" s="71">
        <v>20</v>
      </c>
      <c r="FI10" s="71">
        <v>14</v>
      </c>
      <c r="FJ10" s="72">
        <v>100</v>
      </c>
      <c r="FK10" s="73">
        <v>145</v>
      </c>
      <c r="FL10" s="70">
        <v>7</v>
      </c>
      <c r="FM10" s="71">
        <v>14</v>
      </c>
      <c r="FN10" s="72">
        <v>21</v>
      </c>
      <c r="FO10" s="244"/>
      <c r="FP10" s="71">
        <v>36</v>
      </c>
      <c r="FQ10" s="71">
        <v>49</v>
      </c>
      <c r="FR10" s="71">
        <v>38</v>
      </c>
      <c r="FS10" s="71">
        <v>33</v>
      </c>
      <c r="FT10" s="71">
        <v>21</v>
      </c>
      <c r="FU10" s="72">
        <v>177</v>
      </c>
      <c r="FV10" s="73">
        <v>198</v>
      </c>
      <c r="FW10" s="70">
        <v>0</v>
      </c>
      <c r="FX10" s="71">
        <v>0</v>
      </c>
      <c r="FY10" s="72">
        <v>0</v>
      </c>
      <c r="FZ10" s="244"/>
      <c r="GA10" s="71">
        <v>0</v>
      </c>
      <c r="GB10" s="71">
        <v>0</v>
      </c>
      <c r="GC10" s="71">
        <v>0</v>
      </c>
      <c r="GD10" s="71">
        <v>0</v>
      </c>
      <c r="GE10" s="71">
        <v>0</v>
      </c>
      <c r="GF10" s="72">
        <v>0</v>
      </c>
      <c r="GG10" s="73">
        <v>0</v>
      </c>
      <c r="GH10" s="70">
        <v>56</v>
      </c>
      <c r="GI10" s="71">
        <v>91</v>
      </c>
      <c r="GJ10" s="72">
        <v>147</v>
      </c>
      <c r="GK10" s="244"/>
      <c r="GL10" s="71">
        <v>95</v>
      </c>
      <c r="GM10" s="71">
        <v>119</v>
      </c>
      <c r="GN10" s="71">
        <v>79</v>
      </c>
      <c r="GO10" s="71">
        <v>64</v>
      </c>
      <c r="GP10" s="71">
        <v>53</v>
      </c>
      <c r="GQ10" s="72">
        <v>410</v>
      </c>
      <c r="GR10" s="73">
        <v>557</v>
      </c>
      <c r="GS10" s="123">
        <v>246</v>
      </c>
      <c r="GT10" s="82">
        <v>293</v>
      </c>
      <c r="GU10" s="83">
        <v>539</v>
      </c>
      <c r="GV10" s="241"/>
      <c r="GW10" s="82">
        <v>348</v>
      </c>
      <c r="GX10" s="82">
        <v>384</v>
      </c>
      <c r="GY10" s="82">
        <v>236</v>
      </c>
      <c r="GZ10" s="82">
        <v>200</v>
      </c>
      <c r="HA10" s="82">
        <v>135</v>
      </c>
      <c r="HB10" s="84">
        <v>1303</v>
      </c>
      <c r="HC10" s="85">
        <v>1842</v>
      </c>
      <c r="HD10" s="70">
        <v>6</v>
      </c>
      <c r="HE10" s="71">
        <v>11</v>
      </c>
      <c r="HF10" s="72">
        <v>17</v>
      </c>
      <c r="HG10" s="244"/>
      <c r="HH10" s="71">
        <v>8</v>
      </c>
      <c r="HI10" s="71">
        <v>12</v>
      </c>
      <c r="HJ10" s="71">
        <v>3</v>
      </c>
      <c r="HK10" s="71">
        <v>8</v>
      </c>
      <c r="HL10" s="71">
        <v>11</v>
      </c>
      <c r="HM10" s="72">
        <v>42</v>
      </c>
      <c r="HN10" s="73">
        <v>59</v>
      </c>
      <c r="HO10" s="70">
        <v>27</v>
      </c>
      <c r="HP10" s="71">
        <v>28</v>
      </c>
      <c r="HQ10" s="72">
        <v>55</v>
      </c>
      <c r="HR10" s="244"/>
      <c r="HS10" s="71">
        <v>24</v>
      </c>
      <c r="HT10" s="71">
        <v>25</v>
      </c>
      <c r="HU10" s="71">
        <v>20</v>
      </c>
      <c r="HV10" s="71">
        <v>9</v>
      </c>
      <c r="HW10" s="71">
        <v>9</v>
      </c>
      <c r="HX10" s="72">
        <v>87</v>
      </c>
      <c r="HY10" s="73">
        <v>142</v>
      </c>
      <c r="HZ10" s="70">
        <v>33</v>
      </c>
      <c r="IA10" s="71">
        <v>49</v>
      </c>
      <c r="IB10" s="72">
        <v>82</v>
      </c>
      <c r="IC10" s="244"/>
      <c r="ID10" s="71">
        <v>48</v>
      </c>
      <c r="IE10" s="71">
        <v>54</v>
      </c>
      <c r="IF10" s="71">
        <v>24</v>
      </c>
      <c r="IG10" s="71">
        <v>18</v>
      </c>
      <c r="IH10" s="71">
        <v>17</v>
      </c>
      <c r="II10" s="72">
        <v>161</v>
      </c>
      <c r="IJ10" s="73">
        <v>243</v>
      </c>
      <c r="IK10" s="70">
        <v>56</v>
      </c>
      <c r="IL10" s="71">
        <v>63</v>
      </c>
      <c r="IM10" s="72">
        <v>119</v>
      </c>
      <c r="IN10" s="244"/>
      <c r="IO10" s="71">
        <v>75</v>
      </c>
      <c r="IP10" s="71">
        <v>77</v>
      </c>
      <c r="IQ10" s="71">
        <v>50</v>
      </c>
      <c r="IR10" s="71">
        <v>38</v>
      </c>
      <c r="IS10" s="71">
        <v>28</v>
      </c>
      <c r="IT10" s="72">
        <v>268</v>
      </c>
      <c r="IU10" s="73">
        <v>387</v>
      </c>
      <c r="IV10" s="70">
        <v>76</v>
      </c>
      <c r="IW10" s="71">
        <v>82</v>
      </c>
      <c r="IX10" s="72">
        <v>158</v>
      </c>
      <c r="IY10" s="244"/>
      <c r="IZ10" s="71">
        <v>100</v>
      </c>
      <c r="JA10" s="71">
        <v>100</v>
      </c>
      <c r="JB10" s="71">
        <v>67</v>
      </c>
      <c r="JC10" s="71">
        <v>57</v>
      </c>
      <c r="JD10" s="71">
        <v>30</v>
      </c>
      <c r="JE10" s="72">
        <v>354</v>
      </c>
      <c r="JF10" s="73">
        <v>512</v>
      </c>
      <c r="JG10" s="70">
        <v>48</v>
      </c>
      <c r="JH10" s="71">
        <v>60</v>
      </c>
      <c r="JI10" s="72">
        <v>108</v>
      </c>
      <c r="JJ10" s="244"/>
      <c r="JK10" s="71">
        <v>93</v>
      </c>
      <c r="JL10" s="71">
        <v>116</v>
      </c>
      <c r="JM10" s="71">
        <v>72</v>
      </c>
      <c r="JN10" s="71">
        <v>70</v>
      </c>
      <c r="JO10" s="71">
        <v>40</v>
      </c>
      <c r="JP10" s="72">
        <v>391</v>
      </c>
      <c r="JQ10" s="73">
        <v>499</v>
      </c>
      <c r="JR10" s="70">
        <v>0</v>
      </c>
      <c r="JS10" s="71">
        <v>0</v>
      </c>
      <c r="JT10" s="72">
        <v>0</v>
      </c>
      <c r="JU10" s="244"/>
      <c r="JV10" s="71">
        <v>0</v>
      </c>
      <c r="JW10" s="71">
        <v>0</v>
      </c>
      <c r="JX10" s="71">
        <v>0</v>
      </c>
      <c r="JY10" s="71">
        <v>0</v>
      </c>
      <c r="JZ10" s="71">
        <v>0</v>
      </c>
      <c r="KA10" s="72">
        <v>0</v>
      </c>
      <c r="KB10" s="73">
        <v>0</v>
      </c>
      <c r="KC10" s="70">
        <v>246</v>
      </c>
      <c r="KD10" s="71">
        <v>293</v>
      </c>
      <c r="KE10" s="72">
        <v>539</v>
      </c>
      <c r="KF10" s="244"/>
      <c r="KG10" s="71">
        <v>348</v>
      </c>
      <c r="KH10" s="71">
        <v>384</v>
      </c>
      <c r="KI10" s="71">
        <v>236</v>
      </c>
      <c r="KJ10" s="71">
        <v>200</v>
      </c>
      <c r="KK10" s="71">
        <v>135</v>
      </c>
      <c r="KL10" s="72">
        <v>1303</v>
      </c>
      <c r="KM10" s="73">
        <v>1842</v>
      </c>
    </row>
    <row r="11" spans="2:299" ht="21" customHeight="1" x14ac:dyDescent="0.2">
      <c r="B11" s="126" t="s">
        <v>7</v>
      </c>
      <c r="C11" s="315">
        <v>102</v>
      </c>
      <c r="D11" s="82">
        <v>87</v>
      </c>
      <c r="E11" s="83">
        <v>189</v>
      </c>
      <c r="F11" s="241"/>
      <c r="G11" s="82">
        <v>244</v>
      </c>
      <c r="H11" s="82">
        <v>147</v>
      </c>
      <c r="I11" s="82">
        <v>80</v>
      </c>
      <c r="J11" s="82">
        <v>83</v>
      </c>
      <c r="K11" s="82">
        <v>36</v>
      </c>
      <c r="L11" s="84">
        <v>590</v>
      </c>
      <c r="M11" s="85">
        <v>779</v>
      </c>
      <c r="N11" s="70">
        <v>6</v>
      </c>
      <c r="O11" s="71">
        <v>2</v>
      </c>
      <c r="P11" s="72">
        <v>8</v>
      </c>
      <c r="Q11" s="244"/>
      <c r="R11" s="71">
        <v>3</v>
      </c>
      <c r="S11" s="71">
        <v>5</v>
      </c>
      <c r="T11" s="71">
        <v>6</v>
      </c>
      <c r="U11" s="71">
        <v>4</v>
      </c>
      <c r="V11" s="71">
        <v>2</v>
      </c>
      <c r="W11" s="72">
        <v>20</v>
      </c>
      <c r="X11" s="73">
        <v>28</v>
      </c>
      <c r="Y11" s="70">
        <v>8</v>
      </c>
      <c r="Z11" s="71">
        <v>7</v>
      </c>
      <c r="AA11" s="72">
        <v>15</v>
      </c>
      <c r="AB11" s="244"/>
      <c r="AC11" s="71">
        <v>16</v>
      </c>
      <c r="AD11" s="71">
        <v>14</v>
      </c>
      <c r="AE11" s="71">
        <v>10</v>
      </c>
      <c r="AF11" s="71">
        <v>6</v>
      </c>
      <c r="AG11" s="71">
        <v>7</v>
      </c>
      <c r="AH11" s="72">
        <v>53</v>
      </c>
      <c r="AI11" s="73">
        <v>68</v>
      </c>
      <c r="AJ11" s="70">
        <v>6</v>
      </c>
      <c r="AK11" s="71">
        <v>9</v>
      </c>
      <c r="AL11" s="72">
        <v>15</v>
      </c>
      <c r="AM11" s="244"/>
      <c r="AN11" s="71">
        <v>34</v>
      </c>
      <c r="AO11" s="71">
        <v>13</v>
      </c>
      <c r="AP11" s="71">
        <v>12</v>
      </c>
      <c r="AQ11" s="71">
        <v>16</v>
      </c>
      <c r="AR11" s="71">
        <v>4</v>
      </c>
      <c r="AS11" s="72">
        <v>79</v>
      </c>
      <c r="AT11" s="73">
        <v>94</v>
      </c>
      <c r="AU11" s="70">
        <v>26</v>
      </c>
      <c r="AV11" s="71">
        <v>18</v>
      </c>
      <c r="AW11" s="72">
        <v>44</v>
      </c>
      <c r="AX11" s="244"/>
      <c r="AY11" s="71">
        <v>60</v>
      </c>
      <c r="AZ11" s="71">
        <v>33</v>
      </c>
      <c r="BA11" s="71">
        <v>16</v>
      </c>
      <c r="BB11" s="71">
        <v>10</v>
      </c>
      <c r="BC11" s="71">
        <v>10</v>
      </c>
      <c r="BD11" s="72">
        <v>129</v>
      </c>
      <c r="BE11" s="73">
        <v>173</v>
      </c>
      <c r="BF11" s="70">
        <v>28</v>
      </c>
      <c r="BG11" s="71">
        <v>30</v>
      </c>
      <c r="BH11" s="72">
        <v>58</v>
      </c>
      <c r="BI11" s="244"/>
      <c r="BJ11" s="71">
        <v>69</v>
      </c>
      <c r="BK11" s="71">
        <v>41</v>
      </c>
      <c r="BL11" s="71">
        <v>15</v>
      </c>
      <c r="BM11" s="71">
        <v>23</v>
      </c>
      <c r="BN11" s="71">
        <v>11</v>
      </c>
      <c r="BO11" s="72">
        <v>159</v>
      </c>
      <c r="BP11" s="73">
        <v>217</v>
      </c>
      <c r="BQ11" s="70">
        <v>28</v>
      </c>
      <c r="BR11" s="71">
        <v>21</v>
      </c>
      <c r="BS11" s="72">
        <v>49</v>
      </c>
      <c r="BT11" s="244"/>
      <c r="BU11" s="71">
        <v>62</v>
      </c>
      <c r="BV11" s="71">
        <v>41</v>
      </c>
      <c r="BW11" s="71">
        <v>21</v>
      </c>
      <c r="BX11" s="71">
        <v>24</v>
      </c>
      <c r="BY11" s="71">
        <v>2</v>
      </c>
      <c r="BZ11" s="72">
        <v>150</v>
      </c>
      <c r="CA11" s="73">
        <v>199</v>
      </c>
      <c r="CB11" s="70">
        <v>0</v>
      </c>
      <c r="CC11" s="71">
        <v>0</v>
      </c>
      <c r="CD11" s="72">
        <v>0</v>
      </c>
      <c r="CE11" s="244"/>
      <c r="CF11" s="71">
        <v>0</v>
      </c>
      <c r="CG11" s="71">
        <v>0</v>
      </c>
      <c r="CH11" s="71">
        <v>0</v>
      </c>
      <c r="CI11" s="71">
        <v>0</v>
      </c>
      <c r="CJ11" s="71">
        <v>0</v>
      </c>
      <c r="CK11" s="72">
        <v>0</v>
      </c>
      <c r="CL11" s="73">
        <v>0</v>
      </c>
      <c r="CM11" s="70">
        <v>102</v>
      </c>
      <c r="CN11" s="71">
        <v>87</v>
      </c>
      <c r="CO11" s="72">
        <v>189</v>
      </c>
      <c r="CP11" s="244"/>
      <c r="CQ11" s="71">
        <v>244</v>
      </c>
      <c r="CR11" s="71">
        <v>147</v>
      </c>
      <c r="CS11" s="71">
        <v>80</v>
      </c>
      <c r="CT11" s="71">
        <v>83</v>
      </c>
      <c r="CU11" s="71">
        <v>36</v>
      </c>
      <c r="CV11" s="72">
        <v>590</v>
      </c>
      <c r="CW11" s="73">
        <v>779</v>
      </c>
      <c r="CX11" s="123">
        <v>35</v>
      </c>
      <c r="CY11" s="82">
        <v>42</v>
      </c>
      <c r="CZ11" s="83">
        <v>77</v>
      </c>
      <c r="DA11" s="241"/>
      <c r="DB11" s="82">
        <v>68</v>
      </c>
      <c r="DC11" s="82">
        <v>35</v>
      </c>
      <c r="DD11" s="82">
        <v>30</v>
      </c>
      <c r="DE11" s="82">
        <v>32</v>
      </c>
      <c r="DF11" s="82">
        <v>16</v>
      </c>
      <c r="DG11" s="84">
        <v>181</v>
      </c>
      <c r="DH11" s="85">
        <v>258</v>
      </c>
      <c r="DI11" s="70">
        <v>0</v>
      </c>
      <c r="DJ11" s="71">
        <v>0</v>
      </c>
      <c r="DK11" s="72">
        <v>0</v>
      </c>
      <c r="DL11" s="244"/>
      <c r="DM11" s="71">
        <v>0</v>
      </c>
      <c r="DN11" s="71">
        <v>1</v>
      </c>
      <c r="DO11" s="71">
        <v>4</v>
      </c>
      <c r="DP11" s="71">
        <v>0</v>
      </c>
      <c r="DQ11" s="71">
        <v>1</v>
      </c>
      <c r="DR11" s="72">
        <v>6</v>
      </c>
      <c r="DS11" s="73">
        <v>6</v>
      </c>
      <c r="DT11" s="70">
        <v>1</v>
      </c>
      <c r="DU11" s="71">
        <v>2</v>
      </c>
      <c r="DV11" s="72">
        <v>3</v>
      </c>
      <c r="DW11" s="244"/>
      <c r="DX11" s="71">
        <v>6</v>
      </c>
      <c r="DY11" s="71">
        <v>3</v>
      </c>
      <c r="DZ11" s="71">
        <v>2</v>
      </c>
      <c r="EA11" s="71">
        <v>4</v>
      </c>
      <c r="EB11" s="71">
        <v>2</v>
      </c>
      <c r="EC11" s="72">
        <v>17</v>
      </c>
      <c r="ED11" s="73">
        <v>20</v>
      </c>
      <c r="EE11" s="70">
        <v>5</v>
      </c>
      <c r="EF11" s="71">
        <v>5</v>
      </c>
      <c r="EG11" s="72">
        <v>10</v>
      </c>
      <c r="EH11" s="244"/>
      <c r="EI11" s="71">
        <v>6</v>
      </c>
      <c r="EJ11" s="71">
        <v>7</v>
      </c>
      <c r="EK11" s="71">
        <v>4</v>
      </c>
      <c r="EL11" s="71">
        <v>7</v>
      </c>
      <c r="EM11" s="71">
        <v>2</v>
      </c>
      <c r="EN11" s="72">
        <v>26</v>
      </c>
      <c r="EO11" s="73">
        <v>36</v>
      </c>
      <c r="EP11" s="70">
        <v>12</v>
      </c>
      <c r="EQ11" s="71">
        <v>10</v>
      </c>
      <c r="ER11" s="72">
        <v>22</v>
      </c>
      <c r="ES11" s="244"/>
      <c r="ET11" s="71">
        <v>21</v>
      </c>
      <c r="EU11" s="71">
        <v>9</v>
      </c>
      <c r="EV11" s="71">
        <v>3</v>
      </c>
      <c r="EW11" s="71">
        <v>2</v>
      </c>
      <c r="EX11" s="71">
        <v>2</v>
      </c>
      <c r="EY11" s="72">
        <v>37</v>
      </c>
      <c r="EZ11" s="73">
        <v>59</v>
      </c>
      <c r="FA11" s="70">
        <v>10</v>
      </c>
      <c r="FB11" s="71">
        <v>17</v>
      </c>
      <c r="FC11" s="72">
        <v>27</v>
      </c>
      <c r="FD11" s="244"/>
      <c r="FE11" s="71">
        <v>19</v>
      </c>
      <c r="FF11" s="71">
        <v>3</v>
      </c>
      <c r="FG11" s="71">
        <v>7</v>
      </c>
      <c r="FH11" s="71">
        <v>7</v>
      </c>
      <c r="FI11" s="71">
        <v>4</v>
      </c>
      <c r="FJ11" s="72">
        <v>40</v>
      </c>
      <c r="FK11" s="73">
        <v>67</v>
      </c>
      <c r="FL11" s="70">
        <v>7</v>
      </c>
      <c r="FM11" s="71">
        <v>8</v>
      </c>
      <c r="FN11" s="72">
        <v>15</v>
      </c>
      <c r="FO11" s="244"/>
      <c r="FP11" s="71">
        <v>16</v>
      </c>
      <c r="FQ11" s="71">
        <v>12</v>
      </c>
      <c r="FR11" s="71">
        <v>10</v>
      </c>
      <c r="FS11" s="71">
        <v>12</v>
      </c>
      <c r="FT11" s="71">
        <v>5</v>
      </c>
      <c r="FU11" s="72">
        <v>55</v>
      </c>
      <c r="FV11" s="73">
        <v>70</v>
      </c>
      <c r="FW11" s="70">
        <v>0</v>
      </c>
      <c r="FX11" s="71">
        <v>0</v>
      </c>
      <c r="FY11" s="72">
        <v>0</v>
      </c>
      <c r="FZ11" s="244"/>
      <c r="GA11" s="71">
        <v>0</v>
      </c>
      <c r="GB11" s="71">
        <v>0</v>
      </c>
      <c r="GC11" s="71">
        <v>0</v>
      </c>
      <c r="GD11" s="71">
        <v>0</v>
      </c>
      <c r="GE11" s="71">
        <v>0</v>
      </c>
      <c r="GF11" s="72">
        <v>0</v>
      </c>
      <c r="GG11" s="73">
        <v>0</v>
      </c>
      <c r="GH11" s="70">
        <v>35</v>
      </c>
      <c r="GI11" s="71">
        <v>42</v>
      </c>
      <c r="GJ11" s="72">
        <v>77</v>
      </c>
      <c r="GK11" s="244"/>
      <c r="GL11" s="71">
        <v>68</v>
      </c>
      <c r="GM11" s="71">
        <v>35</v>
      </c>
      <c r="GN11" s="71">
        <v>30</v>
      </c>
      <c r="GO11" s="71">
        <v>32</v>
      </c>
      <c r="GP11" s="71">
        <v>16</v>
      </c>
      <c r="GQ11" s="72">
        <v>181</v>
      </c>
      <c r="GR11" s="73">
        <v>258</v>
      </c>
      <c r="GS11" s="123">
        <v>137</v>
      </c>
      <c r="GT11" s="82">
        <v>129</v>
      </c>
      <c r="GU11" s="83">
        <v>266</v>
      </c>
      <c r="GV11" s="241"/>
      <c r="GW11" s="82">
        <v>312</v>
      </c>
      <c r="GX11" s="82">
        <v>182</v>
      </c>
      <c r="GY11" s="82">
        <v>110</v>
      </c>
      <c r="GZ11" s="82">
        <v>115</v>
      </c>
      <c r="HA11" s="82">
        <v>52</v>
      </c>
      <c r="HB11" s="84">
        <v>771</v>
      </c>
      <c r="HC11" s="85">
        <v>1037</v>
      </c>
      <c r="HD11" s="70">
        <v>6</v>
      </c>
      <c r="HE11" s="71">
        <v>2</v>
      </c>
      <c r="HF11" s="72">
        <v>8</v>
      </c>
      <c r="HG11" s="244"/>
      <c r="HH11" s="71">
        <v>3</v>
      </c>
      <c r="HI11" s="71">
        <v>6</v>
      </c>
      <c r="HJ11" s="71">
        <v>10</v>
      </c>
      <c r="HK11" s="71">
        <v>4</v>
      </c>
      <c r="HL11" s="71">
        <v>3</v>
      </c>
      <c r="HM11" s="72">
        <v>26</v>
      </c>
      <c r="HN11" s="73">
        <v>34</v>
      </c>
      <c r="HO11" s="70">
        <v>9</v>
      </c>
      <c r="HP11" s="71">
        <v>9</v>
      </c>
      <c r="HQ11" s="72">
        <v>18</v>
      </c>
      <c r="HR11" s="244"/>
      <c r="HS11" s="71">
        <v>22</v>
      </c>
      <c r="HT11" s="71">
        <v>17</v>
      </c>
      <c r="HU11" s="71">
        <v>12</v>
      </c>
      <c r="HV11" s="71">
        <v>10</v>
      </c>
      <c r="HW11" s="71">
        <v>9</v>
      </c>
      <c r="HX11" s="72">
        <v>70</v>
      </c>
      <c r="HY11" s="73">
        <v>88</v>
      </c>
      <c r="HZ11" s="70">
        <v>11</v>
      </c>
      <c r="IA11" s="71">
        <v>14</v>
      </c>
      <c r="IB11" s="72">
        <v>25</v>
      </c>
      <c r="IC11" s="244"/>
      <c r="ID11" s="71">
        <v>40</v>
      </c>
      <c r="IE11" s="71">
        <v>20</v>
      </c>
      <c r="IF11" s="71">
        <v>16</v>
      </c>
      <c r="IG11" s="71">
        <v>23</v>
      </c>
      <c r="IH11" s="71">
        <v>6</v>
      </c>
      <c r="II11" s="72">
        <v>105</v>
      </c>
      <c r="IJ11" s="73">
        <v>130</v>
      </c>
      <c r="IK11" s="70">
        <v>38</v>
      </c>
      <c r="IL11" s="71">
        <v>28</v>
      </c>
      <c r="IM11" s="72">
        <v>66</v>
      </c>
      <c r="IN11" s="244"/>
      <c r="IO11" s="71">
        <v>81</v>
      </c>
      <c r="IP11" s="71">
        <v>42</v>
      </c>
      <c r="IQ11" s="71">
        <v>19</v>
      </c>
      <c r="IR11" s="71">
        <v>12</v>
      </c>
      <c r="IS11" s="71">
        <v>12</v>
      </c>
      <c r="IT11" s="72">
        <v>166</v>
      </c>
      <c r="IU11" s="73">
        <v>232</v>
      </c>
      <c r="IV11" s="70">
        <v>38</v>
      </c>
      <c r="IW11" s="71">
        <v>47</v>
      </c>
      <c r="IX11" s="72">
        <v>85</v>
      </c>
      <c r="IY11" s="244"/>
      <c r="IZ11" s="71">
        <v>88</v>
      </c>
      <c r="JA11" s="71">
        <v>44</v>
      </c>
      <c r="JB11" s="71">
        <v>22</v>
      </c>
      <c r="JC11" s="71">
        <v>30</v>
      </c>
      <c r="JD11" s="71">
        <v>15</v>
      </c>
      <c r="JE11" s="72">
        <v>199</v>
      </c>
      <c r="JF11" s="73">
        <v>284</v>
      </c>
      <c r="JG11" s="70">
        <v>35</v>
      </c>
      <c r="JH11" s="71">
        <v>29</v>
      </c>
      <c r="JI11" s="72">
        <v>64</v>
      </c>
      <c r="JJ11" s="244"/>
      <c r="JK11" s="71">
        <v>78</v>
      </c>
      <c r="JL11" s="71">
        <v>53</v>
      </c>
      <c r="JM11" s="71">
        <v>31</v>
      </c>
      <c r="JN11" s="71">
        <v>36</v>
      </c>
      <c r="JO11" s="71">
        <v>7</v>
      </c>
      <c r="JP11" s="72">
        <v>205</v>
      </c>
      <c r="JQ11" s="73">
        <v>269</v>
      </c>
      <c r="JR11" s="70">
        <v>0</v>
      </c>
      <c r="JS11" s="71">
        <v>0</v>
      </c>
      <c r="JT11" s="72">
        <v>0</v>
      </c>
      <c r="JU11" s="244"/>
      <c r="JV11" s="71">
        <v>0</v>
      </c>
      <c r="JW11" s="71">
        <v>0</v>
      </c>
      <c r="JX11" s="71">
        <v>0</v>
      </c>
      <c r="JY11" s="71">
        <v>0</v>
      </c>
      <c r="JZ11" s="71">
        <v>0</v>
      </c>
      <c r="KA11" s="72">
        <v>0</v>
      </c>
      <c r="KB11" s="73">
        <v>0</v>
      </c>
      <c r="KC11" s="70">
        <v>137</v>
      </c>
      <c r="KD11" s="71">
        <v>129</v>
      </c>
      <c r="KE11" s="72">
        <v>266</v>
      </c>
      <c r="KF11" s="244"/>
      <c r="KG11" s="71">
        <v>312</v>
      </c>
      <c r="KH11" s="71">
        <v>182</v>
      </c>
      <c r="KI11" s="71">
        <v>110</v>
      </c>
      <c r="KJ11" s="71">
        <v>115</v>
      </c>
      <c r="KK11" s="71">
        <v>52</v>
      </c>
      <c r="KL11" s="72">
        <v>771</v>
      </c>
      <c r="KM11" s="73">
        <v>1037</v>
      </c>
    </row>
    <row r="12" spans="2:299" ht="21" customHeight="1" x14ac:dyDescent="0.2">
      <c r="B12" s="126" t="s">
        <v>8</v>
      </c>
      <c r="C12" s="315">
        <v>51</v>
      </c>
      <c r="D12" s="82">
        <v>32</v>
      </c>
      <c r="E12" s="83">
        <v>83</v>
      </c>
      <c r="F12" s="241"/>
      <c r="G12" s="82">
        <v>114</v>
      </c>
      <c r="H12" s="82">
        <v>81</v>
      </c>
      <c r="I12" s="82">
        <v>49</v>
      </c>
      <c r="J12" s="82">
        <v>53</v>
      </c>
      <c r="K12" s="82">
        <v>25</v>
      </c>
      <c r="L12" s="84">
        <v>322</v>
      </c>
      <c r="M12" s="85">
        <v>405</v>
      </c>
      <c r="N12" s="70">
        <v>4</v>
      </c>
      <c r="O12" s="71">
        <v>1</v>
      </c>
      <c r="P12" s="72">
        <v>5</v>
      </c>
      <c r="Q12" s="244"/>
      <c r="R12" s="71">
        <v>5</v>
      </c>
      <c r="S12" s="71">
        <v>3</v>
      </c>
      <c r="T12" s="71">
        <v>1</v>
      </c>
      <c r="U12" s="71">
        <v>3</v>
      </c>
      <c r="V12" s="71">
        <v>4</v>
      </c>
      <c r="W12" s="72">
        <v>16</v>
      </c>
      <c r="X12" s="73">
        <v>21</v>
      </c>
      <c r="Y12" s="70">
        <v>5</v>
      </c>
      <c r="Z12" s="71">
        <v>4</v>
      </c>
      <c r="AA12" s="72">
        <v>9</v>
      </c>
      <c r="AB12" s="244"/>
      <c r="AC12" s="71">
        <v>9</v>
      </c>
      <c r="AD12" s="71">
        <v>12</v>
      </c>
      <c r="AE12" s="71">
        <v>8</v>
      </c>
      <c r="AF12" s="71">
        <v>4</v>
      </c>
      <c r="AG12" s="71">
        <v>1</v>
      </c>
      <c r="AH12" s="72">
        <v>34</v>
      </c>
      <c r="AI12" s="73">
        <v>43</v>
      </c>
      <c r="AJ12" s="70">
        <v>7</v>
      </c>
      <c r="AK12" s="71">
        <v>6</v>
      </c>
      <c r="AL12" s="72">
        <v>13</v>
      </c>
      <c r="AM12" s="244"/>
      <c r="AN12" s="71">
        <v>14</v>
      </c>
      <c r="AO12" s="71">
        <v>9</v>
      </c>
      <c r="AP12" s="71">
        <v>6</v>
      </c>
      <c r="AQ12" s="71">
        <v>7</v>
      </c>
      <c r="AR12" s="71">
        <v>5</v>
      </c>
      <c r="AS12" s="72">
        <v>41</v>
      </c>
      <c r="AT12" s="73">
        <v>54</v>
      </c>
      <c r="AU12" s="70">
        <v>9</v>
      </c>
      <c r="AV12" s="71">
        <v>4</v>
      </c>
      <c r="AW12" s="72">
        <v>13</v>
      </c>
      <c r="AX12" s="244"/>
      <c r="AY12" s="71">
        <v>21</v>
      </c>
      <c r="AZ12" s="71">
        <v>16</v>
      </c>
      <c r="BA12" s="71">
        <v>7</v>
      </c>
      <c r="BB12" s="71">
        <v>12</v>
      </c>
      <c r="BC12" s="71">
        <v>2</v>
      </c>
      <c r="BD12" s="72">
        <v>58</v>
      </c>
      <c r="BE12" s="73">
        <v>71</v>
      </c>
      <c r="BF12" s="70">
        <v>14</v>
      </c>
      <c r="BG12" s="71">
        <v>5</v>
      </c>
      <c r="BH12" s="72">
        <v>19</v>
      </c>
      <c r="BI12" s="244"/>
      <c r="BJ12" s="71">
        <v>36</v>
      </c>
      <c r="BK12" s="71">
        <v>22</v>
      </c>
      <c r="BL12" s="71">
        <v>13</v>
      </c>
      <c r="BM12" s="71">
        <v>10</v>
      </c>
      <c r="BN12" s="71">
        <v>4</v>
      </c>
      <c r="BO12" s="72">
        <v>85</v>
      </c>
      <c r="BP12" s="73">
        <v>104</v>
      </c>
      <c r="BQ12" s="70">
        <v>12</v>
      </c>
      <c r="BR12" s="71">
        <v>12</v>
      </c>
      <c r="BS12" s="72">
        <v>24</v>
      </c>
      <c r="BT12" s="244"/>
      <c r="BU12" s="71">
        <v>29</v>
      </c>
      <c r="BV12" s="71">
        <v>19</v>
      </c>
      <c r="BW12" s="71">
        <v>14</v>
      </c>
      <c r="BX12" s="71">
        <v>17</v>
      </c>
      <c r="BY12" s="71">
        <v>9</v>
      </c>
      <c r="BZ12" s="72">
        <v>88</v>
      </c>
      <c r="CA12" s="73">
        <v>112</v>
      </c>
      <c r="CB12" s="70">
        <v>0</v>
      </c>
      <c r="CC12" s="71">
        <v>0</v>
      </c>
      <c r="CD12" s="72">
        <v>0</v>
      </c>
      <c r="CE12" s="244"/>
      <c r="CF12" s="71">
        <v>0</v>
      </c>
      <c r="CG12" s="71">
        <v>0</v>
      </c>
      <c r="CH12" s="71">
        <v>0</v>
      </c>
      <c r="CI12" s="71">
        <v>0</v>
      </c>
      <c r="CJ12" s="71">
        <v>0</v>
      </c>
      <c r="CK12" s="72">
        <v>0</v>
      </c>
      <c r="CL12" s="73">
        <v>0</v>
      </c>
      <c r="CM12" s="70">
        <v>51</v>
      </c>
      <c r="CN12" s="71">
        <v>32</v>
      </c>
      <c r="CO12" s="72">
        <v>83</v>
      </c>
      <c r="CP12" s="244"/>
      <c r="CQ12" s="71">
        <v>114</v>
      </c>
      <c r="CR12" s="71">
        <v>81</v>
      </c>
      <c r="CS12" s="71">
        <v>49</v>
      </c>
      <c r="CT12" s="71">
        <v>53</v>
      </c>
      <c r="CU12" s="71">
        <v>25</v>
      </c>
      <c r="CV12" s="72">
        <v>322</v>
      </c>
      <c r="CW12" s="73">
        <v>405</v>
      </c>
      <c r="CX12" s="123">
        <v>22</v>
      </c>
      <c r="CY12" s="82">
        <v>32</v>
      </c>
      <c r="CZ12" s="83">
        <v>54</v>
      </c>
      <c r="DA12" s="241"/>
      <c r="DB12" s="82">
        <v>45</v>
      </c>
      <c r="DC12" s="82">
        <v>31</v>
      </c>
      <c r="DD12" s="82">
        <v>21</v>
      </c>
      <c r="DE12" s="82">
        <v>22</v>
      </c>
      <c r="DF12" s="82">
        <v>11</v>
      </c>
      <c r="DG12" s="84">
        <v>130</v>
      </c>
      <c r="DH12" s="85">
        <v>184</v>
      </c>
      <c r="DI12" s="70">
        <v>1</v>
      </c>
      <c r="DJ12" s="71">
        <v>1</v>
      </c>
      <c r="DK12" s="72">
        <v>2</v>
      </c>
      <c r="DL12" s="244"/>
      <c r="DM12" s="71">
        <v>0</v>
      </c>
      <c r="DN12" s="71">
        <v>0</v>
      </c>
      <c r="DO12" s="71">
        <v>1</v>
      </c>
      <c r="DP12" s="71">
        <v>2</v>
      </c>
      <c r="DQ12" s="71">
        <v>0</v>
      </c>
      <c r="DR12" s="72">
        <v>3</v>
      </c>
      <c r="DS12" s="73">
        <v>5</v>
      </c>
      <c r="DT12" s="70">
        <v>4</v>
      </c>
      <c r="DU12" s="71">
        <v>2</v>
      </c>
      <c r="DV12" s="72">
        <v>6</v>
      </c>
      <c r="DW12" s="244"/>
      <c r="DX12" s="71">
        <v>4</v>
      </c>
      <c r="DY12" s="71">
        <v>0</v>
      </c>
      <c r="DZ12" s="71">
        <v>2</v>
      </c>
      <c r="EA12" s="71">
        <v>1</v>
      </c>
      <c r="EB12" s="71">
        <v>1</v>
      </c>
      <c r="EC12" s="72">
        <v>8</v>
      </c>
      <c r="ED12" s="73">
        <v>14</v>
      </c>
      <c r="EE12" s="70">
        <v>3</v>
      </c>
      <c r="EF12" s="71">
        <v>6</v>
      </c>
      <c r="EG12" s="72">
        <v>9</v>
      </c>
      <c r="EH12" s="244"/>
      <c r="EI12" s="71">
        <v>5</v>
      </c>
      <c r="EJ12" s="71">
        <v>2</v>
      </c>
      <c r="EK12" s="71">
        <v>2</v>
      </c>
      <c r="EL12" s="71">
        <v>1</v>
      </c>
      <c r="EM12" s="71">
        <v>1</v>
      </c>
      <c r="EN12" s="72">
        <v>11</v>
      </c>
      <c r="EO12" s="73">
        <v>20</v>
      </c>
      <c r="EP12" s="70">
        <v>6</v>
      </c>
      <c r="EQ12" s="71">
        <v>11</v>
      </c>
      <c r="ER12" s="72">
        <v>17</v>
      </c>
      <c r="ES12" s="244"/>
      <c r="ET12" s="71">
        <v>7</v>
      </c>
      <c r="EU12" s="71">
        <v>6</v>
      </c>
      <c r="EV12" s="71">
        <v>1</v>
      </c>
      <c r="EW12" s="71">
        <v>5</v>
      </c>
      <c r="EX12" s="71">
        <v>0</v>
      </c>
      <c r="EY12" s="72">
        <v>19</v>
      </c>
      <c r="EZ12" s="73">
        <v>36</v>
      </c>
      <c r="FA12" s="70">
        <v>6</v>
      </c>
      <c r="FB12" s="71">
        <v>4</v>
      </c>
      <c r="FC12" s="72">
        <v>10</v>
      </c>
      <c r="FD12" s="244"/>
      <c r="FE12" s="71">
        <v>15</v>
      </c>
      <c r="FF12" s="71">
        <v>9</v>
      </c>
      <c r="FG12" s="71">
        <v>8</v>
      </c>
      <c r="FH12" s="71">
        <v>2</v>
      </c>
      <c r="FI12" s="71">
        <v>3</v>
      </c>
      <c r="FJ12" s="72">
        <v>37</v>
      </c>
      <c r="FK12" s="73">
        <v>47</v>
      </c>
      <c r="FL12" s="70">
        <v>2</v>
      </c>
      <c r="FM12" s="71">
        <v>8</v>
      </c>
      <c r="FN12" s="72">
        <v>10</v>
      </c>
      <c r="FO12" s="244"/>
      <c r="FP12" s="71">
        <v>14</v>
      </c>
      <c r="FQ12" s="71">
        <v>14</v>
      </c>
      <c r="FR12" s="71">
        <v>7</v>
      </c>
      <c r="FS12" s="71">
        <v>11</v>
      </c>
      <c r="FT12" s="71">
        <v>6</v>
      </c>
      <c r="FU12" s="72">
        <v>52</v>
      </c>
      <c r="FV12" s="73">
        <v>62</v>
      </c>
      <c r="FW12" s="70">
        <v>0</v>
      </c>
      <c r="FX12" s="71">
        <v>0</v>
      </c>
      <c r="FY12" s="72">
        <v>0</v>
      </c>
      <c r="FZ12" s="244"/>
      <c r="GA12" s="71">
        <v>0</v>
      </c>
      <c r="GB12" s="71">
        <v>0</v>
      </c>
      <c r="GC12" s="71">
        <v>0</v>
      </c>
      <c r="GD12" s="71">
        <v>0</v>
      </c>
      <c r="GE12" s="71">
        <v>0</v>
      </c>
      <c r="GF12" s="72">
        <v>0</v>
      </c>
      <c r="GG12" s="73">
        <v>0</v>
      </c>
      <c r="GH12" s="70">
        <v>22</v>
      </c>
      <c r="GI12" s="71">
        <v>32</v>
      </c>
      <c r="GJ12" s="72">
        <v>54</v>
      </c>
      <c r="GK12" s="244"/>
      <c r="GL12" s="71">
        <v>45</v>
      </c>
      <c r="GM12" s="71">
        <v>31</v>
      </c>
      <c r="GN12" s="71">
        <v>21</v>
      </c>
      <c r="GO12" s="71">
        <v>22</v>
      </c>
      <c r="GP12" s="71">
        <v>11</v>
      </c>
      <c r="GQ12" s="72">
        <v>130</v>
      </c>
      <c r="GR12" s="73">
        <v>184</v>
      </c>
      <c r="GS12" s="123">
        <v>73</v>
      </c>
      <c r="GT12" s="82">
        <v>64</v>
      </c>
      <c r="GU12" s="83">
        <v>137</v>
      </c>
      <c r="GV12" s="241"/>
      <c r="GW12" s="82">
        <v>159</v>
      </c>
      <c r="GX12" s="82">
        <v>112</v>
      </c>
      <c r="GY12" s="82">
        <v>70</v>
      </c>
      <c r="GZ12" s="82">
        <v>75</v>
      </c>
      <c r="HA12" s="82">
        <v>36</v>
      </c>
      <c r="HB12" s="84">
        <v>452</v>
      </c>
      <c r="HC12" s="85">
        <v>589</v>
      </c>
      <c r="HD12" s="70">
        <v>5</v>
      </c>
      <c r="HE12" s="71">
        <v>2</v>
      </c>
      <c r="HF12" s="72">
        <v>7</v>
      </c>
      <c r="HG12" s="244"/>
      <c r="HH12" s="71">
        <v>5</v>
      </c>
      <c r="HI12" s="71">
        <v>3</v>
      </c>
      <c r="HJ12" s="71">
        <v>2</v>
      </c>
      <c r="HK12" s="71">
        <v>5</v>
      </c>
      <c r="HL12" s="71">
        <v>4</v>
      </c>
      <c r="HM12" s="72">
        <v>19</v>
      </c>
      <c r="HN12" s="73">
        <v>26</v>
      </c>
      <c r="HO12" s="70">
        <v>9</v>
      </c>
      <c r="HP12" s="71">
        <v>6</v>
      </c>
      <c r="HQ12" s="72">
        <v>15</v>
      </c>
      <c r="HR12" s="244"/>
      <c r="HS12" s="71">
        <v>13</v>
      </c>
      <c r="HT12" s="71">
        <v>12</v>
      </c>
      <c r="HU12" s="71">
        <v>10</v>
      </c>
      <c r="HV12" s="71">
        <v>5</v>
      </c>
      <c r="HW12" s="71">
        <v>2</v>
      </c>
      <c r="HX12" s="72">
        <v>42</v>
      </c>
      <c r="HY12" s="73">
        <v>57</v>
      </c>
      <c r="HZ12" s="70">
        <v>10</v>
      </c>
      <c r="IA12" s="71">
        <v>12</v>
      </c>
      <c r="IB12" s="72">
        <v>22</v>
      </c>
      <c r="IC12" s="244"/>
      <c r="ID12" s="71">
        <v>19</v>
      </c>
      <c r="IE12" s="71">
        <v>11</v>
      </c>
      <c r="IF12" s="71">
        <v>8</v>
      </c>
      <c r="IG12" s="71">
        <v>8</v>
      </c>
      <c r="IH12" s="71">
        <v>6</v>
      </c>
      <c r="II12" s="72">
        <v>52</v>
      </c>
      <c r="IJ12" s="73">
        <v>74</v>
      </c>
      <c r="IK12" s="70">
        <v>15</v>
      </c>
      <c r="IL12" s="71">
        <v>15</v>
      </c>
      <c r="IM12" s="72">
        <v>30</v>
      </c>
      <c r="IN12" s="244"/>
      <c r="IO12" s="71">
        <v>28</v>
      </c>
      <c r="IP12" s="71">
        <v>22</v>
      </c>
      <c r="IQ12" s="71">
        <v>8</v>
      </c>
      <c r="IR12" s="71">
        <v>17</v>
      </c>
      <c r="IS12" s="71">
        <v>2</v>
      </c>
      <c r="IT12" s="72">
        <v>77</v>
      </c>
      <c r="IU12" s="73">
        <v>107</v>
      </c>
      <c r="IV12" s="70">
        <v>20</v>
      </c>
      <c r="IW12" s="71">
        <v>9</v>
      </c>
      <c r="IX12" s="72">
        <v>29</v>
      </c>
      <c r="IY12" s="244"/>
      <c r="IZ12" s="71">
        <v>51</v>
      </c>
      <c r="JA12" s="71">
        <v>31</v>
      </c>
      <c r="JB12" s="71">
        <v>21</v>
      </c>
      <c r="JC12" s="71">
        <v>12</v>
      </c>
      <c r="JD12" s="71">
        <v>7</v>
      </c>
      <c r="JE12" s="72">
        <v>122</v>
      </c>
      <c r="JF12" s="73">
        <v>151</v>
      </c>
      <c r="JG12" s="70">
        <v>14</v>
      </c>
      <c r="JH12" s="71">
        <v>20</v>
      </c>
      <c r="JI12" s="72">
        <v>34</v>
      </c>
      <c r="JJ12" s="244"/>
      <c r="JK12" s="71">
        <v>43</v>
      </c>
      <c r="JL12" s="71">
        <v>33</v>
      </c>
      <c r="JM12" s="71">
        <v>21</v>
      </c>
      <c r="JN12" s="71">
        <v>28</v>
      </c>
      <c r="JO12" s="71">
        <v>15</v>
      </c>
      <c r="JP12" s="72">
        <v>140</v>
      </c>
      <c r="JQ12" s="73">
        <v>174</v>
      </c>
      <c r="JR12" s="70">
        <v>0</v>
      </c>
      <c r="JS12" s="71">
        <v>0</v>
      </c>
      <c r="JT12" s="72">
        <v>0</v>
      </c>
      <c r="JU12" s="244"/>
      <c r="JV12" s="71">
        <v>0</v>
      </c>
      <c r="JW12" s="71">
        <v>0</v>
      </c>
      <c r="JX12" s="71">
        <v>0</v>
      </c>
      <c r="JY12" s="71">
        <v>0</v>
      </c>
      <c r="JZ12" s="71">
        <v>0</v>
      </c>
      <c r="KA12" s="72">
        <v>0</v>
      </c>
      <c r="KB12" s="73">
        <v>0</v>
      </c>
      <c r="KC12" s="70">
        <v>73</v>
      </c>
      <c r="KD12" s="71">
        <v>64</v>
      </c>
      <c r="KE12" s="72">
        <v>137</v>
      </c>
      <c r="KF12" s="244"/>
      <c r="KG12" s="71">
        <v>159</v>
      </c>
      <c r="KH12" s="71">
        <v>112</v>
      </c>
      <c r="KI12" s="71">
        <v>70</v>
      </c>
      <c r="KJ12" s="71">
        <v>75</v>
      </c>
      <c r="KK12" s="71">
        <v>36</v>
      </c>
      <c r="KL12" s="72">
        <v>452</v>
      </c>
      <c r="KM12" s="73">
        <v>589</v>
      </c>
    </row>
    <row r="13" spans="2:299" ht="21" customHeight="1" x14ac:dyDescent="0.2">
      <c r="B13" s="126" t="s">
        <v>9</v>
      </c>
      <c r="C13" s="315">
        <v>189</v>
      </c>
      <c r="D13" s="82">
        <v>111</v>
      </c>
      <c r="E13" s="83">
        <v>300</v>
      </c>
      <c r="F13" s="241"/>
      <c r="G13" s="82">
        <v>210</v>
      </c>
      <c r="H13" s="82">
        <v>142</v>
      </c>
      <c r="I13" s="82">
        <v>87</v>
      </c>
      <c r="J13" s="82">
        <v>83</v>
      </c>
      <c r="K13" s="82">
        <v>57</v>
      </c>
      <c r="L13" s="84">
        <v>579</v>
      </c>
      <c r="M13" s="85">
        <v>879</v>
      </c>
      <c r="N13" s="70">
        <v>4</v>
      </c>
      <c r="O13" s="71">
        <v>3</v>
      </c>
      <c r="P13" s="72">
        <v>7</v>
      </c>
      <c r="Q13" s="244"/>
      <c r="R13" s="71">
        <v>2</v>
      </c>
      <c r="S13" s="71">
        <v>3</v>
      </c>
      <c r="T13" s="71">
        <v>1</v>
      </c>
      <c r="U13" s="71">
        <v>2</v>
      </c>
      <c r="V13" s="71">
        <v>5</v>
      </c>
      <c r="W13" s="72">
        <v>13</v>
      </c>
      <c r="X13" s="73">
        <v>20</v>
      </c>
      <c r="Y13" s="70">
        <v>9</v>
      </c>
      <c r="Z13" s="71">
        <v>7</v>
      </c>
      <c r="AA13" s="72">
        <v>16</v>
      </c>
      <c r="AB13" s="244"/>
      <c r="AC13" s="71">
        <v>2</v>
      </c>
      <c r="AD13" s="71">
        <v>7</v>
      </c>
      <c r="AE13" s="71">
        <v>1</v>
      </c>
      <c r="AF13" s="71">
        <v>2</v>
      </c>
      <c r="AG13" s="71">
        <v>4</v>
      </c>
      <c r="AH13" s="72">
        <v>16</v>
      </c>
      <c r="AI13" s="73">
        <v>32</v>
      </c>
      <c r="AJ13" s="70">
        <v>19</v>
      </c>
      <c r="AK13" s="71">
        <v>11</v>
      </c>
      <c r="AL13" s="72">
        <v>30</v>
      </c>
      <c r="AM13" s="244"/>
      <c r="AN13" s="71">
        <v>17</v>
      </c>
      <c r="AO13" s="71">
        <v>18</v>
      </c>
      <c r="AP13" s="71">
        <v>8</v>
      </c>
      <c r="AQ13" s="71">
        <v>8</v>
      </c>
      <c r="AR13" s="71">
        <v>3</v>
      </c>
      <c r="AS13" s="72">
        <v>54</v>
      </c>
      <c r="AT13" s="73">
        <v>84</v>
      </c>
      <c r="AU13" s="70">
        <v>41</v>
      </c>
      <c r="AV13" s="71">
        <v>12</v>
      </c>
      <c r="AW13" s="72">
        <v>53</v>
      </c>
      <c r="AX13" s="244"/>
      <c r="AY13" s="71">
        <v>55</v>
      </c>
      <c r="AZ13" s="71">
        <v>21</v>
      </c>
      <c r="BA13" s="71">
        <v>17</v>
      </c>
      <c r="BB13" s="71">
        <v>9</v>
      </c>
      <c r="BC13" s="71">
        <v>14</v>
      </c>
      <c r="BD13" s="72">
        <v>116</v>
      </c>
      <c r="BE13" s="73">
        <v>169</v>
      </c>
      <c r="BF13" s="70">
        <v>65</v>
      </c>
      <c r="BG13" s="71">
        <v>48</v>
      </c>
      <c r="BH13" s="72">
        <v>113</v>
      </c>
      <c r="BI13" s="244"/>
      <c r="BJ13" s="71">
        <v>67</v>
      </c>
      <c r="BK13" s="71">
        <v>51</v>
      </c>
      <c r="BL13" s="71">
        <v>26</v>
      </c>
      <c r="BM13" s="71">
        <v>32</v>
      </c>
      <c r="BN13" s="71">
        <v>14</v>
      </c>
      <c r="BO13" s="72">
        <v>190</v>
      </c>
      <c r="BP13" s="73">
        <v>303</v>
      </c>
      <c r="BQ13" s="70">
        <v>51</v>
      </c>
      <c r="BR13" s="71">
        <v>30</v>
      </c>
      <c r="BS13" s="72">
        <v>81</v>
      </c>
      <c r="BT13" s="244"/>
      <c r="BU13" s="71">
        <v>67</v>
      </c>
      <c r="BV13" s="71">
        <v>42</v>
      </c>
      <c r="BW13" s="71">
        <v>34</v>
      </c>
      <c r="BX13" s="71">
        <v>30</v>
      </c>
      <c r="BY13" s="71">
        <v>17</v>
      </c>
      <c r="BZ13" s="72">
        <v>190</v>
      </c>
      <c r="CA13" s="73">
        <v>271</v>
      </c>
      <c r="CB13" s="70">
        <v>0</v>
      </c>
      <c r="CC13" s="71">
        <v>0</v>
      </c>
      <c r="CD13" s="72">
        <v>0</v>
      </c>
      <c r="CE13" s="244"/>
      <c r="CF13" s="71">
        <v>0</v>
      </c>
      <c r="CG13" s="71">
        <v>0</v>
      </c>
      <c r="CH13" s="71">
        <v>0</v>
      </c>
      <c r="CI13" s="71">
        <v>0</v>
      </c>
      <c r="CJ13" s="71">
        <v>0</v>
      </c>
      <c r="CK13" s="72">
        <v>0</v>
      </c>
      <c r="CL13" s="73">
        <v>0</v>
      </c>
      <c r="CM13" s="70">
        <v>189</v>
      </c>
      <c r="CN13" s="71">
        <v>111</v>
      </c>
      <c r="CO13" s="72">
        <v>300</v>
      </c>
      <c r="CP13" s="244"/>
      <c r="CQ13" s="71">
        <v>210</v>
      </c>
      <c r="CR13" s="71">
        <v>142</v>
      </c>
      <c r="CS13" s="71">
        <v>87</v>
      </c>
      <c r="CT13" s="71">
        <v>83</v>
      </c>
      <c r="CU13" s="71">
        <v>57</v>
      </c>
      <c r="CV13" s="72">
        <v>579</v>
      </c>
      <c r="CW13" s="73">
        <v>879</v>
      </c>
      <c r="CX13" s="123">
        <v>71</v>
      </c>
      <c r="CY13" s="82">
        <v>38</v>
      </c>
      <c r="CZ13" s="83">
        <v>109</v>
      </c>
      <c r="DA13" s="241"/>
      <c r="DB13" s="82">
        <v>69</v>
      </c>
      <c r="DC13" s="82">
        <v>41</v>
      </c>
      <c r="DD13" s="82">
        <v>49</v>
      </c>
      <c r="DE13" s="82">
        <v>46</v>
      </c>
      <c r="DF13" s="82">
        <v>29</v>
      </c>
      <c r="DG13" s="84">
        <v>234</v>
      </c>
      <c r="DH13" s="85">
        <v>343</v>
      </c>
      <c r="DI13" s="70">
        <v>0</v>
      </c>
      <c r="DJ13" s="71">
        <v>0</v>
      </c>
      <c r="DK13" s="72">
        <v>0</v>
      </c>
      <c r="DL13" s="244"/>
      <c r="DM13" s="71">
        <v>0</v>
      </c>
      <c r="DN13" s="71">
        <v>0</v>
      </c>
      <c r="DO13" s="71">
        <v>1</v>
      </c>
      <c r="DP13" s="71">
        <v>0</v>
      </c>
      <c r="DQ13" s="71">
        <v>0</v>
      </c>
      <c r="DR13" s="72">
        <v>1</v>
      </c>
      <c r="DS13" s="73">
        <v>1</v>
      </c>
      <c r="DT13" s="70">
        <v>8</v>
      </c>
      <c r="DU13" s="71">
        <v>3</v>
      </c>
      <c r="DV13" s="72">
        <v>11</v>
      </c>
      <c r="DW13" s="244"/>
      <c r="DX13" s="71">
        <v>5</v>
      </c>
      <c r="DY13" s="71">
        <v>1</v>
      </c>
      <c r="DZ13" s="71">
        <v>2</v>
      </c>
      <c r="EA13" s="71">
        <v>1</v>
      </c>
      <c r="EB13" s="71">
        <v>0</v>
      </c>
      <c r="EC13" s="72">
        <v>9</v>
      </c>
      <c r="ED13" s="73">
        <v>20</v>
      </c>
      <c r="EE13" s="70">
        <v>9</v>
      </c>
      <c r="EF13" s="71">
        <v>7</v>
      </c>
      <c r="EG13" s="72">
        <v>16</v>
      </c>
      <c r="EH13" s="244"/>
      <c r="EI13" s="71">
        <v>10</v>
      </c>
      <c r="EJ13" s="71">
        <v>6</v>
      </c>
      <c r="EK13" s="71">
        <v>2</v>
      </c>
      <c r="EL13" s="71">
        <v>4</v>
      </c>
      <c r="EM13" s="71">
        <v>1</v>
      </c>
      <c r="EN13" s="72">
        <v>23</v>
      </c>
      <c r="EO13" s="73">
        <v>39</v>
      </c>
      <c r="EP13" s="70">
        <v>22</v>
      </c>
      <c r="EQ13" s="71">
        <v>6</v>
      </c>
      <c r="ER13" s="72">
        <v>28</v>
      </c>
      <c r="ES13" s="244"/>
      <c r="ET13" s="71">
        <v>12</v>
      </c>
      <c r="EU13" s="71">
        <v>6</v>
      </c>
      <c r="EV13" s="71">
        <v>9</v>
      </c>
      <c r="EW13" s="71">
        <v>7</v>
      </c>
      <c r="EX13" s="71">
        <v>3</v>
      </c>
      <c r="EY13" s="72">
        <v>37</v>
      </c>
      <c r="EZ13" s="73">
        <v>65</v>
      </c>
      <c r="FA13" s="70">
        <v>23</v>
      </c>
      <c r="FB13" s="71">
        <v>9</v>
      </c>
      <c r="FC13" s="72">
        <v>32</v>
      </c>
      <c r="FD13" s="244"/>
      <c r="FE13" s="71">
        <v>12</v>
      </c>
      <c r="FF13" s="71">
        <v>12</v>
      </c>
      <c r="FG13" s="71">
        <v>14</v>
      </c>
      <c r="FH13" s="71">
        <v>10</v>
      </c>
      <c r="FI13" s="71">
        <v>5</v>
      </c>
      <c r="FJ13" s="72">
        <v>53</v>
      </c>
      <c r="FK13" s="73">
        <v>85</v>
      </c>
      <c r="FL13" s="70">
        <v>9</v>
      </c>
      <c r="FM13" s="71">
        <v>13</v>
      </c>
      <c r="FN13" s="72">
        <v>22</v>
      </c>
      <c r="FO13" s="244"/>
      <c r="FP13" s="71">
        <v>30</v>
      </c>
      <c r="FQ13" s="71">
        <v>16</v>
      </c>
      <c r="FR13" s="71">
        <v>21</v>
      </c>
      <c r="FS13" s="71">
        <v>24</v>
      </c>
      <c r="FT13" s="71">
        <v>20</v>
      </c>
      <c r="FU13" s="72">
        <v>111</v>
      </c>
      <c r="FV13" s="73">
        <v>133</v>
      </c>
      <c r="FW13" s="70">
        <v>0</v>
      </c>
      <c r="FX13" s="71">
        <v>0</v>
      </c>
      <c r="FY13" s="72">
        <v>0</v>
      </c>
      <c r="FZ13" s="244"/>
      <c r="GA13" s="71">
        <v>0</v>
      </c>
      <c r="GB13" s="71">
        <v>0</v>
      </c>
      <c r="GC13" s="71">
        <v>0</v>
      </c>
      <c r="GD13" s="71">
        <v>0</v>
      </c>
      <c r="GE13" s="71">
        <v>0</v>
      </c>
      <c r="GF13" s="72">
        <v>0</v>
      </c>
      <c r="GG13" s="73">
        <v>0</v>
      </c>
      <c r="GH13" s="70">
        <v>71</v>
      </c>
      <c r="GI13" s="71">
        <v>38</v>
      </c>
      <c r="GJ13" s="72">
        <v>109</v>
      </c>
      <c r="GK13" s="244"/>
      <c r="GL13" s="71">
        <v>69</v>
      </c>
      <c r="GM13" s="71">
        <v>41</v>
      </c>
      <c r="GN13" s="71">
        <v>49</v>
      </c>
      <c r="GO13" s="71">
        <v>46</v>
      </c>
      <c r="GP13" s="71">
        <v>29</v>
      </c>
      <c r="GQ13" s="72">
        <v>234</v>
      </c>
      <c r="GR13" s="73">
        <v>343</v>
      </c>
      <c r="GS13" s="123">
        <v>260</v>
      </c>
      <c r="GT13" s="82">
        <v>149</v>
      </c>
      <c r="GU13" s="83">
        <v>409</v>
      </c>
      <c r="GV13" s="241"/>
      <c r="GW13" s="82">
        <v>279</v>
      </c>
      <c r="GX13" s="82">
        <v>183</v>
      </c>
      <c r="GY13" s="82">
        <v>136</v>
      </c>
      <c r="GZ13" s="82">
        <v>129</v>
      </c>
      <c r="HA13" s="82">
        <v>86</v>
      </c>
      <c r="HB13" s="84">
        <v>813</v>
      </c>
      <c r="HC13" s="85">
        <v>1222</v>
      </c>
      <c r="HD13" s="70">
        <v>4</v>
      </c>
      <c r="HE13" s="71">
        <v>3</v>
      </c>
      <c r="HF13" s="72">
        <v>7</v>
      </c>
      <c r="HG13" s="244"/>
      <c r="HH13" s="71">
        <v>2</v>
      </c>
      <c r="HI13" s="71">
        <v>3</v>
      </c>
      <c r="HJ13" s="71">
        <v>2</v>
      </c>
      <c r="HK13" s="71">
        <v>2</v>
      </c>
      <c r="HL13" s="71">
        <v>5</v>
      </c>
      <c r="HM13" s="72">
        <v>14</v>
      </c>
      <c r="HN13" s="73">
        <v>21</v>
      </c>
      <c r="HO13" s="70">
        <v>17</v>
      </c>
      <c r="HP13" s="71">
        <v>10</v>
      </c>
      <c r="HQ13" s="72">
        <v>27</v>
      </c>
      <c r="HR13" s="244"/>
      <c r="HS13" s="71">
        <v>7</v>
      </c>
      <c r="HT13" s="71">
        <v>8</v>
      </c>
      <c r="HU13" s="71">
        <v>3</v>
      </c>
      <c r="HV13" s="71">
        <v>3</v>
      </c>
      <c r="HW13" s="71">
        <v>4</v>
      </c>
      <c r="HX13" s="72">
        <v>25</v>
      </c>
      <c r="HY13" s="73">
        <v>52</v>
      </c>
      <c r="HZ13" s="70">
        <v>28</v>
      </c>
      <c r="IA13" s="71">
        <v>18</v>
      </c>
      <c r="IB13" s="72">
        <v>46</v>
      </c>
      <c r="IC13" s="244"/>
      <c r="ID13" s="71">
        <v>27</v>
      </c>
      <c r="IE13" s="71">
        <v>24</v>
      </c>
      <c r="IF13" s="71">
        <v>10</v>
      </c>
      <c r="IG13" s="71">
        <v>12</v>
      </c>
      <c r="IH13" s="71">
        <v>4</v>
      </c>
      <c r="II13" s="72">
        <v>77</v>
      </c>
      <c r="IJ13" s="73">
        <v>123</v>
      </c>
      <c r="IK13" s="70">
        <v>63</v>
      </c>
      <c r="IL13" s="71">
        <v>18</v>
      </c>
      <c r="IM13" s="72">
        <v>81</v>
      </c>
      <c r="IN13" s="244"/>
      <c r="IO13" s="71">
        <v>67</v>
      </c>
      <c r="IP13" s="71">
        <v>27</v>
      </c>
      <c r="IQ13" s="71">
        <v>26</v>
      </c>
      <c r="IR13" s="71">
        <v>16</v>
      </c>
      <c r="IS13" s="71">
        <v>17</v>
      </c>
      <c r="IT13" s="72">
        <v>153</v>
      </c>
      <c r="IU13" s="73">
        <v>234</v>
      </c>
      <c r="IV13" s="70">
        <v>88</v>
      </c>
      <c r="IW13" s="71">
        <v>57</v>
      </c>
      <c r="IX13" s="72">
        <v>145</v>
      </c>
      <c r="IY13" s="244"/>
      <c r="IZ13" s="71">
        <v>79</v>
      </c>
      <c r="JA13" s="71">
        <v>63</v>
      </c>
      <c r="JB13" s="71">
        <v>40</v>
      </c>
      <c r="JC13" s="71">
        <v>42</v>
      </c>
      <c r="JD13" s="71">
        <v>19</v>
      </c>
      <c r="JE13" s="72">
        <v>243</v>
      </c>
      <c r="JF13" s="73">
        <v>388</v>
      </c>
      <c r="JG13" s="70">
        <v>60</v>
      </c>
      <c r="JH13" s="71">
        <v>43</v>
      </c>
      <c r="JI13" s="72">
        <v>103</v>
      </c>
      <c r="JJ13" s="244"/>
      <c r="JK13" s="71">
        <v>97</v>
      </c>
      <c r="JL13" s="71">
        <v>58</v>
      </c>
      <c r="JM13" s="71">
        <v>55</v>
      </c>
      <c r="JN13" s="71">
        <v>54</v>
      </c>
      <c r="JO13" s="71">
        <v>37</v>
      </c>
      <c r="JP13" s="72">
        <v>301</v>
      </c>
      <c r="JQ13" s="73">
        <v>404</v>
      </c>
      <c r="JR13" s="70">
        <v>0</v>
      </c>
      <c r="JS13" s="71">
        <v>0</v>
      </c>
      <c r="JT13" s="72">
        <v>0</v>
      </c>
      <c r="JU13" s="244"/>
      <c r="JV13" s="71">
        <v>0</v>
      </c>
      <c r="JW13" s="71">
        <v>0</v>
      </c>
      <c r="JX13" s="71">
        <v>0</v>
      </c>
      <c r="JY13" s="71">
        <v>0</v>
      </c>
      <c r="JZ13" s="71">
        <v>0</v>
      </c>
      <c r="KA13" s="72">
        <v>0</v>
      </c>
      <c r="KB13" s="73">
        <v>0</v>
      </c>
      <c r="KC13" s="70">
        <v>260</v>
      </c>
      <c r="KD13" s="71">
        <v>149</v>
      </c>
      <c r="KE13" s="72">
        <v>409</v>
      </c>
      <c r="KF13" s="244"/>
      <c r="KG13" s="71">
        <v>279</v>
      </c>
      <c r="KH13" s="71">
        <v>183</v>
      </c>
      <c r="KI13" s="71">
        <v>136</v>
      </c>
      <c r="KJ13" s="71">
        <v>129</v>
      </c>
      <c r="KK13" s="71">
        <v>86</v>
      </c>
      <c r="KL13" s="72">
        <v>813</v>
      </c>
      <c r="KM13" s="73">
        <v>1222</v>
      </c>
    </row>
    <row r="14" spans="2:299" ht="21" customHeight="1" x14ac:dyDescent="0.2">
      <c r="B14" s="126" t="s">
        <v>10</v>
      </c>
      <c r="C14" s="315">
        <v>288</v>
      </c>
      <c r="D14" s="82">
        <v>188</v>
      </c>
      <c r="E14" s="83">
        <v>476</v>
      </c>
      <c r="F14" s="241"/>
      <c r="G14" s="82">
        <v>256</v>
      </c>
      <c r="H14" s="82">
        <v>165</v>
      </c>
      <c r="I14" s="82">
        <v>92</v>
      </c>
      <c r="J14" s="82">
        <v>84</v>
      </c>
      <c r="K14" s="82">
        <v>85</v>
      </c>
      <c r="L14" s="84">
        <v>682</v>
      </c>
      <c r="M14" s="85">
        <v>1158</v>
      </c>
      <c r="N14" s="70">
        <v>6</v>
      </c>
      <c r="O14" s="71">
        <v>7</v>
      </c>
      <c r="P14" s="72">
        <v>13</v>
      </c>
      <c r="Q14" s="244"/>
      <c r="R14" s="71">
        <v>8</v>
      </c>
      <c r="S14" s="71">
        <v>8</v>
      </c>
      <c r="T14" s="71">
        <v>2</v>
      </c>
      <c r="U14" s="71">
        <v>3</v>
      </c>
      <c r="V14" s="71">
        <v>3</v>
      </c>
      <c r="W14" s="72">
        <v>24</v>
      </c>
      <c r="X14" s="73">
        <v>37</v>
      </c>
      <c r="Y14" s="70">
        <v>25</v>
      </c>
      <c r="Z14" s="71">
        <v>14</v>
      </c>
      <c r="AA14" s="72">
        <v>39</v>
      </c>
      <c r="AB14" s="244"/>
      <c r="AC14" s="71">
        <v>22</v>
      </c>
      <c r="AD14" s="71">
        <v>14</v>
      </c>
      <c r="AE14" s="71">
        <v>6</v>
      </c>
      <c r="AF14" s="71">
        <v>6</v>
      </c>
      <c r="AG14" s="71">
        <v>15</v>
      </c>
      <c r="AH14" s="72">
        <v>63</v>
      </c>
      <c r="AI14" s="73">
        <v>102</v>
      </c>
      <c r="AJ14" s="70">
        <v>31</v>
      </c>
      <c r="AK14" s="71">
        <v>32</v>
      </c>
      <c r="AL14" s="72">
        <v>63</v>
      </c>
      <c r="AM14" s="244"/>
      <c r="AN14" s="71">
        <v>31</v>
      </c>
      <c r="AO14" s="71">
        <v>21</v>
      </c>
      <c r="AP14" s="71">
        <v>10</v>
      </c>
      <c r="AQ14" s="71">
        <v>6</v>
      </c>
      <c r="AR14" s="71">
        <v>13</v>
      </c>
      <c r="AS14" s="72">
        <v>81</v>
      </c>
      <c r="AT14" s="73">
        <v>144</v>
      </c>
      <c r="AU14" s="70">
        <v>61</v>
      </c>
      <c r="AV14" s="71">
        <v>37</v>
      </c>
      <c r="AW14" s="72">
        <v>98</v>
      </c>
      <c r="AX14" s="244"/>
      <c r="AY14" s="71">
        <v>55</v>
      </c>
      <c r="AZ14" s="71">
        <v>31</v>
      </c>
      <c r="BA14" s="71">
        <v>14</v>
      </c>
      <c r="BB14" s="71">
        <v>18</v>
      </c>
      <c r="BC14" s="71">
        <v>17</v>
      </c>
      <c r="BD14" s="72">
        <v>135</v>
      </c>
      <c r="BE14" s="73">
        <v>233</v>
      </c>
      <c r="BF14" s="70">
        <v>90</v>
      </c>
      <c r="BG14" s="71">
        <v>54</v>
      </c>
      <c r="BH14" s="72">
        <v>144</v>
      </c>
      <c r="BI14" s="244"/>
      <c r="BJ14" s="71">
        <v>70</v>
      </c>
      <c r="BK14" s="71">
        <v>39</v>
      </c>
      <c r="BL14" s="71">
        <v>28</v>
      </c>
      <c r="BM14" s="71">
        <v>18</v>
      </c>
      <c r="BN14" s="71">
        <v>12</v>
      </c>
      <c r="BO14" s="72">
        <v>167</v>
      </c>
      <c r="BP14" s="73">
        <v>311</v>
      </c>
      <c r="BQ14" s="70">
        <v>75</v>
      </c>
      <c r="BR14" s="71">
        <v>44</v>
      </c>
      <c r="BS14" s="72">
        <v>119</v>
      </c>
      <c r="BT14" s="244"/>
      <c r="BU14" s="71">
        <v>70</v>
      </c>
      <c r="BV14" s="71">
        <v>52</v>
      </c>
      <c r="BW14" s="71">
        <v>32</v>
      </c>
      <c r="BX14" s="71">
        <v>33</v>
      </c>
      <c r="BY14" s="71">
        <v>25</v>
      </c>
      <c r="BZ14" s="72">
        <v>212</v>
      </c>
      <c r="CA14" s="73">
        <v>331</v>
      </c>
      <c r="CB14" s="70">
        <v>0</v>
      </c>
      <c r="CC14" s="71">
        <v>0</v>
      </c>
      <c r="CD14" s="72">
        <v>0</v>
      </c>
      <c r="CE14" s="244"/>
      <c r="CF14" s="71">
        <v>0</v>
      </c>
      <c r="CG14" s="71">
        <v>0</v>
      </c>
      <c r="CH14" s="71">
        <v>0</v>
      </c>
      <c r="CI14" s="71">
        <v>0</v>
      </c>
      <c r="CJ14" s="71">
        <v>0</v>
      </c>
      <c r="CK14" s="72">
        <v>0</v>
      </c>
      <c r="CL14" s="73">
        <v>0</v>
      </c>
      <c r="CM14" s="70">
        <v>288</v>
      </c>
      <c r="CN14" s="71">
        <v>188</v>
      </c>
      <c r="CO14" s="72">
        <v>476</v>
      </c>
      <c r="CP14" s="244"/>
      <c r="CQ14" s="71">
        <v>256</v>
      </c>
      <c r="CR14" s="71">
        <v>165</v>
      </c>
      <c r="CS14" s="71">
        <v>92</v>
      </c>
      <c r="CT14" s="71">
        <v>84</v>
      </c>
      <c r="CU14" s="71">
        <v>85</v>
      </c>
      <c r="CV14" s="72">
        <v>682</v>
      </c>
      <c r="CW14" s="73">
        <v>1158</v>
      </c>
      <c r="CX14" s="123">
        <v>103</v>
      </c>
      <c r="CY14" s="82">
        <v>77</v>
      </c>
      <c r="CZ14" s="83">
        <v>180</v>
      </c>
      <c r="DA14" s="241"/>
      <c r="DB14" s="82">
        <v>124</v>
      </c>
      <c r="DC14" s="82">
        <v>53</v>
      </c>
      <c r="DD14" s="82">
        <v>46</v>
      </c>
      <c r="DE14" s="82">
        <v>40</v>
      </c>
      <c r="DF14" s="82">
        <v>36</v>
      </c>
      <c r="DG14" s="84">
        <v>299</v>
      </c>
      <c r="DH14" s="85">
        <v>479</v>
      </c>
      <c r="DI14" s="70">
        <v>6</v>
      </c>
      <c r="DJ14" s="71">
        <v>4</v>
      </c>
      <c r="DK14" s="72">
        <v>10</v>
      </c>
      <c r="DL14" s="244"/>
      <c r="DM14" s="71">
        <v>1</v>
      </c>
      <c r="DN14" s="71">
        <v>0</v>
      </c>
      <c r="DO14" s="71">
        <v>2</v>
      </c>
      <c r="DP14" s="71">
        <v>0</v>
      </c>
      <c r="DQ14" s="71">
        <v>1</v>
      </c>
      <c r="DR14" s="72">
        <v>4</v>
      </c>
      <c r="DS14" s="73">
        <v>14</v>
      </c>
      <c r="DT14" s="70">
        <v>7</v>
      </c>
      <c r="DU14" s="71">
        <v>3</v>
      </c>
      <c r="DV14" s="72">
        <v>10</v>
      </c>
      <c r="DW14" s="244"/>
      <c r="DX14" s="71">
        <v>5</v>
      </c>
      <c r="DY14" s="71">
        <v>1</v>
      </c>
      <c r="DZ14" s="71">
        <v>1</v>
      </c>
      <c r="EA14" s="71">
        <v>0</v>
      </c>
      <c r="EB14" s="71">
        <v>3</v>
      </c>
      <c r="EC14" s="72">
        <v>10</v>
      </c>
      <c r="ED14" s="73">
        <v>20</v>
      </c>
      <c r="EE14" s="70">
        <v>16</v>
      </c>
      <c r="EF14" s="71">
        <v>11</v>
      </c>
      <c r="EG14" s="72">
        <v>27</v>
      </c>
      <c r="EH14" s="244"/>
      <c r="EI14" s="71">
        <v>11</v>
      </c>
      <c r="EJ14" s="71">
        <v>6</v>
      </c>
      <c r="EK14" s="71">
        <v>3</v>
      </c>
      <c r="EL14" s="71">
        <v>0</v>
      </c>
      <c r="EM14" s="71">
        <v>1</v>
      </c>
      <c r="EN14" s="72">
        <v>21</v>
      </c>
      <c r="EO14" s="73">
        <v>48</v>
      </c>
      <c r="EP14" s="70">
        <v>27</v>
      </c>
      <c r="EQ14" s="71">
        <v>20</v>
      </c>
      <c r="ER14" s="72">
        <v>47</v>
      </c>
      <c r="ES14" s="244"/>
      <c r="ET14" s="71">
        <v>22</v>
      </c>
      <c r="EU14" s="71">
        <v>6</v>
      </c>
      <c r="EV14" s="71">
        <v>6</v>
      </c>
      <c r="EW14" s="71">
        <v>2</v>
      </c>
      <c r="EX14" s="71">
        <v>5</v>
      </c>
      <c r="EY14" s="72">
        <v>41</v>
      </c>
      <c r="EZ14" s="73">
        <v>88</v>
      </c>
      <c r="FA14" s="70">
        <v>27</v>
      </c>
      <c r="FB14" s="71">
        <v>23</v>
      </c>
      <c r="FC14" s="72">
        <v>50</v>
      </c>
      <c r="FD14" s="244"/>
      <c r="FE14" s="71">
        <v>30</v>
      </c>
      <c r="FF14" s="71">
        <v>15</v>
      </c>
      <c r="FG14" s="71">
        <v>12</v>
      </c>
      <c r="FH14" s="71">
        <v>7</v>
      </c>
      <c r="FI14" s="71">
        <v>6</v>
      </c>
      <c r="FJ14" s="72">
        <v>70</v>
      </c>
      <c r="FK14" s="73">
        <v>120</v>
      </c>
      <c r="FL14" s="70">
        <v>20</v>
      </c>
      <c r="FM14" s="71">
        <v>16</v>
      </c>
      <c r="FN14" s="72">
        <v>36</v>
      </c>
      <c r="FO14" s="244"/>
      <c r="FP14" s="71">
        <v>55</v>
      </c>
      <c r="FQ14" s="71">
        <v>25</v>
      </c>
      <c r="FR14" s="71">
        <v>22</v>
      </c>
      <c r="FS14" s="71">
        <v>31</v>
      </c>
      <c r="FT14" s="71">
        <v>20</v>
      </c>
      <c r="FU14" s="72">
        <v>153</v>
      </c>
      <c r="FV14" s="73">
        <v>189</v>
      </c>
      <c r="FW14" s="70">
        <v>0</v>
      </c>
      <c r="FX14" s="71">
        <v>0</v>
      </c>
      <c r="FY14" s="72">
        <v>0</v>
      </c>
      <c r="FZ14" s="244"/>
      <c r="GA14" s="71">
        <v>0</v>
      </c>
      <c r="GB14" s="71">
        <v>0</v>
      </c>
      <c r="GC14" s="71">
        <v>0</v>
      </c>
      <c r="GD14" s="71">
        <v>0</v>
      </c>
      <c r="GE14" s="71">
        <v>0</v>
      </c>
      <c r="GF14" s="72">
        <v>0</v>
      </c>
      <c r="GG14" s="73">
        <v>0</v>
      </c>
      <c r="GH14" s="70">
        <v>103</v>
      </c>
      <c r="GI14" s="71">
        <v>77</v>
      </c>
      <c r="GJ14" s="72">
        <v>180</v>
      </c>
      <c r="GK14" s="244"/>
      <c r="GL14" s="71">
        <v>124</v>
      </c>
      <c r="GM14" s="71">
        <v>53</v>
      </c>
      <c r="GN14" s="71">
        <v>46</v>
      </c>
      <c r="GO14" s="71">
        <v>40</v>
      </c>
      <c r="GP14" s="71">
        <v>36</v>
      </c>
      <c r="GQ14" s="72">
        <v>299</v>
      </c>
      <c r="GR14" s="73">
        <v>479</v>
      </c>
      <c r="GS14" s="123">
        <v>391</v>
      </c>
      <c r="GT14" s="82">
        <v>265</v>
      </c>
      <c r="GU14" s="83">
        <v>656</v>
      </c>
      <c r="GV14" s="241"/>
      <c r="GW14" s="82">
        <v>380</v>
      </c>
      <c r="GX14" s="82">
        <v>218</v>
      </c>
      <c r="GY14" s="82">
        <v>138</v>
      </c>
      <c r="GZ14" s="82">
        <v>124</v>
      </c>
      <c r="HA14" s="82">
        <v>121</v>
      </c>
      <c r="HB14" s="84">
        <v>981</v>
      </c>
      <c r="HC14" s="85">
        <v>1637</v>
      </c>
      <c r="HD14" s="70">
        <v>12</v>
      </c>
      <c r="HE14" s="71">
        <v>11</v>
      </c>
      <c r="HF14" s="72">
        <v>23</v>
      </c>
      <c r="HG14" s="244"/>
      <c r="HH14" s="71">
        <v>9</v>
      </c>
      <c r="HI14" s="71">
        <v>8</v>
      </c>
      <c r="HJ14" s="71">
        <v>4</v>
      </c>
      <c r="HK14" s="71">
        <v>3</v>
      </c>
      <c r="HL14" s="71">
        <v>4</v>
      </c>
      <c r="HM14" s="72">
        <v>28</v>
      </c>
      <c r="HN14" s="73">
        <v>51</v>
      </c>
      <c r="HO14" s="70">
        <v>32</v>
      </c>
      <c r="HP14" s="71">
        <v>17</v>
      </c>
      <c r="HQ14" s="72">
        <v>49</v>
      </c>
      <c r="HR14" s="244"/>
      <c r="HS14" s="71">
        <v>27</v>
      </c>
      <c r="HT14" s="71">
        <v>15</v>
      </c>
      <c r="HU14" s="71">
        <v>7</v>
      </c>
      <c r="HV14" s="71">
        <v>6</v>
      </c>
      <c r="HW14" s="71">
        <v>18</v>
      </c>
      <c r="HX14" s="72">
        <v>73</v>
      </c>
      <c r="HY14" s="73">
        <v>122</v>
      </c>
      <c r="HZ14" s="70">
        <v>47</v>
      </c>
      <c r="IA14" s="71">
        <v>43</v>
      </c>
      <c r="IB14" s="72">
        <v>90</v>
      </c>
      <c r="IC14" s="244"/>
      <c r="ID14" s="71">
        <v>42</v>
      </c>
      <c r="IE14" s="71">
        <v>27</v>
      </c>
      <c r="IF14" s="71">
        <v>13</v>
      </c>
      <c r="IG14" s="71">
        <v>6</v>
      </c>
      <c r="IH14" s="71">
        <v>14</v>
      </c>
      <c r="II14" s="72">
        <v>102</v>
      </c>
      <c r="IJ14" s="73">
        <v>192</v>
      </c>
      <c r="IK14" s="70">
        <v>88</v>
      </c>
      <c r="IL14" s="71">
        <v>57</v>
      </c>
      <c r="IM14" s="72">
        <v>145</v>
      </c>
      <c r="IN14" s="244"/>
      <c r="IO14" s="71">
        <v>77</v>
      </c>
      <c r="IP14" s="71">
        <v>37</v>
      </c>
      <c r="IQ14" s="71">
        <v>20</v>
      </c>
      <c r="IR14" s="71">
        <v>20</v>
      </c>
      <c r="IS14" s="71">
        <v>22</v>
      </c>
      <c r="IT14" s="72">
        <v>176</v>
      </c>
      <c r="IU14" s="73">
        <v>321</v>
      </c>
      <c r="IV14" s="70">
        <v>117</v>
      </c>
      <c r="IW14" s="71">
        <v>77</v>
      </c>
      <c r="IX14" s="72">
        <v>194</v>
      </c>
      <c r="IY14" s="244"/>
      <c r="IZ14" s="71">
        <v>100</v>
      </c>
      <c r="JA14" s="71">
        <v>54</v>
      </c>
      <c r="JB14" s="71">
        <v>40</v>
      </c>
      <c r="JC14" s="71">
        <v>25</v>
      </c>
      <c r="JD14" s="71">
        <v>18</v>
      </c>
      <c r="JE14" s="72">
        <v>237</v>
      </c>
      <c r="JF14" s="73">
        <v>431</v>
      </c>
      <c r="JG14" s="70">
        <v>95</v>
      </c>
      <c r="JH14" s="71">
        <v>60</v>
      </c>
      <c r="JI14" s="72">
        <v>155</v>
      </c>
      <c r="JJ14" s="244"/>
      <c r="JK14" s="71">
        <v>125</v>
      </c>
      <c r="JL14" s="71">
        <v>77</v>
      </c>
      <c r="JM14" s="71">
        <v>54</v>
      </c>
      <c r="JN14" s="71">
        <v>64</v>
      </c>
      <c r="JO14" s="71">
        <v>45</v>
      </c>
      <c r="JP14" s="72">
        <v>365</v>
      </c>
      <c r="JQ14" s="73">
        <v>520</v>
      </c>
      <c r="JR14" s="70">
        <v>0</v>
      </c>
      <c r="JS14" s="71">
        <v>0</v>
      </c>
      <c r="JT14" s="72">
        <v>0</v>
      </c>
      <c r="JU14" s="244"/>
      <c r="JV14" s="71">
        <v>0</v>
      </c>
      <c r="JW14" s="71">
        <v>0</v>
      </c>
      <c r="JX14" s="71">
        <v>0</v>
      </c>
      <c r="JY14" s="71">
        <v>0</v>
      </c>
      <c r="JZ14" s="71">
        <v>0</v>
      </c>
      <c r="KA14" s="72">
        <v>0</v>
      </c>
      <c r="KB14" s="73">
        <v>0</v>
      </c>
      <c r="KC14" s="70">
        <v>391</v>
      </c>
      <c r="KD14" s="71">
        <v>265</v>
      </c>
      <c r="KE14" s="72">
        <v>656</v>
      </c>
      <c r="KF14" s="244"/>
      <c r="KG14" s="71">
        <v>380</v>
      </c>
      <c r="KH14" s="71">
        <v>218</v>
      </c>
      <c r="KI14" s="71">
        <v>138</v>
      </c>
      <c r="KJ14" s="71">
        <v>124</v>
      </c>
      <c r="KK14" s="71">
        <v>121</v>
      </c>
      <c r="KL14" s="72">
        <v>981</v>
      </c>
      <c r="KM14" s="73">
        <v>1637</v>
      </c>
    </row>
    <row r="15" spans="2:299" ht="21" customHeight="1" x14ac:dyDescent="0.2">
      <c r="B15" s="126" t="s">
        <v>11</v>
      </c>
      <c r="C15" s="315">
        <v>45</v>
      </c>
      <c r="D15" s="82">
        <v>37</v>
      </c>
      <c r="E15" s="83">
        <v>82</v>
      </c>
      <c r="F15" s="241"/>
      <c r="G15" s="82">
        <v>99</v>
      </c>
      <c r="H15" s="82">
        <v>43</v>
      </c>
      <c r="I15" s="82">
        <v>35</v>
      </c>
      <c r="J15" s="82">
        <v>36</v>
      </c>
      <c r="K15" s="82">
        <v>15</v>
      </c>
      <c r="L15" s="84">
        <v>228</v>
      </c>
      <c r="M15" s="85">
        <v>310</v>
      </c>
      <c r="N15" s="70">
        <v>2</v>
      </c>
      <c r="O15" s="71">
        <v>2</v>
      </c>
      <c r="P15" s="72">
        <v>4</v>
      </c>
      <c r="Q15" s="244"/>
      <c r="R15" s="71">
        <v>5</v>
      </c>
      <c r="S15" s="71">
        <v>1</v>
      </c>
      <c r="T15" s="71">
        <v>2</v>
      </c>
      <c r="U15" s="71">
        <v>1</v>
      </c>
      <c r="V15" s="71">
        <v>0</v>
      </c>
      <c r="W15" s="72">
        <v>9</v>
      </c>
      <c r="X15" s="73">
        <v>13</v>
      </c>
      <c r="Y15" s="70">
        <v>2</v>
      </c>
      <c r="Z15" s="71">
        <v>1</v>
      </c>
      <c r="AA15" s="72">
        <v>3</v>
      </c>
      <c r="AB15" s="244"/>
      <c r="AC15" s="71">
        <v>7</v>
      </c>
      <c r="AD15" s="71">
        <v>3</v>
      </c>
      <c r="AE15" s="71">
        <v>3</v>
      </c>
      <c r="AF15" s="71">
        <v>2</v>
      </c>
      <c r="AG15" s="71">
        <v>1</v>
      </c>
      <c r="AH15" s="72">
        <v>16</v>
      </c>
      <c r="AI15" s="73">
        <v>19</v>
      </c>
      <c r="AJ15" s="70">
        <v>7</v>
      </c>
      <c r="AK15" s="71">
        <v>6</v>
      </c>
      <c r="AL15" s="72">
        <v>13</v>
      </c>
      <c r="AM15" s="244"/>
      <c r="AN15" s="71">
        <v>21</v>
      </c>
      <c r="AO15" s="71">
        <v>8</v>
      </c>
      <c r="AP15" s="71">
        <v>6</v>
      </c>
      <c r="AQ15" s="71">
        <v>6</v>
      </c>
      <c r="AR15" s="71">
        <v>2</v>
      </c>
      <c r="AS15" s="72">
        <v>43</v>
      </c>
      <c r="AT15" s="73">
        <v>56</v>
      </c>
      <c r="AU15" s="70">
        <v>7</v>
      </c>
      <c r="AV15" s="71">
        <v>6</v>
      </c>
      <c r="AW15" s="72">
        <v>13</v>
      </c>
      <c r="AX15" s="244"/>
      <c r="AY15" s="71">
        <v>21</v>
      </c>
      <c r="AZ15" s="71">
        <v>12</v>
      </c>
      <c r="BA15" s="71">
        <v>11</v>
      </c>
      <c r="BB15" s="71">
        <v>10</v>
      </c>
      <c r="BC15" s="71">
        <v>3</v>
      </c>
      <c r="BD15" s="72">
        <v>57</v>
      </c>
      <c r="BE15" s="73">
        <v>70</v>
      </c>
      <c r="BF15" s="70">
        <v>19</v>
      </c>
      <c r="BG15" s="71">
        <v>15</v>
      </c>
      <c r="BH15" s="72">
        <v>34</v>
      </c>
      <c r="BI15" s="244"/>
      <c r="BJ15" s="71">
        <v>26</v>
      </c>
      <c r="BK15" s="71">
        <v>9</v>
      </c>
      <c r="BL15" s="71">
        <v>2</v>
      </c>
      <c r="BM15" s="71">
        <v>10</v>
      </c>
      <c r="BN15" s="71">
        <v>5</v>
      </c>
      <c r="BO15" s="72">
        <v>52</v>
      </c>
      <c r="BP15" s="73">
        <v>86</v>
      </c>
      <c r="BQ15" s="70">
        <v>8</v>
      </c>
      <c r="BR15" s="71">
        <v>7</v>
      </c>
      <c r="BS15" s="72">
        <v>15</v>
      </c>
      <c r="BT15" s="244"/>
      <c r="BU15" s="71">
        <v>19</v>
      </c>
      <c r="BV15" s="71">
        <v>10</v>
      </c>
      <c r="BW15" s="71">
        <v>11</v>
      </c>
      <c r="BX15" s="71">
        <v>7</v>
      </c>
      <c r="BY15" s="71">
        <v>4</v>
      </c>
      <c r="BZ15" s="72">
        <v>51</v>
      </c>
      <c r="CA15" s="73">
        <v>66</v>
      </c>
      <c r="CB15" s="70">
        <v>0</v>
      </c>
      <c r="CC15" s="71">
        <v>0</v>
      </c>
      <c r="CD15" s="72">
        <v>0</v>
      </c>
      <c r="CE15" s="244"/>
      <c r="CF15" s="71">
        <v>0</v>
      </c>
      <c r="CG15" s="71">
        <v>0</v>
      </c>
      <c r="CH15" s="71">
        <v>0</v>
      </c>
      <c r="CI15" s="71">
        <v>0</v>
      </c>
      <c r="CJ15" s="71">
        <v>0</v>
      </c>
      <c r="CK15" s="72">
        <v>0</v>
      </c>
      <c r="CL15" s="73">
        <v>0</v>
      </c>
      <c r="CM15" s="70">
        <v>45</v>
      </c>
      <c r="CN15" s="71">
        <v>37</v>
      </c>
      <c r="CO15" s="72">
        <v>82</v>
      </c>
      <c r="CP15" s="244"/>
      <c r="CQ15" s="71">
        <v>99</v>
      </c>
      <c r="CR15" s="71">
        <v>43</v>
      </c>
      <c r="CS15" s="71">
        <v>35</v>
      </c>
      <c r="CT15" s="71">
        <v>36</v>
      </c>
      <c r="CU15" s="71">
        <v>15</v>
      </c>
      <c r="CV15" s="72">
        <v>228</v>
      </c>
      <c r="CW15" s="73">
        <v>310</v>
      </c>
      <c r="CX15" s="123">
        <v>23</v>
      </c>
      <c r="CY15" s="82">
        <v>18</v>
      </c>
      <c r="CZ15" s="83">
        <v>41</v>
      </c>
      <c r="DA15" s="241"/>
      <c r="DB15" s="82">
        <v>44</v>
      </c>
      <c r="DC15" s="82">
        <v>25</v>
      </c>
      <c r="DD15" s="82">
        <v>28</v>
      </c>
      <c r="DE15" s="82">
        <v>30</v>
      </c>
      <c r="DF15" s="82">
        <v>13</v>
      </c>
      <c r="DG15" s="84">
        <v>140</v>
      </c>
      <c r="DH15" s="85">
        <v>181</v>
      </c>
      <c r="DI15" s="70">
        <v>0</v>
      </c>
      <c r="DJ15" s="71">
        <v>1</v>
      </c>
      <c r="DK15" s="72">
        <v>1</v>
      </c>
      <c r="DL15" s="244"/>
      <c r="DM15" s="71">
        <v>1</v>
      </c>
      <c r="DN15" s="71">
        <v>0</v>
      </c>
      <c r="DO15" s="71">
        <v>0</v>
      </c>
      <c r="DP15" s="71">
        <v>0</v>
      </c>
      <c r="DQ15" s="71">
        <v>0</v>
      </c>
      <c r="DR15" s="72">
        <v>1</v>
      </c>
      <c r="DS15" s="73">
        <v>2</v>
      </c>
      <c r="DT15" s="70">
        <v>0</v>
      </c>
      <c r="DU15" s="71">
        <v>2</v>
      </c>
      <c r="DV15" s="72">
        <v>2</v>
      </c>
      <c r="DW15" s="244"/>
      <c r="DX15" s="71">
        <v>4</v>
      </c>
      <c r="DY15" s="71">
        <v>1</v>
      </c>
      <c r="DZ15" s="71">
        <v>0</v>
      </c>
      <c r="EA15" s="71">
        <v>1</v>
      </c>
      <c r="EB15" s="71">
        <v>1</v>
      </c>
      <c r="EC15" s="72">
        <v>7</v>
      </c>
      <c r="ED15" s="73">
        <v>9</v>
      </c>
      <c r="EE15" s="70">
        <v>5</v>
      </c>
      <c r="EF15" s="71">
        <v>3</v>
      </c>
      <c r="EG15" s="72">
        <v>8</v>
      </c>
      <c r="EH15" s="244"/>
      <c r="EI15" s="71">
        <v>5</v>
      </c>
      <c r="EJ15" s="71">
        <v>2</v>
      </c>
      <c r="EK15" s="71">
        <v>3</v>
      </c>
      <c r="EL15" s="71">
        <v>3</v>
      </c>
      <c r="EM15" s="71">
        <v>0</v>
      </c>
      <c r="EN15" s="72">
        <v>13</v>
      </c>
      <c r="EO15" s="73">
        <v>21</v>
      </c>
      <c r="EP15" s="70">
        <v>2</v>
      </c>
      <c r="EQ15" s="71">
        <v>2</v>
      </c>
      <c r="ER15" s="72">
        <v>4</v>
      </c>
      <c r="ES15" s="244"/>
      <c r="ET15" s="71">
        <v>7</v>
      </c>
      <c r="EU15" s="71">
        <v>6</v>
      </c>
      <c r="EV15" s="71">
        <v>1</v>
      </c>
      <c r="EW15" s="71">
        <v>3</v>
      </c>
      <c r="EX15" s="71">
        <v>2</v>
      </c>
      <c r="EY15" s="72">
        <v>19</v>
      </c>
      <c r="EZ15" s="73">
        <v>23</v>
      </c>
      <c r="FA15" s="70">
        <v>11</v>
      </c>
      <c r="FB15" s="71">
        <v>3</v>
      </c>
      <c r="FC15" s="72">
        <v>14</v>
      </c>
      <c r="FD15" s="244"/>
      <c r="FE15" s="71">
        <v>16</v>
      </c>
      <c r="FF15" s="71">
        <v>12</v>
      </c>
      <c r="FG15" s="71">
        <v>10</v>
      </c>
      <c r="FH15" s="71">
        <v>9</v>
      </c>
      <c r="FI15" s="71">
        <v>4</v>
      </c>
      <c r="FJ15" s="72">
        <v>51</v>
      </c>
      <c r="FK15" s="73">
        <v>65</v>
      </c>
      <c r="FL15" s="70">
        <v>5</v>
      </c>
      <c r="FM15" s="71">
        <v>7</v>
      </c>
      <c r="FN15" s="72">
        <v>12</v>
      </c>
      <c r="FO15" s="244"/>
      <c r="FP15" s="71">
        <v>11</v>
      </c>
      <c r="FQ15" s="71">
        <v>4</v>
      </c>
      <c r="FR15" s="71">
        <v>14</v>
      </c>
      <c r="FS15" s="71">
        <v>14</v>
      </c>
      <c r="FT15" s="71">
        <v>6</v>
      </c>
      <c r="FU15" s="72">
        <v>49</v>
      </c>
      <c r="FV15" s="73">
        <v>61</v>
      </c>
      <c r="FW15" s="70">
        <v>0</v>
      </c>
      <c r="FX15" s="71">
        <v>0</v>
      </c>
      <c r="FY15" s="72">
        <v>0</v>
      </c>
      <c r="FZ15" s="244"/>
      <c r="GA15" s="71">
        <v>0</v>
      </c>
      <c r="GB15" s="71">
        <v>0</v>
      </c>
      <c r="GC15" s="71">
        <v>0</v>
      </c>
      <c r="GD15" s="71">
        <v>0</v>
      </c>
      <c r="GE15" s="71">
        <v>0</v>
      </c>
      <c r="GF15" s="72">
        <v>0</v>
      </c>
      <c r="GG15" s="73">
        <v>0</v>
      </c>
      <c r="GH15" s="70">
        <v>23</v>
      </c>
      <c r="GI15" s="71">
        <v>18</v>
      </c>
      <c r="GJ15" s="72">
        <v>41</v>
      </c>
      <c r="GK15" s="244"/>
      <c r="GL15" s="71">
        <v>44</v>
      </c>
      <c r="GM15" s="71">
        <v>25</v>
      </c>
      <c r="GN15" s="71">
        <v>28</v>
      </c>
      <c r="GO15" s="71">
        <v>30</v>
      </c>
      <c r="GP15" s="71">
        <v>13</v>
      </c>
      <c r="GQ15" s="72">
        <v>140</v>
      </c>
      <c r="GR15" s="73">
        <v>181</v>
      </c>
      <c r="GS15" s="123">
        <v>68</v>
      </c>
      <c r="GT15" s="82">
        <v>55</v>
      </c>
      <c r="GU15" s="83">
        <v>123</v>
      </c>
      <c r="GV15" s="241"/>
      <c r="GW15" s="82">
        <v>143</v>
      </c>
      <c r="GX15" s="82">
        <v>68</v>
      </c>
      <c r="GY15" s="82">
        <v>63</v>
      </c>
      <c r="GZ15" s="82">
        <v>66</v>
      </c>
      <c r="HA15" s="82">
        <v>28</v>
      </c>
      <c r="HB15" s="84">
        <v>368</v>
      </c>
      <c r="HC15" s="85">
        <v>491</v>
      </c>
      <c r="HD15" s="70">
        <v>2</v>
      </c>
      <c r="HE15" s="71">
        <v>3</v>
      </c>
      <c r="HF15" s="72">
        <v>5</v>
      </c>
      <c r="HG15" s="244"/>
      <c r="HH15" s="71">
        <v>6</v>
      </c>
      <c r="HI15" s="71">
        <v>1</v>
      </c>
      <c r="HJ15" s="71">
        <v>2</v>
      </c>
      <c r="HK15" s="71">
        <v>1</v>
      </c>
      <c r="HL15" s="71">
        <v>0</v>
      </c>
      <c r="HM15" s="72">
        <v>10</v>
      </c>
      <c r="HN15" s="73">
        <v>15</v>
      </c>
      <c r="HO15" s="70">
        <v>2</v>
      </c>
      <c r="HP15" s="71">
        <v>3</v>
      </c>
      <c r="HQ15" s="72">
        <v>5</v>
      </c>
      <c r="HR15" s="244"/>
      <c r="HS15" s="71">
        <v>11</v>
      </c>
      <c r="HT15" s="71">
        <v>4</v>
      </c>
      <c r="HU15" s="71">
        <v>3</v>
      </c>
      <c r="HV15" s="71">
        <v>3</v>
      </c>
      <c r="HW15" s="71">
        <v>2</v>
      </c>
      <c r="HX15" s="72">
        <v>23</v>
      </c>
      <c r="HY15" s="73">
        <v>28</v>
      </c>
      <c r="HZ15" s="70">
        <v>12</v>
      </c>
      <c r="IA15" s="71">
        <v>9</v>
      </c>
      <c r="IB15" s="72">
        <v>21</v>
      </c>
      <c r="IC15" s="244"/>
      <c r="ID15" s="71">
        <v>26</v>
      </c>
      <c r="IE15" s="71">
        <v>10</v>
      </c>
      <c r="IF15" s="71">
        <v>9</v>
      </c>
      <c r="IG15" s="71">
        <v>9</v>
      </c>
      <c r="IH15" s="71">
        <v>2</v>
      </c>
      <c r="II15" s="72">
        <v>56</v>
      </c>
      <c r="IJ15" s="73">
        <v>77</v>
      </c>
      <c r="IK15" s="70">
        <v>9</v>
      </c>
      <c r="IL15" s="71">
        <v>8</v>
      </c>
      <c r="IM15" s="72">
        <v>17</v>
      </c>
      <c r="IN15" s="244"/>
      <c r="IO15" s="71">
        <v>28</v>
      </c>
      <c r="IP15" s="71">
        <v>18</v>
      </c>
      <c r="IQ15" s="71">
        <v>12</v>
      </c>
      <c r="IR15" s="71">
        <v>13</v>
      </c>
      <c r="IS15" s="71">
        <v>5</v>
      </c>
      <c r="IT15" s="72">
        <v>76</v>
      </c>
      <c r="IU15" s="73">
        <v>93</v>
      </c>
      <c r="IV15" s="70">
        <v>30</v>
      </c>
      <c r="IW15" s="71">
        <v>18</v>
      </c>
      <c r="IX15" s="72">
        <v>48</v>
      </c>
      <c r="IY15" s="244"/>
      <c r="IZ15" s="71">
        <v>42</v>
      </c>
      <c r="JA15" s="71">
        <v>21</v>
      </c>
      <c r="JB15" s="71">
        <v>12</v>
      </c>
      <c r="JC15" s="71">
        <v>19</v>
      </c>
      <c r="JD15" s="71">
        <v>9</v>
      </c>
      <c r="JE15" s="72">
        <v>103</v>
      </c>
      <c r="JF15" s="73">
        <v>151</v>
      </c>
      <c r="JG15" s="70">
        <v>13</v>
      </c>
      <c r="JH15" s="71">
        <v>14</v>
      </c>
      <c r="JI15" s="72">
        <v>27</v>
      </c>
      <c r="JJ15" s="244"/>
      <c r="JK15" s="71">
        <v>30</v>
      </c>
      <c r="JL15" s="71">
        <v>14</v>
      </c>
      <c r="JM15" s="71">
        <v>25</v>
      </c>
      <c r="JN15" s="71">
        <v>21</v>
      </c>
      <c r="JO15" s="71">
        <v>10</v>
      </c>
      <c r="JP15" s="72">
        <v>100</v>
      </c>
      <c r="JQ15" s="73">
        <v>127</v>
      </c>
      <c r="JR15" s="70">
        <v>0</v>
      </c>
      <c r="JS15" s="71">
        <v>0</v>
      </c>
      <c r="JT15" s="72">
        <v>0</v>
      </c>
      <c r="JU15" s="244"/>
      <c r="JV15" s="71">
        <v>0</v>
      </c>
      <c r="JW15" s="71">
        <v>0</v>
      </c>
      <c r="JX15" s="71">
        <v>0</v>
      </c>
      <c r="JY15" s="71">
        <v>0</v>
      </c>
      <c r="JZ15" s="71">
        <v>0</v>
      </c>
      <c r="KA15" s="72">
        <v>0</v>
      </c>
      <c r="KB15" s="73">
        <v>0</v>
      </c>
      <c r="KC15" s="70">
        <v>68</v>
      </c>
      <c r="KD15" s="71">
        <v>55</v>
      </c>
      <c r="KE15" s="72">
        <v>123</v>
      </c>
      <c r="KF15" s="244"/>
      <c r="KG15" s="71">
        <v>143</v>
      </c>
      <c r="KH15" s="71">
        <v>68</v>
      </c>
      <c r="KI15" s="71">
        <v>63</v>
      </c>
      <c r="KJ15" s="71">
        <v>66</v>
      </c>
      <c r="KK15" s="71">
        <v>28</v>
      </c>
      <c r="KL15" s="72">
        <v>368</v>
      </c>
      <c r="KM15" s="73">
        <v>491</v>
      </c>
    </row>
    <row r="16" spans="2:299" ht="21" customHeight="1" x14ac:dyDescent="0.2">
      <c r="B16" s="126" t="s">
        <v>12</v>
      </c>
      <c r="C16" s="315">
        <v>132</v>
      </c>
      <c r="D16" s="82">
        <v>87</v>
      </c>
      <c r="E16" s="83">
        <v>219</v>
      </c>
      <c r="F16" s="241"/>
      <c r="G16" s="82">
        <v>113</v>
      </c>
      <c r="H16" s="82">
        <v>76</v>
      </c>
      <c r="I16" s="82">
        <v>47</v>
      </c>
      <c r="J16" s="82">
        <v>66</v>
      </c>
      <c r="K16" s="82">
        <v>37</v>
      </c>
      <c r="L16" s="84">
        <v>339</v>
      </c>
      <c r="M16" s="85">
        <v>558</v>
      </c>
      <c r="N16" s="86">
        <v>2</v>
      </c>
      <c r="O16" s="71">
        <v>3</v>
      </c>
      <c r="P16" s="72">
        <v>5</v>
      </c>
      <c r="Q16" s="244"/>
      <c r="R16" s="71">
        <v>2</v>
      </c>
      <c r="S16" s="71">
        <v>3</v>
      </c>
      <c r="T16" s="71">
        <v>2</v>
      </c>
      <c r="U16" s="71">
        <v>2</v>
      </c>
      <c r="V16" s="71">
        <v>0</v>
      </c>
      <c r="W16" s="72">
        <v>9</v>
      </c>
      <c r="X16" s="73">
        <v>14</v>
      </c>
      <c r="Y16" s="70">
        <v>9</v>
      </c>
      <c r="Z16" s="71">
        <v>9</v>
      </c>
      <c r="AA16" s="72">
        <v>18</v>
      </c>
      <c r="AB16" s="244"/>
      <c r="AC16" s="71">
        <v>6</v>
      </c>
      <c r="AD16" s="71">
        <v>6</v>
      </c>
      <c r="AE16" s="71">
        <v>1</v>
      </c>
      <c r="AF16" s="71">
        <v>4</v>
      </c>
      <c r="AG16" s="71">
        <v>3</v>
      </c>
      <c r="AH16" s="72">
        <v>20</v>
      </c>
      <c r="AI16" s="73">
        <v>38</v>
      </c>
      <c r="AJ16" s="86">
        <v>13</v>
      </c>
      <c r="AK16" s="71">
        <v>8</v>
      </c>
      <c r="AL16" s="72">
        <v>21</v>
      </c>
      <c r="AM16" s="244"/>
      <c r="AN16" s="71">
        <v>8</v>
      </c>
      <c r="AO16" s="71">
        <v>10</v>
      </c>
      <c r="AP16" s="71">
        <v>2</v>
      </c>
      <c r="AQ16" s="71">
        <v>6</v>
      </c>
      <c r="AR16" s="71">
        <v>7</v>
      </c>
      <c r="AS16" s="72">
        <v>33</v>
      </c>
      <c r="AT16" s="73">
        <v>54</v>
      </c>
      <c r="AU16" s="70">
        <v>34</v>
      </c>
      <c r="AV16" s="71">
        <v>25</v>
      </c>
      <c r="AW16" s="72">
        <v>59</v>
      </c>
      <c r="AX16" s="244"/>
      <c r="AY16" s="71">
        <v>25</v>
      </c>
      <c r="AZ16" s="71">
        <v>21</v>
      </c>
      <c r="BA16" s="71">
        <v>13</v>
      </c>
      <c r="BB16" s="71">
        <v>14</v>
      </c>
      <c r="BC16" s="71">
        <v>14</v>
      </c>
      <c r="BD16" s="72">
        <v>87</v>
      </c>
      <c r="BE16" s="73">
        <v>146</v>
      </c>
      <c r="BF16" s="86">
        <v>38</v>
      </c>
      <c r="BG16" s="71">
        <v>20</v>
      </c>
      <c r="BH16" s="72">
        <v>58</v>
      </c>
      <c r="BI16" s="244"/>
      <c r="BJ16" s="71">
        <v>36</v>
      </c>
      <c r="BK16" s="71">
        <v>22</v>
      </c>
      <c r="BL16" s="71">
        <v>16</v>
      </c>
      <c r="BM16" s="71">
        <v>24</v>
      </c>
      <c r="BN16" s="71">
        <v>6</v>
      </c>
      <c r="BO16" s="72">
        <v>104</v>
      </c>
      <c r="BP16" s="73">
        <v>162</v>
      </c>
      <c r="BQ16" s="70">
        <v>36</v>
      </c>
      <c r="BR16" s="71">
        <v>22</v>
      </c>
      <c r="BS16" s="72">
        <v>58</v>
      </c>
      <c r="BT16" s="244"/>
      <c r="BU16" s="71">
        <v>36</v>
      </c>
      <c r="BV16" s="71">
        <v>14</v>
      </c>
      <c r="BW16" s="71">
        <v>13</v>
      </c>
      <c r="BX16" s="71">
        <v>16</v>
      </c>
      <c r="BY16" s="71">
        <v>7</v>
      </c>
      <c r="BZ16" s="72">
        <v>86</v>
      </c>
      <c r="CA16" s="73">
        <v>144</v>
      </c>
      <c r="CB16" s="70">
        <v>0</v>
      </c>
      <c r="CC16" s="71">
        <v>0</v>
      </c>
      <c r="CD16" s="72">
        <v>0</v>
      </c>
      <c r="CE16" s="244"/>
      <c r="CF16" s="71">
        <v>0</v>
      </c>
      <c r="CG16" s="71">
        <v>0</v>
      </c>
      <c r="CH16" s="71">
        <v>0</v>
      </c>
      <c r="CI16" s="71">
        <v>0</v>
      </c>
      <c r="CJ16" s="71">
        <v>0</v>
      </c>
      <c r="CK16" s="72">
        <v>0</v>
      </c>
      <c r="CL16" s="73">
        <v>0</v>
      </c>
      <c r="CM16" s="70">
        <v>132</v>
      </c>
      <c r="CN16" s="71">
        <v>87</v>
      </c>
      <c r="CO16" s="72">
        <v>219</v>
      </c>
      <c r="CP16" s="244"/>
      <c r="CQ16" s="71">
        <v>113</v>
      </c>
      <c r="CR16" s="71">
        <v>76</v>
      </c>
      <c r="CS16" s="71">
        <v>47</v>
      </c>
      <c r="CT16" s="71">
        <v>66</v>
      </c>
      <c r="CU16" s="71">
        <v>37</v>
      </c>
      <c r="CV16" s="72">
        <v>339</v>
      </c>
      <c r="CW16" s="73">
        <v>558</v>
      </c>
      <c r="CX16" s="123">
        <v>38</v>
      </c>
      <c r="CY16" s="82">
        <v>31</v>
      </c>
      <c r="CZ16" s="83">
        <v>69</v>
      </c>
      <c r="DA16" s="241"/>
      <c r="DB16" s="82">
        <v>38</v>
      </c>
      <c r="DC16" s="82">
        <v>30</v>
      </c>
      <c r="DD16" s="82">
        <v>29</v>
      </c>
      <c r="DE16" s="82">
        <v>33</v>
      </c>
      <c r="DF16" s="82">
        <v>13</v>
      </c>
      <c r="DG16" s="84">
        <v>143</v>
      </c>
      <c r="DH16" s="85">
        <v>212</v>
      </c>
      <c r="DI16" s="86">
        <v>2</v>
      </c>
      <c r="DJ16" s="71">
        <v>0</v>
      </c>
      <c r="DK16" s="72">
        <v>2</v>
      </c>
      <c r="DL16" s="244"/>
      <c r="DM16" s="71">
        <v>1</v>
      </c>
      <c r="DN16" s="71">
        <v>0</v>
      </c>
      <c r="DO16" s="71">
        <v>1</v>
      </c>
      <c r="DP16" s="71">
        <v>0</v>
      </c>
      <c r="DQ16" s="71">
        <v>0</v>
      </c>
      <c r="DR16" s="72">
        <v>2</v>
      </c>
      <c r="DS16" s="73">
        <v>4</v>
      </c>
      <c r="DT16" s="70">
        <v>2</v>
      </c>
      <c r="DU16" s="71">
        <v>3</v>
      </c>
      <c r="DV16" s="72">
        <v>5</v>
      </c>
      <c r="DW16" s="244"/>
      <c r="DX16" s="71">
        <v>1</v>
      </c>
      <c r="DY16" s="71">
        <v>2</v>
      </c>
      <c r="DZ16" s="71">
        <v>0</v>
      </c>
      <c r="EA16" s="71">
        <v>1</v>
      </c>
      <c r="EB16" s="71">
        <v>0</v>
      </c>
      <c r="EC16" s="72">
        <v>4</v>
      </c>
      <c r="ED16" s="73">
        <v>9</v>
      </c>
      <c r="EE16" s="86">
        <v>7</v>
      </c>
      <c r="EF16" s="71">
        <v>5</v>
      </c>
      <c r="EG16" s="72">
        <v>12</v>
      </c>
      <c r="EH16" s="244"/>
      <c r="EI16" s="71">
        <v>6</v>
      </c>
      <c r="EJ16" s="71">
        <v>4</v>
      </c>
      <c r="EK16" s="71">
        <v>0</v>
      </c>
      <c r="EL16" s="71">
        <v>1</v>
      </c>
      <c r="EM16" s="71">
        <v>1</v>
      </c>
      <c r="EN16" s="72">
        <v>12</v>
      </c>
      <c r="EO16" s="73">
        <v>24</v>
      </c>
      <c r="EP16" s="70">
        <v>6</v>
      </c>
      <c r="EQ16" s="71">
        <v>9</v>
      </c>
      <c r="ER16" s="72">
        <v>15</v>
      </c>
      <c r="ES16" s="244"/>
      <c r="ET16" s="71">
        <v>8</v>
      </c>
      <c r="EU16" s="71">
        <v>5</v>
      </c>
      <c r="EV16" s="71">
        <v>3</v>
      </c>
      <c r="EW16" s="71">
        <v>6</v>
      </c>
      <c r="EX16" s="71">
        <v>2</v>
      </c>
      <c r="EY16" s="72">
        <v>24</v>
      </c>
      <c r="EZ16" s="73">
        <v>39</v>
      </c>
      <c r="FA16" s="86">
        <v>13</v>
      </c>
      <c r="FB16" s="71">
        <v>5</v>
      </c>
      <c r="FC16" s="72">
        <v>18</v>
      </c>
      <c r="FD16" s="244"/>
      <c r="FE16" s="71">
        <v>9</v>
      </c>
      <c r="FF16" s="71">
        <v>9</v>
      </c>
      <c r="FG16" s="71">
        <v>13</v>
      </c>
      <c r="FH16" s="71">
        <v>8</v>
      </c>
      <c r="FI16" s="71">
        <v>3</v>
      </c>
      <c r="FJ16" s="72">
        <v>42</v>
      </c>
      <c r="FK16" s="73">
        <v>60</v>
      </c>
      <c r="FL16" s="70">
        <v>8</v>
      </c>
      <c r="FM16" s="71">
        <v>9</v>
      </c>
      <c r="FN16" s="72">
        <v>17</v>
      </c>
      <c r="FO16" s="244"/>
      <c r="FP16" s="71">
        <v>13</v>
      </c>
      <c r="FQ16" s="71">
        <v>10</v>
      </c>
      <c r="FR16" s="71">
        <v>12</v>
      </c>
      <c r="FS16" s="71">
        <v>17</v>
      </c>
      <c r="FT16" s="71">
        <v>7</v>
      </c>
      <c r="FU16" s="72">
        <v>59</v>
      </c>
      <c r="FV16" s="73">
        <v>76</v>
      </c>
      <c r="FW16" s="70">
        <v>0</v>
      </c>
      <c r="FX16" s="71">
        <v>0</v>
      </c>
      <c r="FY16" s="72">
        <v>0</v>
      </c>
      <c r="FZ16" s="244"/>
      <c r="GA16" s="71">
        <v>0</v>
      </c>
      <c r="GB16" s="71">
        <v>0</v>
      </c>
      <c r="GC16" s="71">
        <v>0</v>
      </c>
      <c r="GD16" s="71">
        <v>0</v>
      </c>
      <c r="GE16" s="71">
        <v>0</v>
      </c>
      <c r="GF16" s="72">
        <v>0</v>
      </c>
      <c r="GG16" s="73">
        <v>0</v>
      </c>
      <c r="GH16" s="70">
        <v>38</v>
      </c>
      <c r="GI16" s="71">
        <v>31</v>
      </c>
      <c r="GJ16" s="72">
        <v>69</v>
      </c>
      <c r="GK16" s="244"/>
      <c r="GL16" s="71">
        <v>38</v>
      </c>
      <c r="GM16" s="71">
        <v>30</v>
      </c>
      <c r="GN16" s="71">
        <v>29</v>
      </c>
      <c r="GO16" s="71">
        <v>33</v>
      </c>
      <c r="GP16" s="71">
        <v>13</v>
      </c>
      <c r="GQ16" s="72">
        <v>143</v>
      </c>
      <c r="GR16" s="73">
        <v>212</v>
      </c>
      <c r="GS16" s="123">
        <v>170</v>
      </c>
      <c r="GT16" s="82">
        <v>118</v>
      </c>
      <c r="GU16" s="83">
        <v>288</v>
      </c>
      <c r="GV16" s="241"/>
      <c r="GW16" s="82">
        <v>151</v>
      </c>
      <c r="GX16" s="82">
        <v>106</v>
      </c>
      <c r="GY16" s="82">
        <v>76</v>
      </c>
      <c r="GZ16" s="82">
        <v>99</v>
      </c>
      <c r="HA16" s="82">
        <v>50</v>
      </c>
      <c r="HB16" s="84">
        <v>482</v>
      </c>
      <c r="HC16" s="85">
        <v>770</v>
      </c>
      <c r="HD16" s="86">
        <v>4</v>
      </c>
      <c r="HE16" s="71">
        <v>3</v>
      </c>
      <c r="HF16" s="72">
        <v>7</v>
      </c>
      <c r="HG16" s="244"/>
      <c r="HH16" s="71">
        <v>3</v>
      </c>
      <c r="HI16" s="71">
        <v>3</v>
      </c>
      <c r="HJ16" s="71">
        <v>3</v>
      </c>
      <c r="HK16" s="71">
        <v>2</v>
      </c>
      <c r="HL16" s="71">
        <v>0</v>
      </c>
      <c r="HM16" s="72">
        <v>11</v>
      </c>
      <c r="HN16" s="73">
        <v>18</v>
      </c>
      <c r="HO16" s="70">
        <v>11</v>
      </c>
      <c r="HP16" s="71">
        <v>12</v>
      </c>
      <c r="HQ16" s="72">
        <v>23</v>
      </c>
      <c r="HR16" s="244"/>
      <c r="HS16" s="71">
        <v>7</v>
      </c>
      <c r="HT16" s="71">
        <v>8</v>
      </c>
      <c r="HU16" s="71">
        <v>1</v>
      </c>
      <c r="HV16" s="71">
        <v>5</v>
      </c>
      <c r="HW16" s="71">
        <v>3</v>
      </c>
      <c r="HX16" s="72">
        <v>24</v>
      </c>
      <c r="HY16" s="73">
        <v>47</v>
      </c>
      <c r="HZ16" s="86">
        <v>20</v>
      </c>
      <c r="IA16" s="71">
        <v>13</v>
      </c>
      <c r="IB16" s="72">
        <v>33</v>
      </c>
      <c r="IC16" s="244"/>
      <c r="ID16" s="71">
        <v>14</v>
      </c>
      <c r="IE16" s="71">
        <v>14</v>
      </c>
      <c r="IF16" s="71">
        <v>2</v>
      </c>
      <c r="IG16" s="71">
        <v>7</v>
      </c>
      <c r="IH16" s="71">
        <v>8</v>
      </c>
      <c r="II16" s="72">
        <v>45</v>
      </c>
      <c r="IJ16" s="73">
        <v>78</v>
      </c>
      <c r="IK16" s="70">
        <v>40</v>
      </c>
      <c r="IL16" s="71">
        <v>34</v>
      </c>
      <c r="IM16" s="72">
        <v>74</v>
      </c>
      <c r="IN16" s="244"/>
      <c r="IO16" s="71">
        <v>33</v>
      </c>
      <c r="IP16" s="71">
        <v>26</v>
      </c>
      <c r="IQ16" s="71">
        <v>16</v>
      </c>
      <c r="IR16" s="71">
        <v>20</v>
      </c>
      <c r="IS16" s="71">
        <v>16</v>
      </c>
      <c r="IT16" s="72">
        <v>111</v>
      </c>
      <c r="IU16" s="73">
        <v>185</v>
      </c>
      <c r="IV16" s="86">
        <v>51</v>
      </c>
      <c r="IW16" s="71">
        <v>25</v>
      </c>
      <c r="IX16" s="72">
        <v>76</v>
      </c>
      <c r="IY16" s="244"/>
      <c r="IZ16" s="71">
        <v>45</v>
      </c>
      <c r="JA16" s="71">
        <v>31</v>
      </c>
      <c r="JB16" s="71">
        <v>29</v>
      </c>
      <c r="JC16" s="71">
        <v>32</v>
      </c>
      <c r="JD16" s="71">
        <v>9</v>
      </c>
      <c r="JE16" s="72">
        <v>146</v>
      </c>
      <c r="JF16" s="73">
        <v>222</v>
      </c>
      <c r="JG16" s="70">
        <v>44</v>
      </c>
      <c r="JH16" s="71">
        <v>31</v>
      </c>
      <c r="JI16" s="72">
        <v>75</v>
      </c>
      <c r="JJ16" s="244"/>
      <c r="JK16" s="71">
        <v>49</v>
      </c>
      <c r="JL16" s="71">
        <v>24</v>
      </c>
      <c r="JM16" s="71">
        <v>25</v>
      </c>
      <c r="JN16" s="71">
        <v>33</v>
      </c>
      <c r="JO16" s="71">
        <v>14</v>
      </c>
      <c r="JP16" s="72">
        <v>145</v>
      </c>
      <c r="JQ16" s="73">
        <v>220</v>
      </c>
      <c r="JR16" s="70">
        <v>0</v>
      </c>
      <c r="JS16" s="71">
        <v>0</v>
      </c>
      <c r="JT16" s="72">
        <v>0</v>
      </c>
      <c r="JU16" s="244"/>
      <c r="JV16" s="71">
        <v>0</v>
      </c>
      <c r="JW16" s="71">
        <v>0</v>
      </c>
      <c r="JX16" s="71">
        <v>0</v>
      </c>
      <c r="JY16" s="71">
        <v>0</v>
      </c>
      <c r="JZ16" s="71">
        <v>0</v>
      </c>
      <c r="KA16" s="72">
        <v>0</v>
      </c>
      <c r="KB16" s="73">
        <v>0</v>
      </c>
      <c r="KC16" s="70">
        <v>170</v>
      </c>
      <c r="KD16" s="71">
        <v>118</v>
      </c>
      <c r="KE16" s="72">
        <v>288</v>
      </c>
      <c r="KF16" s="244"/>
      <c r="KG16" s="71">
        <v>151</v>
      </c>
      <c r="KH16" s="71">
        <v>106</v>
      </c>
      <c r="KI16" s="71">
        <v>76</v>
      </c>
      <c r="KJ16" s="71">
        <v>99</v>
      </c>
      <c r="KK16" s="71">
        <v>50</v>
      </c>
      <c r="KL16" s="72">
        <v>482</v>
      </c>
      <c r="KM16" s="73">
        <v>770</v>
      </c>
    </row>
    <row r="17" spans="2:299" ht="21" customHeight="1" x14ac:dyDescent="0.2">
      <c r="B17" s="126" t="s">
        <v>13</v>
      </c>
      <c r="C17" s="315">
        <v>43</v>
      </c>
      <c r="D17" s="82">
        <v>38</v>
      </c>
      <c r="E17" s="83">
        <v>81</v>
      </c>
      <c r="F17" s="241"/>
      <c r="G17" s="82">
        <v>60</v>
      </c>
      <c r="H17" s="82">
        <v>59</v>
      </c>
      <c r="I17" s="82">
        <v>38</v>
      </c>
      <c r="J17" s="82">
        <v>24</v>
      </c>
      <c r="K17" s="82">
        <v>21</v>
      </c>
      <c r="L17" s="84">
        <v>202</v>
      </c>
      <c r="M17" s="85">
        <v>283</v>
      </c>
      <c r="N17" s="70">
        <v>0</v>
      </c>
      <c r="O17" s="71">
        <v>1</v>
      </c>
      <c r="P17" s="72">
        <v>1</v>
      </c>
      <c r="Q17" s="244"/>
      <c r="R17" s="71">
        <v>3</v>
      </c>
      <c r="S17" s="71">
        <v>1</v>
      </c>
      <c r="T17" s="71">
        <v>0</v>
      </c>
      <c r="U17" s="71">
        <v>1</v>
      </c>
      <c r="V17" s="71">
        <v>0</v>
      </c>
      <c r="W17" s="72">
        <v>5</v>
      </c>
      <c r="X17" s="73">
        <v>6</v>
      </c>
      <c r="Y17" s="70">
        <v>2</v>
      </c>
      <c r="Z17" s="71">
        <v>2</v>
      </c>
      <c r="AA17" s="72">
        <v>4</v>
      </c>
      <c r="AB17" s="244"/>
      <c r="AC17" s="71">
        <v>2</v>
      </c>
      <c r="AD17" s="71">
        <v>2</v>
      </c>
      <c r="AE17" s="71">
        <v>0</v>
      </c>
      <c r="AF17" s="71">
        <v>0</v>
      </c>
      <c r="AG17" s="71">
        <v>0</v>
      </c>
      <c r="AH17" s="72">
        <v>4</v>
      </c>
      <c r="AI17" s="73">
        <v>8</v>
      </c>
      <c r="AJ17" s="70">
        <v>2</v>
      </c>
      <c r="AK17" s="71">
        <v>2</v>
      </c>
      <c r="AL17" s="72">
        <v>4</v>
      </c>
      <c r="AM17" s="244"/>
      <c r="AN17" s="71">
        <v>7</v>
      </c>
      <c r="AO17" s="71">
        <v>6</v>
      </c>
      <c r="AP17" s="71">
        <v>5</v>
      </c>
      <c r="AQ17" s="71">
        <v>3</v>
      </c>
      <c r="AR17" s="71">
        <v>1</v>
      </c>
      <c r="AS17" s="72">
        <v>22</v>
      </c>
      <c r="AT17" s="73">
        <v>26</v>
      </c>
      <c r="AU17" s="70">
        <v>11</v>
      </c>
      <c r="AV17" s="71">
        <v>9</v>
      </c>
      <c r="AW17" s="72">
        <v>20</v>
      </c>
      <c r="AX17" s="244"/>
      <c r="AY17" s="71">
        <v>17</v>
      </c>
      <c r="AZ17" s="71">
        <v>10</v>
      </c>
      <c r="BA17" s="71">
        <v>9</v>
      </c>
      <c r="BB17" s="71">
        <v>6</v>
      </c>
      <c r="BC17" s="71">
        <v>4</v>
      </c>
      <c r="BD17" s="72">
        <v>46</v>
      </c>
      <c r="BE17" s="73">
        <v>66</v>
      </c>
      <c r="BF17" s="70">
        <v>14</v>
      </c>
      <c r="BG17" s="71">
        <v>12</v>
      </c>
      <c r="BH17" s="72">
        <v>26</v>
      </c>
      <c r="BI17" s="244"/>
      <c r="BJ17" s="71">
        <v>14</v>
      </c>
      <c r="BK17" s="71">
        <v>16</v>
      </c>
      <c r="BL17" s="71">
        <v>11</v>
      </c>
      <c r="BM17" s="71">
        <v>7</v>
      </c>
      <c r="BN17" s="71">
        <v>10</v>
      </c>
      <c r="BO17" s="72">
        <v>58</v>
      </c>
      <c r="BP17" s="73">
        <v>84</v>
      </c>
      <c r="BQ17" s="70">
        <v>14</v>
      </c>
      <c r="BR17" s="71">
        <v>12</v>
      </c>
      <c r="BS17" s="72">
        <v>26</v>
      </c>
      <c r="BT17" s="244"/>
      <c r="BU17" s="71">
        <v>17</v>
      </c>
      <c r="BV17" s="71">
        <v>24</v>
      </c>
      <c r="BW17" s="71">
        <v>13</v>
      </c>
      <c r="BX17" s="71">
        <v>7</v>
      </c>
      <c r="BY17" s="71">
        <v>6</v>
      </c>
      <c r="BZ17" s="72">
        <v>67</v>
      </c>
      <c r="CA17" s="73">
        <v>93</v>
      </c>
      <c r="CB17" s="70">
        <v>0</v>
      </c>
      <c r="CC17" s="71">
        <v>0</v>
      </c>
      <c r="CD17" s="72">
        <v>0</v>
      </c>
      <c r="CE17" s="244"/>
      <c r="CF17" s="71">
        <v>0</v>
      </c>
      <c r="CG17" s="71">
        <v>0</v>
      </c>
      <c r="CH17" s="71">
        <v>0</v>
      </c>
      <c r="CI17" s="71">
        <v>0</v>
      </c>
      <c r="CJ17" s="71">
        <v>0</v>
      </c>
      <c r="CK17" s="72">
        <v>0</v>
      </c>
      <c r="CL17" s="73">
        <v>0</v>
      </c>
      <c r="CM17" s="70">
        <v>43</v>
      </c>
      <c r="CN17" s="71">
        <v>38</v>
      </c>
      <c r="CO17" s="72">
        <v>81</v>
      </c>
      <c r="CP17" s="244"/>
      <c r="CQ17" s="71">
        <v>60</v>
      </c>
      <c r="CR17" s="71">
        <v>59</v>
      </c>
      <c r="CS17" s="71">
        <v>38</v>
      </c>
      <c r="CT17" s="71">
        <v>24</v>
      </c>
      <c r="CU17" s="71">
        <v>21</v>
      </c>
      <c r="CV17" s="72">
        <v>202</v>
      </c>
      <c r="CW17" s="73">
        <v>283</v>
      </c>
      <c r="CX17" s="123">
        <v>16</v>
      </c>
      <c r="CY17" s="82">
        <v>12</v>
      </c>
      <c r="CZ17" s="83">
        <v>28</v>
      </c>
      <c r="DA17" s="241"/>
      <c r="DB17" s="82">
        <v>28</v>
      </c>
      <c r="DC17" s="82">
        <v>23</v>
      </c>
      <c r="DD17" s="82">
        <v>11</v>
      </c>
      <c r="DE17" s="82">
        <v>12</v>
      </c>
      <c r="DF17" s="82">
        <v>13</v>
      </c>
      <c r="DG17" s="84">
        <v>87</v>
      </c>
      <c r="DH17" s="85">
        <v>115</v>
      </c>
      <c r="DI17" s="70">
        <v>1</v>
      </c>
      <c r="DJ17" s="71">
        <v>0</v>
      </c>
      <c r="DK17" s="72">
        <v>1</v>
      </c>
      <c r="DL17" s="244"/>
      <c r="DM17" s="71">
        <v>0</v>
      </c>
      <c r="DN17" s="71">
        <v>0</v>
      </c>
      <c r="DO17" s="71">
        <v>0</v>
      </c>
      <c r="DP17" s="71">
        <v>0</v>
      </c>
      <c r="DQ17" s="71">
        <v>0</v>
      </c>
      <c r="DR17" s="72">
        <v>0</v>
      </c>
      <c r="DS17" s="73">
        <v>1</v>
      </c>
      <c r="DT17" s="70">
        <v>2</v>
      </c>
      <c r="DU17" s="71">
        <v>0</v>
      </c>
      <c r="DV17" s="72">
        <v>2</v>
      </c>
      <c r="DW17" s="244"/>
      <c r="DX17" s="71">
        <v>4</v>
      </c>
      <c r="DY17" s="71">
        <v>0</v>
      </c>
      <c r="DZ17" s="71">
        <v>1</v>
      </c>
      <c r="EA17" s="71">
        <v>0</v>
      </c>
      <c r="EB17" s="71">
        <v>1</v>
      </c>
      <c r="EC17" s="72">
        <v>6</v>
      </c>
      <c r="ED17" s="73">
        <v>8</v>
      </c>
      <c r="EE17" s="70">
        <v>2</v>
      </c>
      <c r="EF17" s="71">
        <v>0</v>
      </c>
      <c r="EG17" s="72">
        <v>2</v>
      </c>
      <c r="EH17" s="244"/>
      <c r="EI17" s="71">
        <v>4</v>
      </c>
      <c r="EJ17" s="71">
        <v>0</v>
      </c>
      <c r="EK17" s="71">
        <v>1</v>
      </c>
      <c r="EL17" s="71">
        <v>1</v>
      </c>
      <c r="EM17" s="71">
        <v>1</v>
      </c>
      <c r="EN17" s="72">
        <v>7</v>
      </c>
      <c r="EO17" s="73">
        <v>9</v>
      </c>
      <c r="EP17" s="70">
        <v>2</v>
      </c>
      <c r="EQ17" s="71">
        <v>3</v>
      </c>
      <c r="ER17" s="72">
        <v>5</v>
      </c>
      <c r="ES17" s="244"/>
      <c r="ET17" s="71">
        <v>6</v>
      </c>
      <c r="EU17" s="71">
        <v>5</v>
      </c>
      <c r="EV17" s="71">
        <v>2</v>
      </c>
      <c r="EW17" s="71">
        <v>0</v>
      </c>
      <c r="EX17" s="71">
        <v>2</v>
      </c>
      <c r="EY17" s="72">
        <v>15</v>
      </c>
      <c r="EZ17" s="73">
        <v>20</v>
      </c>
      <c r="FA17" s="70">
        <v>6</v>
      </c>
      <c r="FB17" s="71">
        <v>5</v>
      </c>
      <c r="FC17" s="72">
        <v>11</v>
      </c>
      <c r="FD17" s="244"/>
      <c r="FE17" s="71">
        <v>8</v>
      </c>
      <c r="FF17" s="71">
        <v>8</v>
      </c>
      <c r="FG17" s="71">
        <v>1</v>
      </c>
      <c r="FH17" s="71">
        <v>3</v>
      </c>
      <c r="FI17" s="71">
        <v>0</v>
      </c>
      <c r="FJ17" s="72">
        <v>20</v>
      </c>
      <c r="FK17" s="73">
        <v>31</v>
      </c>
      <c r="FL17" s="70">
        <v>3</v>
      </c>
      <c r="FM17" s="71">
        <v>4</v>
      </c>
      <c r="FN17" s="72">
        <v>7</v>
      </c>
      <c r="FO17" s="244"/>
      <c r="FP17" s="71">
        <v>6</v>
      </c>
      <c r="FQ17" s="71">
        <v>10</v>
      </c>
      <c r="FR17" s="71">
        <v>6</v>
      </c>
      <c r="FS17" s="71">
        <v>8</v>
      </c>
      <c r="FT17" s="71">
        <v>9</v>
      </c>
      <c r="FU17" s="72">
        <v>39</v>
      </c>
      <c r="FV17" s="73">
        <v>46</v>
      </c>
      <c r="FW17" s="70">
        <v>0</v>
      </c>
      <c r="FX17" s="71">
        <v>0</v>
      </c>
      <c r="FY17" s="72">
        <v>0</v>
      </c>
      <c r="FZ17" s="244"/>
      <c r="GA17" s="71">
        <v>0</v>
      </c>
      <c r="GB17" s="71">
        <v>0</v>
      </c>
      <c r="GC17" s="71">
        <v>0</v>
      </c>
      <c r="GD17" s="71">
        <v>0</v>
      </c>
      <c r="GE17" s="71">
        <v>0</v>
      </c>
      <c r="GF17" s="72">
        <v>0</v>
      </c>
      <c r="GG17" s="73">
        <v>0</v>
      </c>
      <c r="GH17" s="70">
        <v>16</v>
      </c>
      <c r="GI17" s="71">
        <v>12</v>
      </c>
      <c r="GJ17" s="72">
        <v>28</v>
      </c>
      <c r="GK17" s="244"/>
      <c r="GL17" s="71">
        <v>28</v>
      </c>
      <c r="GM17" s="71">
        <v>23</v>
      </c>
      <c r="GN17" s="71">
        <v>11</v>
      </c>
      <c r="GO17" s="71">
        <v>12</v>
      </c>
      <c r="GP17" s="71">
        <v>13</v>
      </c>
      <c r="GQ17" s="72">
        <v>87</v>
      </c>
      <c r="GR17" s="73">
        <v>115</v>
      </c>
      <c r="GS17" s="123">
        <v>59</v>
      </c>
      <c r="GT17" s="82">
        <v>50</v>
      </c>
      <c r="GU17" s="83">
        <v>109</v>
      </c>
      <c r="GV17" s="241"/>
      <c r="GW17" s="82">
        <v>88</v>
      </c>
      <c r="GX17" s="82">
        <v>82</v>
      </c>
      <c r="GY17" s="82">
        <v>49</v>
      </c>
      <c r="GZ17" s="82">
        <v>36</v>
      </c>
      <c r="HA17" s="82">
        <v>34</v>
      </c>
      <c r="HB17" s="84">
        <v>289</v>
      </c>
      <c r="HC17" s="85">
        <v>398</v>
      </c>
      <c r="HD17" s="70">
        <v>1</v>
      </c>
      <c r="HE17" s="71">
        <v>1</v>
      </c>
      <c r="HF17" s="72">
        <v>2</v>
      </c>
      <c r="HG17" s="244"/>
      <c r="HH17" s="71">
        <v>3</v>
      </c>
      <c r="HI17" s="71">
        <v>1</v>
      </c>
      <c r="HJ17" s="71">
        <v>0</v>
      </c>
      <c r="HK17" s="71">
        <v>1</v>
      </c>
      <c r="HL17" s="71">
        <v>0</v>
      </c>
      <c r="HM17" s="72">
        <v>5</v>
      </c>
      <c r="HN17" s="73">
        <v>7</v>
      </c>
      <c r="HO17" s="70">
        <v>4</v>
      </c>
      <c r="HP17" s="71">
        <v>2</v>
      </c>
      <c r="HQ17" s="72">
        <v>6</v>
      </c>
      <c r="HR17" s="244"/>
      <c r="HS17" s="71">
        <v>6</v>
      </c>
      <c r="HT17" s="71">
        <v>2</v>
      </c>
      <c r="HU17" s="71">
        <v>1</v>
      </c>
      <c r="HV17" s="71">
        <v>0</v>
      </c>
      <c r="HW17" s="71">
        <v>1</v>
      </c>
      <c r="HX17" s="72">
        <v>10</v>
      </c>
      <c r="HY17" s="73">
        <v>16</v>
      </c>
      <c r="HZ17" s="70">
        <v>4</v>
      </c>
      <c r="IA17" s="71">
        <v>2</v>
      </c>
      <c r="IB17" s="72">
        <v>6</v>
      </c>
      <c r="IC17" s="244"/>
      <c r="ID17" s="71">
        <v>11</v>
      </c>
      <c r="IE17" s="71">
        <v>6</v>
      </c>
      <c r="IF17" s="71">
        <v>6</v>
      </c>
      <c r="IG17" s="71">
        <v>4</v>
      </c>
      <c r="IH17" s="71">
        <v>2</v>
      </c>
      <c r="II17" s="72">
        <v>29</v>
      </c>
      <c r="IJ17" s="73">
        <v>35</v>
      </c>
      <c r="IK17" s="70">
        <v>13</v>
      </c>
      <c r="IL17" s="71">
        <v>12</v>
      </c>
      <c r="IM17" s="72">
        <v>25</v>
      </c>
      <c r="IN17" s="244"/>
      <c r="IO17" s="71">
        <v>23</v>
      </c>
      <c r="IP17" s="71">
        <v>15</v>
      </c>
      <c r="IQ17" s="71">
        <v>11</v>
      </c>
      <c r="IR17" s="71">
        <v>6</v>
      </c>
      <c r="IS17" s="71">
        <v>6</v>
      </c>
      <c r="IT17" s="72">
        <v>61</v>
      </c>
      <c r="IU17" s="73">
        <v>86</v>
      </c>
      <c r="IV17" s="70">
        <v>20</v>
      </c>
      <c r="IW17" s="71">
        <v>17</v>
      </c>
      <c r="IX17" s="72">
        <v>37</v>
      </c>
      <c r="IY17" s="244"/>
      <c r="IZ17" s="71">
        <v>22</v>
      </c>
      <c r="JA17" s="71">
        <v>24</v>
      </c>
      <c r="JB17" s="71">
        <v>12</v>
      </c>
      <c r="JC17" s="71">
        <v>10</v>
      </c>
      <c r="JD17" s="71">
        <v>10</v>
      </c>
      <c r="JE17" s="72">
        <v>78</v>
      </c>
      <c r="JF17" s="73">
        <v>115</v>
      </c>
      <c r="JG17" s="70">
        <v>17</v>
      </c>
      <c r="JH17" s="71">
        <v>16</v>
      </c>
      <c r="JI17" s="72">
        <v>33</v>
      </c>
      <c r="JJ17" s="244"/>
      <c r="JK17" s="71">
        <v>23</v>
      </c>
      <c r="JL17" s="71">
        <v>34</v>
      </c>
      <c r="JM17" s="71">
        <v>19</v>
      </c>
      <c r="JN17" s="71">
        <v>15</v>
      </c>
      <c r="JO17" s="71">
        <v>15</v>
      </c>
      <c r="JP17" s="72">
        <v>106</v>
      </c>
      <c r="JQ17" s="73">
        <v>139</v>
      </c>
      <c r="JR17" s="70">
        <v>0</v>
      </c>
      <c r="JS17" s="71">
        <v>0</v>
      </c>
      <c r="JT17" s="72">
        <v>0</v>
      </c>
      <c r="JU17" s="244"/>
      <c r="JV17" s="71">
        <v>0</v>
      </c>
      <c r="JW17" s="71">
        <v>0</v>
      </c>
      <c r="JX17" s="71">
        <v>0</v>
      </c>
      <c r="JY17" s="71">
        <v>0</v>
      </c>
      <c r="JZ17" s="71">
        <v>0</v>
      </c>
      <c r="KA17" s="72">
        <v>0</v>
      </c>
      <c r="KB17" s="73">
        <v>0</v>
      </c>
      <c r="KC17" s="70">
        <v>59</v>
      </c>
      <c r="KD17" s="71">
        <v>50</v>
      </c>
      <c r="KE17" s="72">
        <v>109</v>
      </c>
      <c r="KF17" s="244"/>
      <c r="KG17" s="71">
        <v>88</v>
      </c>
      <c r="KH17" s="71">
        <v>82</v>
      </c>
      <c r="KI17" s="71">
        <v>49</v>
      </c>
      <c r="KJ17" s="71">
        <v>36</v>
      </c>
      <c r="KK17" s="71">
        <v>34</v>
      </c>
      <c r="KL17" s="72">
        <v>289</v>
      </c>
      <c r="KM17" s="73">
        <v>398</v>
      </c>
    </row>
    <row r="18" spans="2:299" ht="21" customHeight="1" x14ac:dyDescent="0.2">
      <c r="B18" s="126" t="s">
        <v>15</v>
      </c>
      <c r="C18" s="315">
        <v>8</v>
      </c>
      <c r="D18" s="82">
        <v>10</v>
      </c>
      <c r="E18" s="83">
        <v>18</v>
      </c>
      <c r="F18" s="241"/>
      <c r="G18" s="82">
        <v>15</v>
      </c>
      <c r="H18" s="82">
        <v>14</v>
      </c>
      <c r="I18" s="82">
        <v>7</v>
      </c>
      <c r="J18" s="82">
        <v>13</v>
      </c>
      <c r="K18" s="82">
        <v>7</v>
      </c>
      <c r="L18" s="84">
        <v>56</v>
      </c>
      <c r="M18" s="85">
        <v>74</v>
      </c>
      <c r="N18" s="70">
        <v>0</v>
      </c>
      <c r="O18" s="71">
        <v>1</v>
      </c>
      <c r="P18" s="72">
        <v>1</v>
      </c>
      <c r="Q18" s="244"/>
      <c r="R18" s="71">
        <v>0</v>
      </c>
      <c r="S18" s="71">
        <v>2</v>
      </c>
      <c r="T18" s="71">
        <v>0</v>
      </c>
      <c r="U18" s="71">
        <v>2</v>
      </c>
      <c r="V18" s="71">
        <v>1</v>
      </c>
      <c r="W18" s="72">
        <v>5</v>
      </c>
      <c r="X18" s="73">
        <v>6</v>
      </c>
      <c r="Y18" s="70">
        <v>0</v>
      </c>
      <c r="Z18" s="71">
        <v>0</v>
      </c>
      <c r="AA18" s="72">
        <v>0</v>
      </c>
      <c r="AB18" s="244"/>
      <c r="AC18" s="71">
        <v>0</v>
      </c>
      <c r="AD18" s="71">
        <v>0</v>
      </c>
      <c r="AE18" s="71">
        <v>0</v>
      </c>
      <c r="AF18" s="71">
        <v>2</v>
      </c>
      <c r="AG18" s="71">
        <v>1</v>
      </c>
      <c r="AH18" s="72">
        <v>3</v>
      </c>
      <c r="AI18" s="73">
        <v>3</v>
      </c>
      <c r="AJ18" s="70">
        <v>0</v>
      </c>
      <c r="AK18" s="71">
        <v>2</v>
      </c>
      <c r="AL18" s="72">
        <v>2</v>
      </c>
      <c r="AM18" s="244"/>
      <c r="AN18" s="71">
        <v>3</v>
      </c>
      <c r="AO18" s="71">
        <v>3</v>
      </c>
      <c r="AP18" s="71">
        <v>2</v>
      </c>
      <c r="AQ18" s="71">
        <v>2</v>
      </c>
      <c r="AR18" s="71">
        <v>1</v>
      </c>
      <c r="AS18" s="72">
        <v>11</v>
      </c>
      <c r="AT18" s="73">
        <v>13</v>
      </c>
      <c r="AU18" s="70">
        <v>3</v>
      </c>
      <c r="AV18" s="71">
        <v>4</v>
      </c>
      <c r="AW18" s="72">
        <v>7</v>
      </c>
      <c r="AX18" s="244"/>
      <c r="AY18" s="71">
        <v>4</v>
      </c>
      <c r="AZ18" s="71">
        <v>3</v>
      </c>
      <c r="BA18" s="71">
        <v>2</v>
      </c>
      <c r="BB18" s="71">
        <v>1</v>
      </c>
      <c r="BC18" s="71">
        <v>1</v>
      </c>
      <c r="BD18" s="72">
        <v>11</v>
      </c>
      <c r="BE18" s="73">
        <v>18</v>
      </c>
      <c r="BF18" s="70">
        <v>2</v>
      </c>
      <c r="BG18" s="71">
        <v>3</v>
      </c>
      <c r="BH18" s="72">
        <v>5</v>
      </c>
      <c r="BI18" s="244"/>
      <c r="BJ18" s="71">
        <v>4</v>
      </c>
      <c r="BK18" s="71">
        <v>2</v>
      </c>
      <c r="BL18" s="71">
        <v>2</v>
      </c>
      <c r="BM18" s="71">
        <v>5</v>
      </c>
      <c r="BN18" s="71">
        <v>0</v>
      </c>
      <c r="BO18" s="72">
        <v>13</v>
      </c>
      <c r="BP18" s="73">
        <v>18</v>
      </c>
      <c r="BQ18" s="70">
        <v>3</v>
      </c>
      <c r="BR18" s="71">
        <v>0</v>
      </c>
      <c r="BS18" s="72">
        <v>3</v>
      </c>
      <c r="BT18" s="244"/>
      <c r="BU18" s="71">
        <v>4</v>
      </c>
      <c r="BV18" s="71">
        <v>4</v>
      </c>
      <c r="BW18" s="71">
        <v>1</v>
      </c>
      <c r="BX18" s="71">
        <v>1</v>
      </c>
      <c r="BY18" s="71">
        <v>3</v>
      </c>
      <c r="BZ18" s="72">
        <v>13</v>
      </c>
      <c r="CA18" s="73">
        <v>16</v>
      </c>
      <c r="CB18" s="70">
        <v>0</v>
      </c>
      <c r="CC18" s="71">
        <v>0</v>
      </c>
      <c r="CD18" s="72">
        <v>0</v>
      </c>
      <c r="CE18" s="244"/>
      <c r="CF18" s="71">
        <v>0</v>
      </c>
      <c r="CG18" s="71">
        <v>0</v>
      </c>
      <c r="CH18" s="71">
        <v>0</v>
      </c>
      <c r="CI18" s="71">
        <v>0</v>
      </c>
      <c r="CJ18" s="71">
        <v>0</v>
      </c>
      <c r="CK18" s="72">
        <v>0</v>
      </c>
      <c r="CL18" s="73">
        <v>0</v>
      </c>
      <c r="CM18" s="70">
        <v>8</v>
      </c>
      <c r="CN18" s="71">
        <v>10</v>
      </c>
      <c r="CO18" s="72">
        <v>18</v>
      </c>
      <c r="CP18" s="244"/>
      <c r="CQ18" s="71">
        <v>15</v>
      </c>
      <c r="CR18" s="71">
        <v>14</v>
      </c>
      <c r="CS18" s="71">
        <v>7</v>
      </c>
      <c r="CT18" s="71">
        <v>13</v>
      </c>
      <c r="CU18" s="71">
        <v>7</v>
      </c>
      <c r="CV18" s="72">
        <v>56</v>
      </c>
      <c r="CW18" s="73">
        <v>74</v>
      </c>
      <c r="CX18" s="123">
        <v>3</v>
      </c>
      <c r="CY18" s="82">
        <v>5</v>
      </c>
      <c r="CZ18" s="83">
        <v>8</v>
      </c>
      <c r="DA18" s="241"/>
      <c r="DB18" s="82">
        <v>11</v>
      </c>
      <c r="DC18" s="82">
        <v>8</v>
      </c>
      <c r="DD18" s="82">
        <v>5</v>
      </c>
      <c r="DE18" s="82">
        <v>4</v>
      </c>
      <c r="DF18" s="82">
        <v>3</v>
      </c>
      <c r="DG18" s="84">
        <v>31</v>
      </c>
      <c r="DH18" s="85">
        <v>39</v>
      </c>
      <c r="DI18" s="70">
        <v>0</v>
      </c>
      <c r="DJ18" s="71">
        <v>0</v>
      </c>
      <c r="DK18" s="72">
        <v>0</v>
      </c>
      <c r="DL18" s="244"/>
      <c r="DM18" s="71">
        <v>0</v>
      </c>
      <c r="DN18" s="71">
        <v>0</v>
      </c>
      <c r="DO18" s="71">
        <v>0</v>
      </c>
      <c r="DP18" s="71">
        <v>0</v>
      </c>
      <c r="DQ18" s="71">
        <v>0</v>
      </c>
      <c r="DR18" s="72">
        <v>0</v>
      </c>
      <c r="DS18" s="73">
        <v>0</v>
      </c>
      <c r="DT18" s="70">
        <v>1</v>
      </c>
      <c r="DU18" s="71">
        <v>0</v>
      </c>
      <c r="DV18" s="72">
        <v>1</v>
      </c>
      <c r="DW18" s="244"/>
      <c r="DX18" s="71">
        <v>0</v>
      </c>
      <c r="DY18" s="71">
        <v>1</v>
      </c>
      <c r="DZ18" s="71">
        <v>0</v>
      </c>
      <c r="EA18" s="71">
        <v>0</v>
      </c>
      <c r="EB18" s="71">
        <v>0</v>
      </c>
      <c r="EC18" s="72">
        <v>1</v>
      </c>
      <c r="ED18" s="73">
        <v>2</v>
      </c>
      <c r="EE18" s="70">
        <v>0</v>
      </c>
      <c r="EF18" s="71">
        <v>2</v>
      </c>
      <c r="EG18" s="72">
        <v>2</v>
      </c>
      <c r="EH18" s="244"/>
      <c r="EI18" s="71">
        <v>4</v>
      </c>
      <c r="EJ18" s="71">
        <v>0</v>
      </c>
      <c r="EK18" s="71">
        <v>1</v>
      </c>
      <c r="EL18" s="71">
        <v>0</v>
      </c>
      <c r="EM18" s="71">
        <v>1</v>
      </c>
      <c r="EN18" s="72">
        <v>6</v>
      </c>
      <c r="EO18" s="73">
        <v>8</v>
      </c>
      <c r="EP18" s="70">
        <v>0</v>
      </c>
      <c r="EQ18" s="71">
        <v>2</v>
      </c>
      <c r="ER18" s="72">
        <v>2</v>
      </c>
      <c r="ES18" s="244"/>
      <c r="ET18" s="71">
        <v>1</v>
      </c>
      <c r="EU18" s="71">
        <v>0</v>
      </c>
      <c r="EV18" s="71">
        <v>0</v>
      </c>
      <c r="EW18" s="71">
        <v>1</v>
      </c>
      <c r="EX18" s="71">
        <v>0</v>
      </c>
      <c r="EY18" s="72">
        <v>2</v>
      </c>
      <c r="EZ18" s="73">
        <v>4</v>
      </c>
      <c r="FA18" s="70">
        <v>0</v>
      </c>
      <c r="FB18" s="71">
        <v>0</v>
      </c>
      <c r="FC18" s="72">
        <v>0</v>
      </c>
      <c r="FD18" s="244"/>
      <c r="FE18" s="71">
        <v>3</v>
      </c>
      <c r="FF18" s="71">
        <v>1</v>
      </c>
      <c r="FG18" s="71">
        <v>1</v>
      </c>
      <c r="FH18" s="71">
        <v>0</v>
      </c>
      <c r="FI18" s="71">
        <v>0</v>
      </c>
      <c r="FJ18" s="72">
        <v>5</v>
      </c>
      <c r="FK18" s="73">
        <v>5</v>
      </c>
      <c r="FL18" s="70">
        <v>2</v>
      </c>
      <c r="FM18" s="71">
        <v>1</v>
      </c>
      <c r="FN18" s="72">
        <v>3</v>
      </c>
      <c r="FO18" s="244"/>
      <c r="FP18" s="71">
        <v>3</v>
      </c>
      <c r="FQ18" s="71">
        <v>6</v>
      </c>
      <c r="FR18" s="71">
        <v>3</v>
      </c>
      <c r="FS18" s="71">
        <v>3</v>
      </c>
      <c r="FT18" s="71">
        <v>2</v>
      </c>
      <c r="FU18" s="72">
        <v>17</v>
      </c>
      <c r="FV18" s="73">
        <v>20</v>
      </c>
      <c r="FW18" s="70">
        <v>0</v>
      </c>
      <c r="FX18" s="71">
        <v>0</v>
      </c>
      <c r="FY18" s="72">
        <v>0</v>
      </c>
      <c r="FZ18" s="244"/>
      <c r="GA18" s="71">
        <v>0</v>
      </c>
      <c r="GB18" s="71">
        <v>0</v>
      </c>
      <c r="GC18" s="71">
        <v>0</v>
      </c>
      <c r="GD18" s="71">
        <v>0</v>
      </c>
      <c r="GE18" s="71">
        <v>0</v>
      </c>
      <c r="GF18" s="72">
        <v>0</v>
      </c>
      <c r="GG18" s="73">
        <v>0</v>
      </c>
      <c r="GH18" s="70">
        <v>3</v>
      </c>
      <c r="GI18" s="71">
        <v>5</v>
      </c>
      <c r="GJ18" s="72">
        <v>8</v>
      </c>
      <c r="GK18" s="244"/>
      <c r="GL18" s="71">
        <v>11</v>
      </c>
      <c r="GM18" s="71">
        <v>8</v>
      </c>
      <c r="GN18" s="71">
        <v>5</v>
      </c>
      <c r="GO18" s="71">
        <v>4</v>
      </c>
      <c r="GP18" s="71">
        <v>3</v>
      </c>
      <c r="GQ18" s="72">
        <v>31</v>
      </c>
      <c r="GR18" s="73">
        <v>39</v>
      </c>
      <c r="GS18" s="123">
        <v>11</v>
      </c>
      <c r="GT18" s="82">
        <v>15</v>
      </c>
      <c r="GU18" s="83">
        <v>26</v>
      </c>
      <c r="GV18" s="241"/>
      <c r="GW18" s="82">
        <v>26</v>
      </c>
      <c r="GX18" s="82">
        <v>22</v>
      </c>
      <c r="GY18" s="82">
        <v>12</v>
      </c>
      <c r="GZ18" s="82">
        <v>17</v>
      </c>
      <c r="HA18" s="82">
        <v>10</v>
      </c>
      <c r="HB18" s="84">
        <v>87</v>
      </c>
      <c r="HC18" s="85">
        <v>113</v>
      </c>
      <c r="HD18" s="70">
        <v>0</v>
      </c>
      <c r="HE18" s="71">
        <v>1</v>
      </c>
      <c r="HF18" s="72">
        <v>1</v>
      </c>
      <c r="HG18" s="244"/>
      <c r="HH18" s="71">
        <v>0</v>
      </c>
      <c r="HI18" s="71">
        <v>2</v>
      </c>
      <c r="HJ18" s="71">
        <v>0</v>
      </c>
      <c r="HK18" s="71">
        <v>2</v>
      </c>
      <c r="HL18" s="71">
        <v>1</v>
      </c>
      <c r="HM18" s="72">
        <v>5</v>
      </c>
      <c r="HN18" s="73">
        <v>6</v>
      </c>
      <c r="HO18" s="70">
        <v>1</v>
      </c>
      <c r="HP18" s="71">
        <v>0</v>
      </c>
      <c r="HQ18" s="72">
        <v>1</v>
      </c>
      <c r="HR18" s="244"/>
      <c r="HS18" s="71">
        <v>0</v>
      </c>
      <c r="HT18" s="71">
        <v>1</v>
      </c>
      <c r="HU18" s="71">
        <v>0</v>
      </c>
      <c r="HV18" s="71">
        <v>2</v>
      </c>
      <c r="HW18" s="71">
        <v>1</v>
      </c>
      <c r="HX18" s="72">
        <v>4</v>
      </c>
      <c r="HY18" s="73">
        <v>5</v>
      </c>
      <c r="HZ18" s="70">
        <v>0</v>
      </c>
      <c r="IA18" s="71">
        <v>4</v>
      </c>
      <c r="IB18" s="72">
        <v>4</v>
      </c>
      <c r="IC18" s="244"/>
      <c r="ID18" s="71">
        <v>7</v>
      </c>
      <c r="IE18" s="71">
        <v>3</v>
      </c>
      <c r="IF18" s="71">
        <v>3</v>
      </c>
      <c r="IG18" s="71">
        <v>2</v>
      </c>
      <c r="IH18" s="71">
        <v>2</v>
      </c>
      <c r="II18" s="72">
        <v>17</v>
      </c>
      <c r="IJ18" s="73">
        <v>21</v>
      </c>
      <c r="IK18" s="70">
        <v>3</v>
      </c>
      <c r="IL18" s="71">
        <v>6</v>
      </c>
      <c r="IM18" s="72">
        <v>9</v>
      </c>
      <c r="IN18" s="244"/>
      <c r="IO18" s="71">
        <v>5</v>
      </c>
      <c r="IP18" s="71">
        <v>3</v>
      </c>
      <c r="IQ18" s="71">
        <v>2</v>
      </c>
      <c r="IR18" s="71">
        <v>2</v>
      </c>
      <c r="IS18" s="71">
        <v>1</v>
      </c>
      <c r="IT18" s="72">
        <v>13</v>
      </c>
      <c r="IU18" s="73">
        <v>22</v>
      </c>
      <c r="IV18" s="70">
        <v>2</v>
      </c>
      <c r="IW18" s="71">
        <v>3</v>
      </c>
      <c r="IX18" s="72">
        <v>5</v>
      </c>
      <c r="IY18" s="244"/>
      <c r="IZ18" s="71">
        <v>7</v>
      </c>
      <c r="JA18" s="71">
        <v>3</v>
      </c>
      <c r="JB18" s="71">
        <v>3</v>
      </c>
      <c r="JC18" s="71">
        <v>5</v>
      </c>
      <c r="JD18" s="71">
        <v>0</v>
      </c>
      <c r="JE18" s="72">
        <v>18</v>
      </c>
      <c r="JF18" s="73">
        <v>23</v>
      </c>
      <c r="JG18" s="70">
        <v>5</v>
      </c>
      <c r="JH18" s="71">
        <v>1</v>
      </c>
      <c r="JI18" s="72">
        <v>6</v>
      </c>
      <c r="JJ18" s="244"/>
      <c r="JK18" s="71">
        <v>7</v>
      </c>
      <c r="JL18" s="71">
        <v>10</v>
      </c>
      <c r="JM18" s="71">
        <v>4</v>
      </c>
      <c r="JN18" s="71">
        <v>4</v>
      </c>
      <c r="JO18" s="71">
        <v>5</v>
      </c>
      <c r="JP18" s="72">
        <v>30</v>
      </c>
      <c r="JQ18" s="73">
        <v>36</v>
      </c>
      <c r="JR18" s="70">
        <v>0</v>
      </c>
      <c r="JS18" s="71">
        <v>0</v>
      </c>
      <c r="JT18" s="72">
        <v>0</v>
      </c>
      <c r="JU18" s="244"/>
      <c r="JV18" s="71">
        <v>0</v>
      </c>
      <c r="JW18" s="71">
        <v>0</v>
      </c>
      <c r="JX18" s="71">
        <v>0</v>
      </c>
      <c r="JY18" s="71">
        <v>0</v>
      </c>
      <c r="JZ18" s="71">
        <v>0</v>
      </c>
      <c r="KA18" s="72">
        <v>0</v>
      </c>
      <c r="KB18" s="73">
        <v>0</v>
      </c>
      <c r="KC18" s="70">
        <v>11</v>
      </c>
      <c r="KD18" s="71">
        <v>15</v>
      </c>
      <c r="KE18" s="72">
        <v>26</v>
      </c>
      <c r="KF18" s="244"/>
      <c r="KG18" s="71">
        <v>26</v>
      </c>
      <c r="KH18" s="71">
        <v>22</v>
      </c>
      <c r="KI18" s="71">
        <v>12</v>
      </c>
      <c r="KJ18" s="71">
        <v>17</v>
      </c>
      <c r="KK18" s="71">
        <v>10</v>
      </c>
      <c r="KL18" s="72">
        <v>87</v>
      </c>
      <c r="KM18" s="73">
        <v>113</v>
      </c>
    </row>
    <row r="19" spans="2:299" ht="21" customHeight="1" x14ac:dyDescent="0.2">
      <c r="B19" s="126" t="s">
        <v>16</v>
      </c>
      <c r="C19" s="315">
        <v>32</v>
      </c>
      <c r="D19" s="82">
        <v>31</v>
      </c>
      <c r="E19" s="83">
        <v>63</v>
      </c>
      <c r="F19" s="241"/>
      <c r="G19" s="82">
        <v>60</v>
      </c>
      <c r="H19" s="82">
        <v>67</v>
      </c>
      <c r="I19" s="82">
        <v>40</v>
      </c>
      <c r="J19" s="82">
        <v>24</v>
      </c>
      <c r="K19" s="82">
        <v>19</v>
      </c>
      <c r="L19" s="84">
        <v>210</v>
      </c>
      <c r="M19" s="85">
        <v>273</v>
      </c>
      <c r="N19" s="70">
        <v>0</v>
      </c>
      <c r="O19" s="71">
        <v>2</v>
      </c>
      <c r="P19" s="72">
        <v>2</v>
      </c>
      <c r="Q19" s="244"/>
      <c r="R19" s="71">
        <v>2</v>
      </c>
      <c r="S19" s="71">
        <v>1</v>
      </c>
      <c r="T19" s="71">
        <v>0</v>
      </c>
      <c r="U19" s="71">
        <v>0</v>
      </c>
      <c r="V19" s="71">
        <v>3</v>
      </c>
      <c r="W19" s="72">
        <v>6</v>
      </c>
      <c r="X19" s="73">
        <v>8</v>
      </c>
      <c r="Y19" s="70">
        <v>4</v>
      </c>
      <c r="Z19" s="71">
        <v>5</v>
      </c>
      <c r="AA19" s="72">
        <v>9</v>
      </c>
      <c r="AB19" s="244"/>
      <c r="AC19" s="71">
        <v>4</v>
      </c>
      <c r="AD19" s="71">
        <v>12</v>
      </c>
      <c r="AE19" s="71">
        <v>4</v>
      </c>
      <c r="AF19" s="71">
        <v>4</v>
      </c>
      <c r="AG19" s="71">
        <v>0</v>
      </c>
      <c r="AH19" s="72">
        <v>24</v>
      </c>
      <c r="AI19" s="73">
        <v>33</v>
      </c>
      <c r="AJ19" s="70">
        <v>9</v>
      </c>
      <c r="AK19" s="71">
        <v>4</v>
      </c>
      <c r="AL19" s="72">
        <v>13</v>
      </c>
      <c r="AM19" s="244"/>
      <c r="AN19" s="71">
        <v>6</v>
      </c>
      <c r="AO19" s="71">
        <v>13</v>
      </c>
      <c r="AP19" s="71">
        <v>7</v>
      </c>
      <c r="AQ19" s="71">
        <v>3</v>
      </c>
      <c r="AR19" s="71">
        <v>1</v>
      </c>
      <c r="AS19" s="72">
        <v>30</v>
      </c>
      <c r="AT19" s="73">
        <v>43</v>
      </c>
      <c r="AU19" s="70">
        <v>7</v>
      </c>
      <c r="AV19" s="71">
        <v>6</v>
      </c>
      <c r="AW19" s="72">
        <v>13</v>
      </c>
      <c r="AX19" s="244"/>
      <c r="AY19" s="71">
        <v>19</v>
      </c>
      <c r="AZ19" s="71">
        <v>18</v>
      </c>
      <c r="BA19" s="71">
        <v>8</v>
      </c>
      <c r="BB19" s="71">
        <v>0</v>
      </c>
      <c r="BC19" s="71">
        <v>7</v>
      </c>
      <c r="BD19" s="72">
        <v>52</v>
      </c>
      <c r="BE19" s="73">
        <v>65</v>
      </c>
      <c r="BF19" s="70">
        <v>10</v>
      </c>
      <c r="BG19" s="71">
        <v>10</v>
      </c>
      <c r="BH19" s="72">
        <v>20</v>
      </c>
      <c r="BI19" s="244"/>
      <c r="BJ19" s="71">
        <v>13</v>
      </c>
      <c r="BK19" s="71">
        <v>9</v>
      </c>
      <c r="BL19" s="71">
        <v>14</v>
      </c>
      <c r="BM19" s="71">
        <v>4</v>
      </c>
      <c r="BN19" s="71">
        <v>6</v>
      </c>
      <c r="BO19" s="72">
        <v>46</v>
      </c>
      <c r="BP19" s="73">
        <v>66</v>
      </c>
      <c r="BQ19" s="70">
        <v>2</v>
      </c>
      <c r="BR19" s="71">
        <v>4</v>
      </c>
      <c r="BS19" s="72">
        <v>6</v>
      </c>
      <c r="BT19" s="244"/>
      <c r="BU19" s="71">
        <v>16</v>
      </c>
      <c r="BV19" s="71">
        <v>14</v>
      </c>
      <c r="BW19" s="71">
        <v>7</v>
      </c>
      <c r="BX19" s="71">
        <v>13</v>
      </c>
      <c r="BY19" s="71">
        <v>2</v>
      </c>
      <c r="BZ19" s="72">
        <v>52</v>
      </c>
      <c r="CA19" s="73">
        <v>58</v>
      </c>
      <c r="CB19" s="70">
        <v>0</v>
      </c>
      <c r="CC19" s="71">
        <v>0</v>
      </c>
      <c r="CD19" s="72">
        <v>0</v>
      </c>
      <c r="CE19" s="244"/>
      <c r="CF19" s="71">
        <v>0</v>
      </c>
      <c r="CG19" s="71">
        <v>0</v>
      </c>
      <c r="CH19" s="71">
        <v>0</v>
      </c>
      <c r="CI19" s="71">
        <v>0</v>
      </c>
      <c r="CJ19" s="71">
        <v>0</v>
      </c>
      <c r="CK19" s="72">
        <v>0</v>
      </c>
      <c r="CL19" s="73">
        <v>0</v>
      </c>
      <c r="CM19" s="70">
        <v>32</v>
      </c>
      <c r="CN19" s="71">
        <v>31</v>
      </c>
      <c r="CO19" s="72">
        <v>63</v>
      </c>
      <c r="CP19" s="244"/>
      <c r="CQ19" s="71">
        <v>60</v>
      </c>
      <c r="CR19" s="71">
        <v>67</v>
      </c>
      <c r="CS19" s="71">
        <v>40</v>
      </c>
      <c r="CT19" s="71">
        <v>24</v>
      </c>
      <c r="CU19" s="71">
        <v>19</v>
      </c>
      <c r="CV19" s="72">
        <v>210</v>
      </c>
      <c r="CW19" s="73">
        <v>273</v>
      </c>
      <c r="CX19" s="123">
        <v>11</v>
      </c>
      <c r="CY19" s="82">
        <v>15</v>
      </c>
      <c r="CZ19" s="83">
        <v>26</v>
      </c>
      <c r="DA19" s="241"/>
      <c r="DB19" s="82">
        <v>21</v>
      </c>
      <c r="DC19" s="82">
        <v>25</v>
      </c>
      <c r="DD19" s="82">
        <v>19</v>
      </c>
      <c r="DE19" s="82">
        <v>16</v>
      </c>
      <c r="DF19" s="82">
        <v>8</v>
      </c>
      <c r="DG19" s="84">
        <v>89</v>
      </c>
      <c r="DH19" s="85">
        <v>115</v>
      </c>
      <c r="DI19" s="70">
        <v>0</v>
      </c>
      <c r="DJ19" s="71">
        <v>0</v>
      </c>
      <c r="DK19" s="72">
        <v>0</v>
      </c>
      <c r="DL19" s="244"/>
      <c r="DM19" s="71">
        <v>1</v>
      </c>
      <c r="DN19" s="71">
        <v>0</v>
      </c>
      <c r="DO19" s="71">
        <v>1</v>
      </c>
      <c r="DP19" s="71">
        <v>0</v>
      </c>
      <c r="DQ19" s="71">
        <v>0</v>
      </c>
      <c r="DR19" s="72">
        <v>2</v>
      </c>
      <c r="DS19" s="73">
        <v>2</v>
      </c>
      <c r="DT19" s="70">
        <v>1</v>
      </c>
      <c r="DU19" s="71">
        <v>2</v>
      </c>
      <c r="DV19" s="72">
        <v>3</v>
      </c>
      <c r="DW19" s="244"/>
      <c r="DX19" s="71">
        <v>3</v>
      </c>
      <c r="DY19" s="71">
        <v>3</v>
      </c>
      <c r="DZ19" s="71">
        <v>2</v>
      </c>
      <c r="EA19" s="71">
        <v>0</v>
      </c>
      <c r="EB19" s="71">
        <v>1</v>
      </c>
      <c r="EC19" s="72">
        <v>9</v>
      </c>
      <c r="ED19" s="73">
        <v>12</v>
      </c>
      <c r="EE19" s="70">
        <v>3</v>
      </c>
      <c r="EF19" s="71">
        <v>2</v>
      </c>
      <c r="EG19" s="72">
        <v>5</v>
      </c>
      <c r="EH19" s="244"/>
      <c r="EI19" s="71">
        <v>1</v>
      </c>
      <c r="EJ19" s="71">
        <v>2</v>
      </c>
      <c r="EK19" s="71">
        <v>2</v>
      </c>
      <c r="EL19" s="71">
        <v>0</v>
      </c>
      <c r="EM19" s="71">
        <v>0</v>
      </c>
      <c r="EN19" s="72">
        <v>5</v>
      </c>
      <c r="EO19" s="73">
        <v>10</v>
      </c>
      <c r="EP19" s="70">
        <v>4</v>
      </c>
      <c r="EQ19" s="71">
        <v>3</v>
      </c>
      <c r="ER19" s="72">
        <v>7</v>
      </c>
      <c r="ES19" s="244"/>
      <c r="ET19" s="71">
        <v>6</v>
      </c>
      <c r="EU19" s="71">
        <v>6</v>
      </c>
      <c r="EV19" s="71">
        <v>0</v>
      </c>
      <c r="EW19" s="71">
        <v>0</v>
      </c>
      <c r="EX19" s="71">
        <v>1</v>
      </c>
      <c r="EY19" s="72">
        <v>13</v>
      </c>
      <c r="EZ19" s="73">
        <v>20</v>
      </c>
      <c r="FA19" s="70">
        <v>1</v>
      </c>
      <c r="FB19" s="71">
        <v>5</v>
      </c>
      <c r="FC19" s="72">
        <v>6</v>
      </c>
      <c r="FD19" s="244"/>
      <c r="FE19" s="71">
        <v>7</v>
      </c>
      <c r="FF19" s="71">
        <v>5</v>
      </c>
      <c r="FG19" s="71">
        <v>8</v>
      </c>
      <c r="FH19" s="71">
        <v>4</v>
      </c>
      <c r="FI19" s="71">
        <v>1</v>
      </c>
      <c r="FJ19" s="72">
        <v>25</v>
      </c>
      <c r="FK19" s="73">
        <v>31</v>
      </c>
      <c r="FL19" s="70">
        <v>2</v>
      </c>
      <c r="FM19" s="71">
        <v>3</v>
      </c>
      <c r="FN19" s="72">
        <v>5</v>
      </c>
      <c r="FO19" s="244"/>
      <c r="FP19" s="71">
        <v>3</v>
      </c>
      <c r="FQ19" s="71">
        <v>9</v>
      </c>
      <c r="FR19" s="71">
        <v>6</v>
      </c>
      <c r="FS19" s="71">
        <v>12</v>
      </c>
      <c r="FT19" s="71">
        <v>5</v>
      </c>
      <c r="FU19" s="72">
        <v>35</v>
      </c>
      <c r="FV19" s="73">
        <v>40</v>
      </c>
      <c r="FW19" s="70">
        <v>0</v>
      </c>
      <c r="FX19" s="71">
        <v>0</v>
      </c>
      <c r="FY19" s="72">
        <v>0</v>
      </c>
      <c r="FZ19" s="244"/>
      <c r="GA19" s="71">
        <v>0</v>
      </c>
      <c r="GB19" s="71">
        <v>0</v>
      </c>
      <c r="GC19" s="71">
        <v>0</v>
      </c>
      <c r="GD19" s="71">
        <v>0</v>
      </c>
      <c r="GE19" s="71">
        <v>0</v>
      </c>
      <c r="GF19" s="72">
        <v>0</v>
      </c>
      <c r="GG19" s="73">
        <v>0</v>
      </c>
      <c r="GH19" s="70">
        <v>11</v>
      </c>
      <c r="GI19" s="71">
        <v>15</v>
      </c>
      <c r="GJ19" s="72">
        <v>26</v>
      </c>
      <c r="GK19" s="244"/>
      <c r="GL19" s="71">
        <v>21</v>
      </c>
      <c r="GM19" s="71">
        <v>25</v>
      </c>
      <c r="GN19" s="71">
        <v>19</v>
      </c>
      <c r="GO19" s="71">
        <v>16</v>
      </c>
      <c r="GP19" s="71">
        <v>8</v>
      </c>
      <c r="GQ19" s="72">
        <v>89</v>
      </c>
      <c r="GR19" s="73">
        <v>115</v>
      </c>
      <c r="GS19" s="123">
        <v>43</v>
      </c>
      <c r="GT19" s="82">
        <v>46</v>
      </c>
      <c r="GU19" s="83">
        <v>89</v>
      </c>
      <c r="GV19" s="241"/>
      <c r="GW19" s="82">
        <v>81</v>
      </c>
      <c r="GX19" s="82">
        <v>92</v>
      </c>
      <c r="GY19" s="82">
        <v>59</v>
      </c>
      <c r="GZ19" s="82">
        <v>40</v>
      </c>
      <c r="HA19" s="82">
        <v>27</v>
      </c>
      <c r="HB19" s="84">
        <v>299</v>
      </c>
      <c r="HC19" s="85">
        <v>388</v>
      </c>
      <c r="HD19" s="70">
        <v>0</v>
      </c>
      <c r="HE19" s="71">
        <v>2</v>
      </c>
      <c r="HF19" s="72">
        <v>2</v>
      </c>
      <c r="HG19" s="244"/>
      <c r="HH19" s="71">
        <v>3</v>
      </c>
      <c r="HI19" s="71">
        <v>1</v>
      </c>
      <c r="HJ19" s="71">
        <v>1</v>
      </c>
      <c r="HK19" s="71">
        <v>0</v>
      </c>
      <c r="HL19" s="71">
        <v>3</v>
      </c>
      <c r="HM19" s="72">
        <v>8</v>
      </c>
      <c r="HN19" s="73">
        <v>10</v>
      </c>
      <c r="HO19" s="70">
        <v>5</v>
      </c>
      <c r="HP19" s="71">
        <v>7</v>
      </c>
      <c r="HQ19" s="72">
        <v>12</v>
      </c>
      <c r="HR19" s="244"/>
      <c r="HS19" s="71">
        <v>7</v>
      </c>
      <c r="HT19" s="71">
        <v>15</v>
      </c>
      <c r="HU19" s="71">
        <v>6</v>
      </c>
      <c r="HV19" s="71">
        <v>4</v>
      </c>
      <c r="HW19" s="71">
        <v>1</v>
      </c>
      <c r="HX19" s="72">
        <v>33</v>
      </c>
      <c r="HY19" s="73">
        <v>45</v>
      </c>
      <c r="HZ19" s="70">
        <v>12</v>
      </c>
      <c r="IA19" s="71">
        <v>6</v>
      </c>
      <c r="IB19" s="72">
        <v>18</v>
      </c>
      <c r="IC19" s="244"/>
      <c r="ID19" s="71">
        <v>7</v>
      </c>
      <c r="IE19" s="71">
        <v>15</v>
      </c>
      <c r="IF19" s="71">
        <v>9</v>
      </c>
      <c r="IG19" s="71">
        <v>3</v>
      </c>
      <c r="IH19" s="71">
        <v>1</v>
      </c>
      <c r="II19" s="72">
        <v>35</v>
      </c>
      <c r="IJ19" s="73">
        <v>53</v>
      </c>
      <c r="IK19" s="70">
        <v>11</v>
      </c>
      <c r="IL19" s="71">
        <v>9</v>
      </c>
      <c r="IM19" s="72">
        <v>20</v>
      </c>
      <c r="IN19" s="244"/>
      <c r="IO19" s="71">
        <v>25</v>
      </c>
      <c r="IP19" s="71">
        <v>24</v>
      </c>
      <c r="IQ19" s="71">
        <v>8</v>
      </c>
      <c r="IR19" s="71">
        <v>0</v>
      </c>
      <c r="IS19" s="71">
        <v>8</v>
      </c>
      <c r="IT19" s="72">
        <v>65</v>
      </c>
      <c r="IU19" s="73">
        <v>85</v>
      </c>
      <c r="IV19" s="70">
        <v>11</v>
      </c>
      <c r="IW19" s="71">
        <v>15</v>
      </c>
      <c r="IX19" s="72">
        <v>26</v>
      </c>
      <c r="IY19" s="244"/>
      <c r="IZ19" s="71">
        <v>20</v>
      </c>
      <c r="JA19" s="71">
        <v>14</v>
      </c>
      <c r="JB19" s="71">
        <v>22</v>
      </c>
      <c r="JC19" s="71">
        <v>8</v>
      </c>
      <c r="JD19" s="71">
        <v>7</v>
      </c>
      <c r="JE19" s="72">
        <v>71</v>
      </c>
      <c r="JF19" s="73">
        <v>97</v>
      </c>
      <c r="JG19" s="70">
        <v>4</v>
      </c>
      <c r="JH19" s="71">
        <v>7</v>
      </c>
      <c r="JI19" s="72">
        <v>11</v>
      </c>
      <c r="JJ19" s="244"/>
      <c r="JK19" s="71">
        <v>19</v>
      </c>
      <c r="JL19" s="71">
        <v>23</v>
      </c>
      <c r="JM19" s="71">
        <v>13</v>
      </c>
      <c r="JN19" s="71">
        <v>25</v>
      </c>
      <c r="JO19" s="71">
        <v>7</v>
      </c>
      <c r="JP19" s="72">
        <v>87</v>
      </c>
      <c r="JQ19" s="73">
        <v>98</v>
      </c>
      <c r="JR19" s="70">
        <v>0</v>
      </c>
      <c r="JS19" s="71">
        <v>0</v>
      </c>
      <c r="JT19" s="72">
        <v>0</v>
      </c>
      <c r="JU19" s="244"/>
      <c r="JV19" s="71">
        <v>0</v>
      </c>
      <c r="JW19" s="71">
        <v>0</v>
      </c>
      <c r="JX19" s="71">
        <v>0</v>
      </c>
      <c r="JY19" s="71">
        <v>0</v>
      </c>
      <c r="JZ19" s="71">
        <v>0</v>
      </c>
      <c r="KA19" s="72">
        <v>0</v>
      </c>
      <c r="KB19" s="73">
        <v>0</v>
      </c>
      <c r="KC19" s="70">
        <v>43</v>
      </c>
      <c r="KD19" s="71">
        <v>46</v>
      </c>
      <c r="KE19" s="72">
        <v>89</v>
      </c>
      <c r="KF19" s="244"/>
      <c r="KG19" s="71">
        <v>81</v>
      </c>
      <c r="KH19" s="71">
        <v>92</v>
      </c>
      <c r="KI19" s="71">
        <v>59</v>
      </c>
      <c r="KJ19" s="71">
        <v>40</v>
      </c>
      <c r="KK19" s="71">
        <v>27</v>
      </c>
      <c r="KL19" s="72">
        <v>299</v>
      </c>
      <c r="KM19" s="73">
        <v>388</v>
      </c>
    </row>
    <row r="20" spans="2:299" ht="21" customHeight="1" x14ac:dyDescent="0.2">
      <c r="B20" s="126" t="s">
        <v>17</v>
      </c>
      <c r="C20" s="315">
        <v>46</v>
      </c>
      <c r="D20" s="82">
        <v>46</v>
      </c>
      <c r="E20" s="83">
        <v>92</v>
      </c>
      <c r="F20" s="241"/>
      <c r="G20" s="82">
        <v>75</v>
      </c>
      <c r="H20" s="82">
        <v>88</v>
      </c>
      <c r="I20" s="82">
        <v>62</v>
      </c>
      <c r="J20" s="82">
        <v>51</v>
      </c>
      <c r="K20" s="82">
        <v>18</v>
      </c>
      <c r="L20" s="84">
        <v>294</v>
      </c>
      <c r="M20" s="85">
        <v>386</v>
      </c>
      <c r="N20" s="70">
        <v>1</v>
      </c>
      <c r="O20" s="71">
        <v>1</v>
      </c>
      <c r="P20" s="72">
        <v>2</v>
      </c>
      <c r="Q20" s="244"/>
      <c r="R20" s="71">
        <v>4</v>
      </c>
      <c r="S20" s="71">
        <v>4</v>
      </c>
      <c r="T20" s="71">
        <v>3</v>
      </c>
      <c r="U20" s="71">
        <v>2</v>
      </c>
      <c r="V20" s="71">
        <v>0</v>
      </c>
      <c r="W20" s="72">
        <v>13</v>
      </c>
      <c r="X20" s="73">
        <v>15</v>
      </c>
      <c r="Y20" s="70">
        <v>4</v>
      </c>
      <c r="Z20" s="71">
        <v>5</v>
      </c>
      <c r="AA20" s="72">
        <v>9</v>
      </c>
      <c r="AB20" s="244"/>
      <c r="AC20" s="71">
        <v>4</v>
      </c>
      <c r="AD20" s="71">
        <v>9</v>
      </c>
      <c r="AE20" s="71">
        <v>7</v>
      </c>
      <c r="AF20" s="71">
        <v>4</v>
      </c>
      <c r="AG20" s="71">
        <v>1</v>
      </c>
      <c r="AH20" s="72">
        <v>25</v>
      </c>
      <c r="AI20" s="73">
        <v>34</v>
      </c>
      <c r="AJ20" s="70">
        <v>8</v>
      </c>
      <c r="AK20" s="71">
        <v>6</v>
      </c>
      <c r="AL20" s="72">
        <v>14</v>
      </c>
      <c r="AM20" s="244"/>
      <c r="AN20" s="71">
        <v>12</v>
      </c>
      <c r="AO20" s="71">
        <v>10</v>
      </c>
      <c r="AP20" s="71">
        <v>13</v>
      </c>
      <c r="AQ20" s="71">
        <v>10</v>
      </c>
      <c r="AR20" s="71">
        <v>5</v>
      </c>
      <c r="AS20" s="72">
        <v>50</v>
      </c>
      <c r="AT20" s="73">
        <v>64</v>
      </c>
      <c r="AU20" s="70">
        <v>8</v>
      </c>
      <c r="AV20" s="71">
        <v>8</v>
      </c>
      <c r="AW20" s="72">
        <v>16</v>
      </c>
      <c r="AX20" s="244"/>
      <c r="AY20" s="71">
        <v>18</v>
      </c>
      <c r="AZ20" s="71">
        <v>22</v>
      </c>
      <c r="BA20" s="71">
        <v>13</v>
      </c>
      <c r="BB20" s="71">
        <v>10</v>
      </c>
      <c r="BC20" s="71">
        <v>2</v>
      </c>
      <c r="BD20" s="72">
        <v>65</v>
      </c>
      <c r="BE20" s="73">
        <v>81</v>
      </c>
      <c r="BF20" s="70">
        <v>15</v>
      </c>
      <c r="BG20" s="71">
        <v>12</v>
      </c>
      <c r="BH20" s="72">
        <v>27</v>
      </c>
      <c r="BI20" s="244"/>
      <c r="BJ20" s="71">
        <v>24</v>
      </c>
      <c r="BK20" s="71">
        <v>22</v>
      </c>
      <c r="BL20" s="71">
        <v>12</v>
      </c>
      <c r="BM20" s="71">
        <v>12</v>
      </c>
      <c r="BN20" s="71">
        <v>2</v>
      </c>
      <c r="BO20" s="72">
        <v>72</v>
      </c>
      <c r="BP20" s="73">
        <v>99</v>
      </c>
      <c r="BQ20" s="70">
        <v>10</v>
      </c>
      <c r="BR20" s="71">
        <v>14</v>
      </c>
      <c r="BS20" s="72">
        <v>24</v>
      </c>
      <c r="BT20" s="244"/>
      <c r="BU20" s="71">
        <v>13</v>
      </c>
      <c r="BV20" s="71">
        <v>21</v>
      </c>
      <c r="BW20" s="71">
        <v>14</v>
      </c>
      <c r="BX20" s="71">
        <v>13</v>
      </c>
      <c r="BY20" s="71">
        <v>8</v>
      </c>
      <c r="BZ20" s="72">
        <v>69</v>
      </c>
      <c r="CA20" s="73">
        <v>93</v>
      </c>
      <c r="CB20" s="70">
        <v>0</v>
      </c>
      <c r="CC20" s="71">
        <v>0</v>
      </c>
      <c r="CD20" s="72">
        <v>0</v>
      </c>
      <c r="CE20" s="244"/>
      <c r="CF20" s="71">
        <v>0</v>
      </c>
      <c r="CG20" s="71">
        <v>0</v>
      </c>
      <c r="CH20" s="71">
        <v>0</v>
      </c>
      <c r="CI20" s="71">
        <v>0</v>
      </c>
      <c r="CJ20" s="71">
        <v>0</v>
      </c>
      <c r="CK20" s="72">
        <v>0</v>
      </c>
      <c r="CL20" s="73">
        <v>0</v>
      </c>
      <c r="CM20" s="70">
        <v>46</v>
      </c>
      <c r="CN20" s="71">
        <v>46</v>
      </c>
      <c r="CO20" s="72">
        <v>92</v>
      </c>
      <c r="CP20" s="244"/>
      <c r="CQ20" s="71">
        <v>75</v>
      </c>
      <c r="CR20" s="71">
        <v>88</v>
      </c>
      <c r="CS20" s="71">
        <v>62</v>
      </c>
      <c r="CT20" s="71">
        <v>51</v>
      </c>
      <c r="CU20" s="71">
        <v>18</v>
      </c>
      <c r="CV20" s="72">
        <v>294</v>
      </c>
      <c r="CW20" s="73">
        <v>386</v>
      </c>
      <c r="CX20" s="123">
        <v>25</v>
      </c>
      <c r="CY20" s="82">
        <v>21</v>
      </c>
      <c r="CZ20" s="83">
        <v>46</v>
      </c>
      <c r="DA20" s="241"/>
      <c r="DB20" s="82">
        <v>30</v>
      </c>
      <c r="DC20" s="82">
        <v>33</v>
      </c>
      <c r="DD20" s="82">
        <v>35</v>
      </c>
      <c r="DE20" s="82">
        <v>21</v>
      </c>
      <c r="DF20" s="82">
        <v>30</v>
      </c>
      <c r="DG20" s="84">
        <v>149</v>
      </c>
      <c r="DH20" s="85">
        <v>195</v>
      </c>
      <c r="DI20" s="70">
        <v>2</v>
      </c>
      <c r="DJ20" s="71">
        <v>1</v>
      </c>
      <c r="DK20" s="72">
        <v>3</v>
      </c>
      <c r="DL20" s="244"/>
      <c r="DM20" s="71">
        <v>0</v>
      </c>
      <c r="DN20" s="71">
        <v>0</v>
      </c>
      <c r="DO20" s="71">
        <v>0</v>
      </c>
      <c r="DP20" s="71">
        <v>0</v>
      </c>
      <c r="DQ20" s="71">
        <v>0</v>
      </c>
      <c r="DR20" s="72">
        <v>0</v>
      </c>
      <c r="DS20" s="73">
        <v>3</v>
      </c>
      <c r="DT20" s="70">
        <v>1</v>
      </c>
      <c r="DU20" s="71">
        <v>1</v>
      </c>
      <c r="DV20" s="72">
        <v>2</v>
      </c>
      <c r="DW20" s="244"/>
      <c r="DX20" s="71">
        <v>0</v>
      </c>
      <c r="DY20" s="71">
        <v>1</v>
      </c>
      <c r="DZ20" s="71">
        <v>0</v>
      </c>
      <c r="EA20" s="71">
        <v>3</v>
      </c>
      <c r="EB20" s="71">
        <v>1</v>
      </c>
      <c r="EC20" s="72">
        <v>5</v>
      </c>
      <c r="ED20" s="73">
        <v>7</v>
      </c>
      <c r="EE20" s="70">
        <v>6</v>
      </c>
      <c r="EF20" s="71">
        <v>2</v>
      </c>
      <c r="EG20" s="72">
        <v>8</v>
      </c>
      <c r="EH20" s="244"/>
      <c r="EI20" s="71">
        <v>5</v>
      </c>
      <c r="EJ20" s="71">
        <v>6</v>
      </c>
      <c r="EK20" s="71">
        <v>2</v>
      </c>
      <c r="EL20" s="71">
        <v>1</v>
      </c>
      <c r="EM20" s="71">
        <v>1</v>
      </c>
      <c r="EN20" s="72">
        <v>15</v>
      </c>
      <c r="EO20" s="73">
        <v>23</v>
      </c>
      <c r="EP20" s="70">
        <v>4</v>
      </c>
      <c r="EQ20" s="71">
        <v>10</v>
      </c>
      <c r="ER20" s="72">
        <v>14</v>
      </c>
      <c r="ES20" s="244"/>
      <c r="ET20" s="71">
        <v>10</v>
      </c>
      <c r="EU20" s="71">
        <v>5</v>
      </c>
      <c r="EV20" s="71">
        <v>9</v>
      </c>
      <c r="EW20" s="71">
        <v>4</v>
      </c>
      <c r="EX20" s="71">
        <v>10</v>
      </c>
      <c r="EY20" s="72">
        <v>38</v>
      </c>
      <c r="EZ20" s="73">
        <v>52</v>
      </c>
      <c r="FA20" s="70">
        <v>5</v>
      </c>
      <c r="FB20" s="71">
        <v>5</v>
      </c>
      <c r="FC20" s="72">
        <v>10</v>
      </c>
      <c r="FD20" s="244"/>
      <c r="FE20" s="71">
        <v>6</v>
      </c>
      <c r="FF20" s="71">
        <v>5</v>
      </c>
      <c r="FG20" s="71">
        <v>10</v>
      </c>
      <c r="FH20" s="71">
        <v>2</v>
      </c>
      <c r="FI20" s="71">
        <v>4</v>
      </c>
      <c r="FJ20" s="72">
        <v>27</v>
      </c>
      <c r="FK20" s="73">
        <v>37</v>
      </c>
      <c r="FL20" s="70">
        <v>7</v>
      </c>
      <c r="FM20" s="71">
        <v>2</v>
      </c>
      <c r="FN20" s="72">
        <v>9</v>
      </c>
      <c r="FO20" s="244"/>
      <c r="FP20" s="71">
        <v>9</v>
      </c>
      <c r="FQ20" s="71">
        <v>16</v>
      </c>
      <c r="FR20" s="71">
        <v>14</v>
      </c>
      <c r="FS20" s="71">
        <v>11</v>
      </c>
      <c r="FT20" s="71">
        <v>14</v>
      </c>
      <c r="FU20" s="72">
        <v>64</v>
      </c>
      <c r="FV20" s="73">
        <v>73</v>
      </c>
      <c r="FW20" s="70">
        <v>0</v>
      </c>
      <c r="FX20" s="71">
        <v>0</v>
      </c>
      <c r="FY20" s="72">
        <v>0</v>
      </c>
      <c r="FZ20" s="244"/>
      <c r="GA20" s="71">
        <v>0</v>
      </c>
      <c r="GB20" s="71">
        <v>0</v>
      </c>
      <c r="GC20" s="71">
        <v>0</v>
      </c>
      <c r="GD20" s="71">
        <v>0</v>
      </c>
      <c r="GE20" s="71">
        <v>0</v>
      </c>
      <c r="GF20" s="72">
        <v>0</v>
      </c>
      <c r="GG20" s="73">
        <v>0</v>
      </c>
      <c r="GH20" s="70">
        <v>25</v>
      </c>
      <c r="GI20" s="71">
        <v>21</v>
      </c>
      <c r="GJ20" s="72">
        <v>46</v>
      </c>
      <c r="GK20" s="244"/>
      <c r="GL20" s="71">
        <v>30</v>
      </c>
      <c r="GM20" s="71">
        <v>33</v>
      </c>
      <c r="GN20" s="71">
        <v>35</v>
      </c>
      <c r="GO20" s="71">
        <v>21</v>
      </c>
      <c r="GP20" s="71">
        <v>30</v>
      </c>
      <c r="GQ20" s="72">
        <v>149</v>
      </c>
      <c r="GR20" s="73">
        <v>195</v>
      </c>
      <c r="GS20" s="123">
        <v>71</v>
      </c>
      <c r="GT20" s="82">
        <v>67</v>
      </c>
      <c r="GU20" s="83">
        <v>138</v>
      </c>
      <c r="GV20" s="241"/>
      <c r="GW20" s="82">
        <v>105</v>
      </c>
      <c r="GX20" s="82">
        <v>121</v>
      </c>
      <c r="GY20" s="82">
        <v>97</v>
      </c>
      <c r="GZ20" s="82">
        <v>72</v>
      </c>
      <c r="HA20" s="82">
        <v>48</v>
      </c>
      <c r="HB20" s="84">
        <v>443</v>
      </c>
      <c r="HC20" s="85">
        <v>581</v>
      </c>
      <c r="HD20" s="70">
        <v>3</v>
      </c>
      <c r="HE20" s="71">
        <v>2</v>
      </c>
      <c r="HF20" s="72">
        <v>5</v>
      </c>
      <c r="HG20" s="244"/>
      <c r="HH20" s="71">
        <v>4</v>
      </c>
      <c r="HI20" s="71">
        <v>4</v>
      </c>
      <c r="HJ20" s="71">
        <v>3</v>
      </c>
      <c r="HK20" s="71">
        <v>2</v>
      </c>
      <c r="HL20" s="71">
        <v>0</v>
      </c>
      <c r="HM20" s="72">
        <v>13</v>
      </c>
      <c r="HN20" s="73">
        <v>18</v>
      </c>
      <c r="HO20" s="70">
        <v>5</v>
      </c>
      <c r="HP20" s="71">
        <v>6</v>
      </c>
      <c r="HQ20" s="72">
        <v>11</v>
      </c>
      <c r="HR20" s="244"/>
      <c r="HS20" s="71">
        <v>4</v>
      </c>
      <c r="HT20" s="71">
        <v>10</v>
      </c>
      <c r="HU20" s="71">
        <v>7</v>
      </c>
      <c r="HV20" s="71">
        <v>7</v>
      </c>
      <c r="HW20" s="71">
        <v>2</v>
      </c>
      <c r="HX20" s="72">
        <v>30</v>
      </c>
      <c r="HY20" s="73">
        <v>41</v>
      </c>
      <c r="HZ20" s="70">
        <v>14</v>
      </c>
      <c r="IA20" s="71">
        <v>8</v>
      </c>
      <c r="IB20" s="72">
        <v>22</v>
      </c>
      <c r="IC20" s="244"/>
      <c r="ID20" s="71">
        <v>17</v>
      </c>
      <c r="IE20" s="71">
        <v>16</v>
      </c>
      <c r="IF20" s="71">
        <v>15</v>
      </c>
      <c r="IG20" s="71">
        <v>11</v>
      </c>
      <c r="IH20" s="71">
        <v>6</v>
      </c>
      <c r="II20" s="72">
        <v>65</v>
      </c>
      <c r="IJ20" s="73">
        <v>87</v>
      </c>
      <c r="IK20" s="70">
        <v>12</v>
      </c>
      <c r="IL20" s="71">
        <v>18</v>
      </c>
      <c r="IM20" s="72">
        <v>30</v>
      </c>
      <c r="IN20" s="244"/>
      <c r="IO20" s="71">
        <v>28</v>
      </c>
      <c r="IP20" s="71">
        <v>27</v>
      </c>
      <c r="IQ20" s="71">
        <v>22</v>
      </c>
      <c r="IR20" s="71">
        <v>14</v>
      </c>
      <c r="IS20" s="71">
        <v>12</v>
      </c>
      <c r="IT20" s="72">
        <v>103</v>
      </c>
      <c r="IU20" s="73">
        <v>133</v>
      </c>
      <c r="IV20" s="70">
        <v>20</v>
      </c>
      <c r="IW20" s="71">
        <v>17</v>
      </c>
      <c r="IX20" s="72">
        <v>37</v>
      </c>
      <c r="IY20" s="244"/>
      <c r="IZ20" s="71">
        <v>30</v>
      </c>
      <c r="JA20" s="71">
        <v>27</v>
      </c>
      <c r="JB20" s="71">
        <v>22</v>
      </c>
      <c r="JC20" s="71">
        <v>14</v>
      </c>
      <c r="JD20" s="71">
        <v>6</v>
      </c>
      <c r="JE20" s="72">
        <v>99</v>
      </c>
      <c r="JF20" s="73">
        <v>136</v>
      </c>
      <c r="JG20" s="70">
        <v>17</v>
      </c>
      <c r="JH20" s="71">
        <v>16</v>
      </c>
      <c r="JI20" s="72">
        <v>33</v>
      </c>
      <c r="JJ20" s="244"/>
      <c r="JK20" s="71">
        <v>22</v>
      </c>
      <c r="JL20" s="71">
        <v>37</v>
      </c>
      <c r="JM20" s="71">
        <v>28</v>
      </c>
      <c r="JN20" s="71">
        <v>24</v>
      </c>
      <c r="JO20" s="71">
        <v>22</v>
      </c>
      <c r="JP20" s="72">
        <v>133</v>
      </c>
      <c r="JQ20" s="73">
        <v>166</v>
      </c>
      <c r="JR20" s="70">
        <v>0</v>
      </c>
      <c r="JS20" s="71">
        <v>0</v>
      </c>
      <c r="JT20" s="72">
        <v>0</v>
      </c>
      <c r="JU20" s="244"/>
      <c r="JV20" s="71">
        <v>0</v>
      </c>
      <c r="JW20" s="71">
        <v>0</v>
      </c>
      <c r="JX20" s="71">
        <v>0</v>
      </c>
      <c r="JY20" s="71">
        <v>0</v>
      </c>
      <c r="JZ20" s="71">
        <v>0</v>
      </c>
      <c r="KA20" s="72">
        <v>0</v>
      </c>
      <c r="KB20" s="73">
        <v>0</v>
      </c>
      <c r="KC20" s="70">
        <v>71</v>
      </c>
      <c r="KD20" s="71">
        <v>67</v>
      </c>
      <c r="KE20" s="72">
        <v>138</v>
      </c>
      <c r="KF20" s="244"/>
      <c r="KG20" s="71">
        <v>105</v>
      </c>
      <c r="KH20" s="71">
        <v>121</v>
      </c>
      <c r="KI20" s="71">
        <v>97</v>
      </c>
      <c r="KJ20" s="71">
        <v>72</v>
      </c>
      <c r="KK20" s="71">
        <v>48</v>
      </c>
      <c r="KL20" s="72">
        <v>443</v>
      </c>
      <c r="KM20" s="73">
        <v>581</v>
      </c>
    </row>
    <row r="21" spans="2:299" ht="21" customHeight="1" x14ac:dyDescent="0.2">
      <c r="B21" s="126" t="s">
        <v>18</v>
      </c>
      <c r="C21" s="315">
        <v>55</v>
      </c>
      <c r="D21" s="82">
        <v>71</v>
      </c>
      <c r="E21" s="83">
        <v>126</v>
      </c>
      <c r="F21" s="241"/>
      <c r="G21" s="82">
        <v>107</v>
      </c>
      <c r="H21" s="82">
        <v>96</v>
      </c>
      <c r="I21" s="82">
        <v>53</v>
      </c>
      <c r="J21" s="82">
        <v>52</v>
      </c>
      <c r="K21" s="82">
        <v>28</v>
      </c>
      <c r="L21" s="84">
        <v>336</v>
      </c>
      <c r="M21" s="85">
        <v>462</v>
      </c>
      <c r="N21" s="70">
        <v>3</v>
      </c>
      <c r="O21" s="71">
        <v>3</v>
      </c>
      <c r="P21" s="72">
        <v>6</v>
      </c>
      <c r="Q21" s="244"/>
      <c r="R21" s="71">
        <v>2</v>
      </c>
      <c r="S21" s="71">
        <v>7</v>
      </c>
      <c r="T21" s="71">
        <v>6</v>
      </c>
      <c r="U21" s="71">
        <v>2</v>
      </c>
      <c r="V21" s="71">
        <v>0</v>
      </c>
      <c r="W21" s="72">
        <v>17</v>
      </c>
      <c r="X21" s="73">
        <v>23</v>
      </c>
      <c r="Y21" s="70">
        <v>8</v>
      </c>
      <c r="Z21" s="71">
        <v>9</v>
      </c>
      <c r="AA21" s="72">
        <v>17</v>
      </c>
      <c r="AB21" s="244"/>
      <c r="AC21" s="71">
        <v>11</v>
      </c>
      <c r="AD21" s="71">
        <v>11</v>
      </c>
      <c r="AE21" s="71">
        <v>6</v>
      </c>
      <c r="AF21" s="71">
        <v>6</v>
      </c>
      <c r="AG21" s="71">
        <v>4</v>
      </c>
      <c r="AH21" s="72">
        <v>38</v>
      </c>
      <c r="AI21" s="73">
        <v>55</v>
      </c>
      <c r="AJ21" s="70">
        <v>6</v>
      </c>
      <c r="AK21" s="71">
        <v>10</v>
      </c>
      <c r="AL21" s="72">
        <v>16</v>
      </c>
      <c r="AM21" s="244"/>
      <c r="AN21" s="71">
        <v>17</v>
      </c>
      <c r="AO21" s="71">
        <v>15</v>
      </c>
      <c r="AP21" s="71">
        <v>6</v>
      </c>
      <c r="AQ21" s="71">
        <v>6</v>
      </c>
      <c r="AR21" s="71">
        <v>6</v>
      </c>
      <c r="AS21" s="72">
        <v>50</v>
      </c>
      <c r="AT21" s="73">
        <v>66</v>
      </c>
      <c r="AU21" s="70">
        <v>13</v>
      </c>
      <c r="AV21" s="71">
        <v>15</v>
      </c>
      <c r="AW21" s="72">
        <v>28</v>
      </c>
      <c r="AX21" s="244"/>
      <c r="AY21" s="71">
        <v>24</v>
      </c>
      <c r="AZ21" s="71">
        <v>19</v>
      </c>
      <c r="BA21" s="71">
        <v>11</v>
      </c>
      <c r="BB21" s="71">
        <v>11</v>
      </c>
      <c r="BC21" s="71">
        <v>5</v>
      </c>
      <c r="BD21" s="72">
        <v>70</v>
      </c>
      <c r="BE21" s="73">
        <v>98</v>
      </c>
      <c r="BF21" s="70">
        <v>12</v>
      </c>
      <c r="BG21" s="71">
        <v>17</v>
      </c>
      <c r="BH21" s="72">
        <v>29</v>
      </c>
      <c r="BI21" s="244"/>
      <c r="BJ21" s="71">
        <v>29</v>
      </c>
      <c r="BK21" s="71">
        <v>26</v>
      </c>
      <c r="BL21" s="71">
        <v>12</v>
      </c>
      <c r="BM21" s="71">
        <v>12</v>
      </c>
      <c r="BN21" s="71">
        <v>7</v>
      </c>
      <c r="BO21" s="72">
        <v>86</v>
      </c>
      <c r="BP21" s="73">
        <v>115</v>
      </c>
      <c r="BQ21" s="70">
        <v>13</v>
      </c>
      <c r="BR21" s="71">
        <v>17</v>
      </c>
      <c r="BS21" s="72">
        <v>30</v>
      </c>
      <c r="BT21" s="244"/>
      <c r="BU21" s="71">
        <v>24</v>
      </c>
      <c r="BV21" s="71">
        <v>18</v>
      </c>
      <c r="BW21" s="71">
        <v>12</v>
      </c>
      <c r="BX21" s="71">
        <v>15</v>
      </c>
      <c r="BY21" s="71">
        <v>6</v>
      </c>
      <c r="BZ21" s="72">
        <v>75</v>
      </c>
      <c r="CA21" s="73">
        <v>105</v>
      </c>
      <c r="CB21" s="70">
        <v>0</v>
      </c>
      <c r="CC21" s="71">
        <v>0</v>
      </c>
      <c r="CD21" s="72">
        <v>0</v>
      </c>
      <c r="CE21" s="244"/>
      <c r="CF21" s="71">
        <v>0</v>
      </c>
      <c r="CG21" s="71">
        <v>0</v>
      </c>
      <c r="CH21" s="71">
        <v>0</v>
      </c>
      <c r="CI21" s="71">
        <v>0</v>
      </c>
      <c r="CJ21" s="71">
        <v>0</v>
      </c>
      <c r="CK21" s="72">
        <v>0</v>
      </c>
      <c r="CL21" s="73">
        <v>0</v>
      </c>
      <c r="CM21" s="70">
        <v>55</v>
      </c>
      <c r="CN21" s="71">
        <v>71</v>
      </c>
      <c r="CO21" s="72">
        <v>126</v>
      </c>
      <c r="CP21" s="244"/>
      <c r="CQ21" s="71">
        <v>107</v>
      </c>
      <c r="CR21" s="71">
        <v>96</v>
      </c>
      <c r="CS21" s="71">
        <v>53</v>
      </c>
      <c r="CT21" s="71">
        <v>52</v>
      </c>
      <c r="CU21" s="71">
        <v>28</v>
      </c>
      <c r="CV21" s="72">
        <v>336</v>
      </c>
      <c r="CW21" s="73">
        <v>462</v>
      </c>
      <c r="CX21" s="123">
        <v>26</v>
      </c>
      <c r="CY21" s="82">
        <v>27</v>
      </c>
      <c r="CZ21" s="83">
        <v>53</v>
      </c>
      <c r="DA21" s="241"/>
      <c r="DB21" s="82">
        <v>42</v>
      </c>
      <c r="DC21" s="82">
        <v>49</v>
      </c>
      <c r="DD21" s="82">
        <v>33</v>
      </c>
      <c r="DE21" s="82">
        <v>25</v>
      </c>
      <c r="DF21" s="82">
        <v>26</v>
      </c>
      <c r="DG21" s="84">
        <v>175</v>
      </c>
      <c r="DH21" s="85">
        <v>228</v>
      </c>
      <c r="DI21" s="70">
        <v>2</v>
      </c>
      <c r="DJ21" s="71">
        <v>2</v>
      </c>
      <c r="DK21" s="72">
        <v>4</v>
      </c>
      <c r="DL21" s="244"/>
      <c r="DM21" s="71">
        <v>0</v>
      </c>
      <c r="DN21" s="71">
        <v>1</v>
      </c>
      <c r="DO21" s="71">
        <v>0</v>
      </c>
      <c r="DP21" s="71">
        <v>0</v>
      </c>
      <c r="DQ21" s="71">
        <v>2</v>
      </c>
      <c r="DR21" s="72">
        <v>3</v>
      </c>
      <c r="DS21" s="73">
        <v>7</v>
      </c>
      <c r="DT21" s="70">
        <v>2</v>
      </c>
      <c r="DU21" s="71">
        <v>3</v>
      </c>
      <c r="DV21" s="72">
        <v>5</v>
      </c>
      <c r="DW21" s="244"/>
      <c r="DX21" s="71">
        <v>2</v>
      </c>
      <c r="DY21" s="71">
        <v>2</v>
      </c>
      <c r="DZ21" s="71">
        <v>0</v>
      </c>
      <c r="EA21" s="71">
        <v>0</v>
      </c>
      <c r="EB21" s="71">
        <v>2</v>
      </c>
      <c r="EC21" s="72">
        <v>6</v>
      </c>
      <c r="ED21" s="73">
        <v>11</v>
      </c>
      <c r="EE21" s="70">
        <v>6</v>
      </c>
      <c r="EF21" s="71">
        <v>5</v>
      </c>
      <c r="EG21" s="72">
        <v>11</v>
      </c>
      <c r="EH21" s="244"/>
      <c r="EI21" s="71">
        <v>6</v>
      </c>
      <c r="EJ21" s="71">
        <v>6</v>
      </c>
      <c r="EK21" s="71">
        <v>2</v>
      </c>
      <c r="EL21" s="71">
        <v>1</v>
      </c>
      <c r="EM21" s="71">
        <v>4</v>
      </c>
      <c r="EN21" s="72">
        <v>19</v>
      </c>
      <c r="EO21" s="73">
        <v>30</v>
      </c>
      <c r="EP21" s="70">
        <v>9</v>
      </c>
      <c r="EQ21" s="71">
        <v>3</v>
      </c>
      <c r="ER21" s="72">
        <v>12</v>
      </c>
      <c r="ES21" s="244"/>
      <c r="ET21" s="71">
        <v>13</v>
      </c>
      <c r="EU21" s="71">
        <v>9</v>
      </c>
      <c r="EV21" s="71">
        <v>2</v>
      </c>
      <c r="EW21" s="71">
        <v>7</v>
      </c>
      <c r="EX21" s="71">
        <v>0</v>
      </c>
      <c r="EY21" s="72">
        <v>31</v>
      </c>
      <c r="EZ21" s="73">
        <v>43</v>
      </c>
      <c r="FA21" s="70">
        <v>6</v>
      </c>
      <c r="FB21" s="71">
        <v>9</v>
      </c>
      <c r="FC21" s="72">
        <v>15</v>
      </c>
      <c r="FD21" s="244"/>
      <c r="FE21" s="71">
        <v>13</v>
      </c>
      <c r="FF21" s="71">
        <v>15</v>
      </c>
      <c r="FG21" s="71">
        <v>14</v>
      </c>
      <c r="FH21" s="71">
        <v>6</v>
      </c>
      <c r="FI21" s="71">
        <v>5</v>
      </c>
      <c r="FJ21" s="72">
        <v>53</v>
      </c>
      <c r="FK21" s="73">
        <v>68</v>
      </c>
      <c r="FL21" s="70">
        <v>1</v>
      </c>
      <c r="FM21" s="71">
        <v>5</v>
      </c>
      <c r="FN21" s="72">
        <v>6</v>
      </c>
      <c r="FO21" s="244"/>
      <c r="FP21" s="71">
        <v>8</v>
      </c>
      <c r="FQ21" s="71">
        <v>16</v>
      </c>
      <c r="FR21" s="71">
        <v>15</v>
      </c>
      <c r="FS21" s="71">
        <v>11</v>
      </c>
      <c r="FT21" s="71">
        <v>13</v>
      </c>
      <c r="FU21" s="72">
        <v>63</v>
      </c>
      <c r="FV21" s="73">
        <v>69</v>
      </c>
      <c r="FW21" s="70">
        <v>0</v>
      </c>
      <c r="FX21" s="71">
        <v>0</v>
      </c>
      <c r="FY21" s="72">
        <v>0</v>
      </c>
      <c r="FZ21" s="244"/>
      <c r="GA21" s="71">
        <v>0</v>
      </c>
      <c r="GB21" s="71">
        <v>0</v>
      </c>
      <c r="GC21" s="71">
        <v>0</v>
      </c>
      <c r="GD21" s="71">
        <v>0</v>
      </c>
      <c r="GE21" s="71">
        <v>0</v>
      </c>
      <c r="GF21" s="72">
        <v>0</v>
      </c>
      <c r="GG21" s="73">
        <v>0</v>
      </c>
      <c r="GH21" s="70">
        <v>26</v>
      </c>
      <c r="GI21" s="71">
        <v>27</v>
      </c>
      <c r="GJ21" s="72">
        <v>53</v>
      </c>
      <c r="GK21" s="244"/>
      <c r="GL21" s="71">
        <v>42</v>
      </c>
      <c r="GM21" s="71">
        <v>49</v>
      </c>
      <c r="GN21" s="71">
        <v>33</v>
      </c>
      <c r="GO21" s="71">
        <v>25</v>
      </c>
      <c r="GP21" s="71">
        <v>26</v>
      </c>
      <c r="GQ21" s="72">
        <v>175</v>
      </c>
      <c r="GR21" s="73">
        <v>228</v>
      </c>
      <c r="GS21" s="123">
        <v>81</v>
      </c>
      <c r="GT21" s="82">
        <v>98</v>
      </c>
      <c r="GU21" s="83">
        <v>179</v>
      </c>
      <c r="GV21" s="241"/>
      <c r="GW21" s="82">
        <v>149</v>
      </c>
      <c r="GX21" s="82">
        <v>145</v>
      </c>
      <c r="GY21" s="82">
        <v>86</v>
      </c>
      <c r="GZ21" s="82">
        <v>77</v>
      </c>
      <c r="HA21" s="82">
        <v>54</v>
      </c>
      <c r="HB21" s="84">
        <v>511</v>
      </c>
      <c r="HC21" s="85">
        <v>690</v>
      </c>
      <c r="HD21" s="70">
        <v>5</v>
      </c>
      <c r="HE21" s="71">
        <v>5</v>
      </c>
      <c r="HF21" s="72">
        <v>10</v>
      </c>
      <c r="HG21" s="244"/>
      <c r="HH21" s="71">
        <v>2</v>
      </c>
      <c r="HI21" s="71">
        <v>8</v>
      </c>
      <c r="HJ21" s="71">
        <v>6</v>
      </c>
      <c r="HK21" s="71">
        <v>2</v>
      </c>
      <c r="HL21" s="71">
        <v>2</v>
      </c>
      <c r="HM21" s="72">
        <v>20</v>
      </c>
      <c r="HN21" s="73">
        <v>30</v>
      </c>
      <c r="HO21" s="70">
        <v>10</v>
      </c>
      <c r="HP21" s="71">
        <v>12</v>
      </c>
      <c r="HQ21" s="72">
        <v>22</v>
      </c>
      <c r="HR21" s="244"/>
      <c r="HS21" s="71">
        <v>13</v>
      </c>
      <c r="HT21" s="71">
        <v>13</v>
      </c>
      <c r="HU21" s="71">
        <v>6</v>
      </c>
      <c r="HV21" s="71">
        <v>6</v>
      </c>
      <c r="HW21" s="71">
        <v>6</v>
      </c>
      <c r="HX21" s="72">
        <v>44</v>
      </c>
      <c r="HY21" s="73">
        <v>66</v>
      </c>
      <c r="HZ21" s="70">
        <v>12</v>
      </c>
      <c r="IA21" s="71">
        <v>15</v>
      </c>
      <c r="IB21" s="72">
        <v>27</v>
      </c>
      <c r="IC21" s="244"/>
      <c r="ID21" s="71">
        <v>23</v>
      </c>
      <c r="IE21" s="71">
        <v>21</v>
      </c>
      <c r="IF21" s="71">
        <v>8</v>
      </c>
      <c r="IG21" s="71">
        <v>7</v>
      </c>
      <c r="IH21" s="71">
        <v>10</v>
      </c>
      <c r="II21" s="72">
        <v>69</v>
      </c>
      <c r="IJ21" s="73">
        <v>96</v>
      </c>
      <c r="IK21" s="70">
        <v>22</v>
      </c>
      <c r="IL21" s="71">
        <v>18</v>
      </c>
      <c r="IM21" s="72">
        <v>40</v>
      </c>
      <c r="IN21" s="244"/>
      <c r="IO21" s="71">
        <v>37</v>
      </c>
      <c r="IP21" s="71">
        <v>28</v>
      </c>
      <c r="IQ21" s="71">
        <v>13</v>
      </c>
      <c r="IR21" s="71">
        <v>18</v>
      </c>
      <c r="IS21" s="71">
        <v>5</v>
      </c>
      <c r="IT21" s="72">
        <v>101</v>
      </c>
      <c r="IU21" s="73">
        <v>141</v>
      </c>
      <c r="IV21" s="70">
        <v>18</v>
      </c>
      <c r="IW21" s="71">
        <v>26</v>
      </c>
      <c r="IX21" s="72">
        <v>44</v>
      </c>
      <c r="IY21" s="244"/>
      <c r="IZ21" s="71">
        <v>42</v>
      </c>
      <c r="JA21" s="71">
        <v>41</v>
      </c>
      <c r="JB21" s="71">
        <v>26</v>
      </c>
      <c r="JC21" s="71">
        <v>18</v>
      </c>
      <c r="JD21" s="71">
        <v>12</v>
      </c>
      <c r="JE21" s="72">
        <v>139</v>
      </c>
      <c r="JF21" s="73">
        <v>183</v>
      </c>
      <c r="JG21" s="70">
        <v>14</v>
      </c>
      <c r="JH21" s="71">
        <v>22</v>
      </c>
      <c r="JI21" s="72">
        <v>36</v>
      </c>
      <c r="JJ21" s="244"/>
      <c r="JK21" s="71">
        <v>32</v>
      </c>
      <c r="JL21" s="71">
        <v>34</v>
      </c>
      <c r="JM21" s="71">
        <v>27</v>
      </c>
      <c r="JN21" s="71">
        <v>26</v>
      </c>
      <c r="JO21" s="71">
        <v>19</v>
      </c>
      <c r="JP21" s="72">
        <v>138</v>
      </c>
      <c r="JQ21" s="73">
        <v>174</v>
      </c>
      <c r="JR21" s="70">
        <v>0</v>
      </c>
      <c r="JS21" s="71">
        <v>0</v>
      </c>
      <c r="JT21" s="72">
        <v>0</v>
      </c>
      <c r="JU21" s="244"/>
      <c r="JV21" s="71">
        <v>0</v>
      </c>
      <c r="JW21" s="71">
        <v>0</v>
      </c>
      <c r="JX21" s="71">
        <v>0</v>
      </c>
      <c r="JY21" s="71">
        <v>0</v>
      </c>
      <c r="JZ21" s="71">
        <v>0</v>
      </c>
      <c r="KA21" s="72">
        <v>0</v>
      </c>
      <c r="KB21" s="73">
        <v>0</v>
      </c>
      <c r="KC21" s="70">
        <v>81</v>
      </c>
      <c r="KD21" s="71">
        <v>98</v>
      </c>
      <c r="KE21" s="72">
        <v>179</v>
      </c>
      <c r="KF21" s="244"/>
      <c r="KG21" s="71">
        <v>149</v>
      </c>
      <c r="KH21" s="71">
        <v>145</v>
      </c>
      <c r="KI21" s="71">
        <v>86</v>
      </c>
      <c r="KJ21" s="71">
        <v>77</v>
      </c>
      <c r="KK21" s="71">
        <v>54</v>
      </c>
      <c r="KL21" s="72">
        <v>511</v>
      </c>
      <c r="KM21" s="73">
        <v>690</v>
      </c>
    </row>
    <row r="22" spans="2:299" ht="21" customHeight="1" x14ac:dyDescent="0.2">
      <c r="B22" s="126" t="s">
        <v>19</v>
      </c>
      <c r="C22" s="315">
        <v>30</v>
      </c>
      <c r="D22" s="82">
        <v>21</v>
      </c>
      <c r="E22" s="83">
        <v>51</v>
      </c>
      <c r="F22" s="241"/>
      <c r="G22" s="82">
        <v>49</v>
      </c>
      <c r="H22" s="82">
        <v>40</v>
      </c>
      <c r="I22" s="82">
        <v>20</v>
      </c>
      <c r="J22" s="82">
        <v>16</v>
      </c>
      <c r="K22" s="82">
        <v>12</v>
      </c>
      <c r="L22" s="84">
        <v>137</v>
      </c>
      <c r="M22" s="85">
        <v>188</v>
      </c>
      <c r="N22" s="86">
        <v>2</v>
      </c>
      <c r="O22" s="71">
        <v>0</v>
      </c>
      <c r="P22" s="72">
        <v>2</v>
      </c>
      <c r="Q22" s="244"/>
      <c r="R22" s="71">
        <v>3</v>
      </c>
      <c r="S22" s="71">
        <v>1</v>
      </c>
      <c r="T22" s="71">
        <v>0</v>
      </c>
      <c r="U22" s="71">
        <v>1</v>
      </c>
      <c r="V22" s="71">
        <v>0</v>
      </c>
      <c r="W22" s="72">
        <v>5</v>
      </c>
      <c r="X22" s="73">
        <v>7</v>
      </c>
      <c r="Y22" s="70">
        <v>1</v>
      </c>
      <c r="Z22" s="71">
        <v>1</v>
      </c>
      <c r="AA22" s="72">
        <v>2</v>
      </c>
      <c r="AB22" s="244"/>
      <c r="AC22" s="71">
        <v>6</v>
      </c>
      <c r="AD22" s="71">
        <v>4</v>
      </c>
      <c r="AE22" s="71">
        <v>3</v>
      </c>
      <c r="AF22" s="71">
        <v>1</v>
      </c>
      <c r="AG22" s="71">
        <v>1</v>
      </c>
      <c r="AH22" s="72">
        <v>15</v>
      </c>
      <c r="AI22" s="73">
        <v>17</v>
      </c>
      <c r="AJ22" s="86">
        <v>8</v>
      </c>
      <c r="AK22" s="71">
        <v>1</v>
      </c>
      <c r="AL22" s="72">
        <v>9</v>
      </c>
      <c r="AM22" s="244"/>
      <c r="AN22" s="71">
        <v>5</v>
      </c>
      <c r="AO22" s="71">
        <v>4</v>
      </c>
      <c r="AP22" s="71">
        <v>1</v>
      </c>
      <c r="AQ22" s="71">
        <v>6</v>
      </c>
      <c r="AR22" s="71">
        <v>0</v>
      </c>
      <c r="AS22" s="72">
        <v>16</v>
      </c>
      <c r="AT22" s="73">
        <v>25</v>
      </c>
      <c r="AU22" s="70">
        <v>4</v>
      </c>
      <c r="AV22" s="71">
        <v>5</v>
      </c>
      <c r="AW22" s="72">
        <v>9</v>
      </c>
      <c r="AX22" s="244"/>
      <c r="AY22" s="71">
        <v>7</v>
      </c>
      <c r="AZ22" s="71">
        <v>10</v>
      </c>
      <c r="BA22" s="71">
        <v>4</v>
      </c>
      <c r="BB22" s="71">
        <v>3</v>
      </c>
      <c r="BC22" s="71">
        <v>4</v>
      </c>
      <c r="BD22" s="72">
        <v>28</v>
      </c>
      <c r="BE22" s="73">
        <v>37</v>
      </c>
      <c r="BF22" s="86">
        <v>9</v>
      </c>
      <c r="BG22" s="71">
        <v>7</v>
      </c>
      <c r="BH22" s="72">
        <v>16</v>
      </c>
      <c r="BI22" s="244"/>
      <c r="BJ22" s="71">
        <v>11</v>
      </c>
      <c r="BK22" s="71">
        <v>8</v>
      </c>
      <c r="BL22" s="71">
        <v>7</v>
      </c>
      <c r="BM22" s="71">
        <v>0</v>
      </c>
      <c r="BN22" s="71">
        <v>4</v>
      </c>
      <c r="BO22" s="72">
        <v>30</v>
      </c>
      <c r="BP22" s="73">
        <v>46</v>
      </c>
      <c r="BQ22" s="70">
        <v>6</v>
      </c>
      <c r="BR22" s="71">
        <v>7</v>
      </c>
      <c r="BS22" s="72">
        <v>13</v>
      </c>
      <c r="BT22" s="244"/>
      <c r="BU22" s="71">
        <v>17</v>
      </c>
      <c r="BV22" s="71">
        <v>13</v>
      </c>
      <c r="BW22" s="71">
        <v>5</v>
      </c>
      <c r="BX22" s="71">
        <v>5</v>
      </c>
      <c r="BY22" s="71">
        <v>3</v>
      </c>
      <c r="BZ22" s="72">
        <v>43</v>
      </c>
      <c r="CA22" s="73">
        <v>56</v>
      </c>
      <c r="CB22" s="70">
        <v>0</v>
      </c>
      <c r="CC22" s="71">
        <v>0</v>
      </c>
      <c r="CD22" s="72">
        <v>0</v>
      </c>
      <c r="CE22" s="244"/>
      <c r="CF22" s="71">
        <v>0</v>
      </c>
      <c r="CG22" s="71">
        <v>0</v>
      </c>
      <c r="CH22" s="71">
        <v>0</v>
      </c>
      <c r="CI22" s="71">
        <v>0</v>
      </c>
      <c r="CJ22" s="71">
        <v>0</v>
      </c>
      <c r="CK22" s="72">
        <v>0</v>
      </c>
      <c r="CL22" s="73">
        <v>0</v>
      </c>
      <c r="CM22" s="70">
        <v>30</v>
      </c>
      <c r="CN22" s="71">
        <v>21</v>
      </c>
      <c r="CO22" s="72">
        <v>51</v>
      </c>
      <c r="CP22" s="244"/>
      <c r="CQ22" s="71">
        <v>49</v>
      </c>
      <c r="CR22" s="71">
        <v>40</v>
      </c>
      <c r="CS22" s="71">
        <v>20</v>
      </c>
      <c r="CT22" s="71">
        <v>16</v>
      </c>
      <c r="CU22" s="71">
        <v>12</v>
      </c>
      <c r="CV22" s="72">
        <v>137</v>
      </c>
      <c r="CW22" s="73">
        <v>188</v>
      </c>
      <c r="CX22" s="123">
        <v>9</v>
      </c>
      <c r="CY22" s="82">
        <v>8</v>
      </c>
      <c r="CZ22" s="83">
        <v>17</v>
      </c>
      <c r="DA22" s="241"/>
      <c r="DB22" s="82">
        <v>12</v>
      </c>
      <c r="DC22" s="82">
        <v>13</v>
      </c>
      <c r="DD22" s="82">
        <v>8</v>
      </c>
      <c r="DE22" s="82">
        <v>9</v>
      </c>
      <c r="DF22" s="82">
        <v>8</v>
      </c>
      <c r="DG22" s="84">
        <v>50</v>
      </c>
      <c r="DH22" s="85">
        <v>67</v>
      </c>
      <c r="DI22" s="86">
        <v>0</v>
      </c>
      <c r="DJ22" s="71">
        <v>0</v>
      </c>
      <c r="DK22" s="72">
        <v>0</v>
      </c>
      <c r="DL22" s="244"/>
      <c r="DM22" s="71">
        <v>1</v>
      </c>
      <c r="DN22" s="71">
        <v>1</v>
      </c>
      <c r="DO22" s="71">
        <v>1</v>
      </c>
      <c r="DP22" s="71">
        <v>0</v>
      </c>
      <c r="DQ22" s="71">
        <v>1</v>
      </c>
      <c r="DR22" s="72">
        <v>4</v>
      </c>
      <c r="DS22" s="73">
        <v>4</v>
      </c>
      <c r="DT22" s="70">
        <v>2</v>
      </c>
      <c r="DU22" s="71">
        <v>1</v>
      </c>
      <c r="DV22" s="72">
        <v>3</v>
      </c>
      <c r="DW22" s="244"/>
      <c r="DX22" s="71">
        <v>1</v>
      </c>
      <c r="DY22" s="71">
        <v>1</v>
      </c>
      <c r="DZ22" s="71">
        <v>0</v>
      </c>
      <c r="EA22" s="71">
        <v>0</v>
      </c>
      <c r="EB22" s="71">
        <v>0</v>
      </c>
      <c r="EC22" s="72">
        <v>2</v>
      </c>
      <c r="ED22" s="73">
        <v>5</v>
      </c>
      <c r="EE22" s="86">
        <v>2</v>
      </c>
      <c r="EF22" s="71">
        <v>0</v>
      </c>
      <c r="EG22" s="72">
        <v>2</v>
      </c>
      <c r="EH22" s="244"/>
      <c r="EI22" s="71">
        <v>1</v>
      </c>
      <c r="EJ22" s="71">
        <v>0</v>
      </c>
      <c r="EK22" s="71">
        <v>1</v>
      </c>
      <c r="EL22" s="71">
        <v>2</v>
      </c>
      <c r="EM22" s="71">
        <v>1</v>
      </c>
      <c r="EN22" s="72">
        <v>5</v>
      </c>
      <c r="EO22" s="73">
        <v>7</v>
      </c>
      <c r="EP22" s="70">
        <v>3</v>
      </c>
      <c r="EQ22" s="71">
        <v>2</v>
      </c>
      <c r="ER22" s="72">
        <v>5</v>
      </c>
      <c r="ES22" s="244"/>
      <c r="ET22" s="71">
        <v>2</v>
      </c>
      <c r="EU22" s="71">
        <v>3</v>
      </c>
      <c r="EV22" s="71">
        <v>4</v>
      </c>
      <c r="EW22" s="71">
        <v>2</v>
      </c>
      <c r="EX22" s="71">
        <v>0</v>
      </c>
      <c r="EY22" s="72">
        <v>11</v>
      </c>
      <c r="EZ22" s="73">
        <v>16</v>
      </c>
      <c r="FA22" s="86">
        <v>0</v>
      </c>
      <c r="FB22" s="71">
        <v>1</v>
      </c>
      <c r="FC22" s="72">
        <v>1</v>
      </c>
      <c r="FD22" s="244"/>
      <c r="FE22" s="71">
        <v>1</v>
      </c>
      <c r="FF22" s="71">
        <v>1</v>
      </c>
      <c r="FG22" s="71">
        <v>0</v>
      </c>
      <c r="FH22" s="71">
        <v>2</v>
      </c>
      <c r="FI22" s="71">
        <v>3</v>
      </c>
      <c r="FJ22" s="72">
        <v>7</v>
      </c>
      <c r="FK22" s="73">
        <v>8</v>
      </c>
      <c r="FL22" s="70">
        <v>2</v>
      </c>
      <c r="FM22" s="71">
        <v>4</v>
      </c>
      <c r="FN22" s="72">
        <v>6</v>
      </c>
      <c r="FO22" s="244"/>
      <c r="FP22" s="71">
        <v>6</v>
      </c>
      <c r="FQ22" s="71">
        <v>7</v>
      </c>
      <c r="FR22" s="71">
        <v>2</v>
      </c>
      <c r="FS22" s="71">
        <v>3</v>
      </c>
      <c r="FT22" s="71">
        <v>3</v>
      </c>
      <c r="FU22" s="72">
        <v>21</v>
      </c>
      <c r="FV22" s="73">
        <v>27</v>
      </c>
      <c r="FW22" s="70">
        <v>0</v>
      </c>
      <c r="FX22" s="71">
        <v>0</v>
      </c>
      <c r="FY22" s="72">
        <v>0</v>
      </c>
      <c r="FZ22" s="244"/>
      <c r="GA22" s="71">
        <v>0</v>
      </c>
      <c r="GB22" s="71">
        <v>0</v>
      </c>
      <c r="GC22" s="71">
        <v>0</v>
      </c>
      <c r="GD22" s="71">
        <v>0</v>
      </c>
      <c r="GE22" s="71">
        <v>0</v>
      </c>
      <c r="GF22" s="72">
        <v>0</v>
      </c>
      <c r="GG22" s="73">
        <v>0</v>
      </c>
      <c r="GH22" s="70">
        <v>9</v>
      </c>
      <c r="GI22" s="71">
        <v>8</v>
      </c>
      <c r="GJ22" s="72">
        <v>17</v>
      </c>
      <c r="GK22" s="244"/>
      <c r="GL22" s="71">
        <v>12</v>
      </c>
      <c r="GM22" s="71">
        <v>13</v>
      </c>
      <c r="GN22" s="71">
        <v>8</v>
      </c>
      <c r="GO22" s="71">
        <v>9</v>
      </c>
      <c r="GP22" s="71">
        <v>8</v>
      </c>
      <c r="GQ22" s="72">
        <v>50</v>
      </c>
      <c r="GR22" s="73">
        <v>67</v>
      </c>
      <c r="GS22" s="123">
        <v>39</v>
      </c>
      <c r="GT22" s="82">
        <v>29</v>
      </c>
      <c r="GU22" s="83">
        <v>68</v>
      </c>
      <c r="GV22" s="241"/>
      <c r="GW22" s="82">
        <v>61</v>
      </c>
      <c r="GX22" s="82">
        <v>53</v>
      </c>
      <c r="GY22" s="82">
        <v>28</v>
      </c>
      <c r="GZ22" s="82">
        <v>25</v>
      </c>
      <c r="HA22" s="82">
        <v>20</v>
      </c>
      <c r="HB22" s="84">
        <v>187</v>
      </c>
      <c r="HC22" s="85">
        <v>255</v>
      </c>
      <c r="HD22" s="86">
        <v>2</v>
      </c>
      <c r="HE22" s="71">
        <v>0</v>
      </c>
      <c r="HF22" s="72">
        <v>2</v>
      </c>
      <c r="HG22" s="244"/>
      <c r="HH22" s="71">
        <v>4</v>
      </c>
      <c r="HI22" s="71">
        <v>2</v>
      </c>
      <c r="HJ22" s="71">
        <v>1</v>
      </c>
      <c r="HK22" s="71">
        <v>1</v>
      </c>
      <c r="HL22" s="71">
        <v>1</v>
      </c>
      <c r="HM22" s="72">
        <v>9</v>
      </c>
      <c r="HN22" s="73">
        <v>11</v>
      </c>
      <c r="HO22" s="70">
        <v>3</v>
      </c>
      <c r="HP22" s="71">
        <v>2</v>
      </c>
      <c r="HQ22" s="72">
        <v>5</v>
      </c>
      <c r="HR22" s="244"/>
      <c r="HS22" s="71">
        <v>7</v>
      </c>
      <c r="HT22" s="71">
        <v>5</v>
      </c>
      <c r="HU22" s="71">
        <v>3</v>
      </c>
      <c r="HV22" s="71">
        <v>1</v>
      </c>
      <c r="HW22" s="71">
        <v>1</v>
      </c>
      <c r="HX22" s="72">
        <v>17</v>
      </c>
      <c r="HY22" s="73">
        <v>22</v>
      </c>
      <c r="HZ22" s="86">
        <v>10</v>
      </c>
      <c r="IA22" s="71">
        <v>1</v>
      </c>
      <c r="IB22" s="72">
        <v>11</v>
      </c>
      <c r="IC22" s="244"/>
      <c r="ID22" s="71">
        <v>6</v>
      </c>
      <c r="IE22" s="71">
        <v>4</v>
      </c>
      <c r="IF22" s="71">
        <v>2</v>
      </c>
      <c r="IG22" s="71">
        <v>8</v>
      </c>
      <c r="IH22" s="71">
        <v>1</v>
      </c>
      <c r="II22" s="72">
        <v>21</v>
      </c>
      <c r="IJ22" s="73">
        <v>32</v>
      </c>
      <c r="IK22" s="70">
        <v>7</v>
      </c>
      <c r="IL22" s="71">
        <v>7</v>
      </c>
      <c r="IM22" s="72">
        <v>14</v>
      </c>
      <c r="IN22" s="244"/>
      <c r="IO22" s="71">
        <v>9</v>
      </c>
      <c r="IP22" s="71">
        <v>13</v>
      </c>
      <c r="IQ22" s="71">
        <v>8</v>
      </c>
      <c r="IR22" s="71">
        <v>5</v>
      </c>
      <c r="IS22" s="71">
        <v>4</v>
      </c>
      <c r="IT22" s="72">
        <v>39</v>
      </c>
      <c r="IU22" s="73">
        <v>53</v>
      </c>
      <c r="IV22" s="86">
        <v>9</v>
      </c>
      <c r="IW22" s="71">
        <v>8</v>
      </c>
      <c r="IX22" s="72">
        <v>17</v>
      </c>
      <c r="IY22" s="244"/>
      <c r="IZ22" s="71">
        <v>12</v>
      </c>
      <c r="JA22" s="71">
        <v>9</v>
      </c>
      <c r="JB22" s="71">
        <v>7</v>
      </c>
      <c r="JC22" s="71">
        <v>2</v>
      </c>
      <c r="JD22" s="71">
        <v>7</v>
      </c>
      <c r="JE22" s="72">
        <v>37</v>
      </c>
      <c r="JF22" s="73">
        <v>54</v>
      </c>
      <c r="JG22" s="70">
        <v>8</v>
      </c>
      <c r="JH22" s="71">
        <v>11</v>
      </c>
      <c r="JI22" s="72">
        <v>19</v>
      </c>
      <c r="JJ22" s="244"/>
      <c r="JK22" s="71">
        <v>23</v>
      </c>
      <c r="JL22" s="71">
        <v>20</v>
      </c>
      <c r="JM22" s="71">
        <v>7</v>
      </c>
      <c r="JN22" s="71">
        <v>8</v>
      </c>
      <c r="JO22" s="71">
        <v>6</v>
      </c>
      <c r="JP22" s="72">
        <v>64</v>
      </c>
      <c r="JQ22" s="73">
        <v>83</v>
      </c>
      <c r="JR22" s="70">
        <v>0</v>
      </c>
      <c r="JS22" s="71">
        <v>0</v>
      </c>
      <c r="JT22" s="72">
        <v>0</v>
      </c>
      <c r="JU22" s="244"/>
      <c r="JV22" s="71">
        <v>0</v>
      </c>
      <c r="JW22" s="71">
        <v>0</v>
      </c>
      <c r="JX22" s="71">
        <v>0</v>
      </c>
      <c r="JY22" s="71">
        <v>0</v>
      </c>
      <c r="JZ22" s="71">
        <v>0</v>
      </c>
      <c r="KA22" s="72">
        <v>0</v>
      </c>
      <c r="KB22" s="73">
        <v>0</v>
      </c>
      <c r="KC22" s="70">
        <v>39</v>
      </c>
      <c r="KD22" s="71">
        <v>29</v>
      </c>
      <c r="KE22" s="72">
        <v>68</v>
      </c>
      <c r="KF22" s="244"/>
      <c r="KG22" s="71">
        <v>61</v>
      </c>
      <c r="KH22" s="71">
        <v>53</v>
      </c>
      <c r="KI22" s="71">
        <v>28</v>
      </c>
      <c r="KJ22" s="71">
        <v>25</v>
      </c>
      <c r="KK22" s="71">
        <v>20</v>
      </c>
      <c r="KL22" s="72">
        <v>187</v>
      </c>
      <c r="KM22" s="73">
        <v>255</v>
      </c>
    </row>
    <row r="23" spans="2:299" ht="21" customHeight="1" x14ac:dyDescent="0.2">
      <c r="B23" s="126" t="s">
        <v>20</v>
      </c>
      <c r="C23" s="315">
        <v>33</v>
      </c>
      <c r="D23" s="82">
        <v>51</v>
      </c>
      <c r="E23" s="83">
        <v>84</v>
      </c>
      <c r="F23" s="241"/>
      <c r="G23" s="82">
        <v>51</v>
      </c>
      <c r="H23" s="82">
        <v>54</v>
      </c>
      <c r="I23" s="82">
        <v>26</v>
      </c>
      <c r="J23" s="82">
        <v>22</v>
      </c>
      <c r="K23" s="82">
        <v>21</v>
      </c>
      <c r="L23" s="84">
        <v>174</v>
      </c>
      <c r="M23" s="85">
        <v>258</v>
      </c>
      <c r="N23" s="70">
        <v>1</v>
      </c>
      <c r="O23" s="71">
        <v>1</v>
      </c>
      <c r="P23" s="72">
        <v>2</v>
      </c>
      <c r="Q23" s="244"/>
      <c r="R23" s="71">
        <v>2</v>
      </c>
      <c r="S23" s="71">
        <v>0</v>
      </c>
      <c r="T23" s="71">
        <v>2</v>
      </c>
      <c r="U23" s="71">
        <v>1</v>
      </c>
      <c r="V23" s="71">
        <v>1</v>
      </c>
      <c r="W23" s="72">
        <v>6</v>
      </c>
      <c r="X23" s="73">
        <v>8</v>
      </c>
      <c r="Y23" s="70">
        <v>5</v>
      </c>
      <c r="Z23" s="71">
        <v>3</v>
      </c>
      <c r="AA23" s="72">
        <v>8</v>
      </c>
      <c r="AB23" s="244"/>
      <c r="AC23" s="71">
        <v>7</v>
      </c>
      <c r="AD23" s="71">
        <v>8</v>
      </c>
      <c r="AE23" s="71">
        <v>4</v>
      </c>
      <c r="AF23" s="71">
        <v>2</v>
      </c>
      <c r="AG23" s="71">
        <v>3</v>
      </c>
      <c r="AH23" s="72">
        <v>24</v>
      </c>
      <c r="AI23" s="73">
        <v>32</v>
      </c>
      <c r="AJ23" s="70">
        <v>5</v>
      </c>
      <c r="AK23" s="71">
        <v>7</v>
      </c>
      <c r="AL23" s="72">
        <v>12</v>
      </c>
      <c r="AM23" s="244"/>
      <c r="AN23" s="71">
        <v>4</v>
      </c>
      <c r="AO23" s="71">
        <v>5</v>
      </c>
      <c r="AP23" s="71">
        <v>3</v>
      </c>
      <c r="AQ23" s="71">
        <v>2</v>
      </c>
      <c r="AR23" s="71">
        <v>4</v>
      </c>
      <c r="AS23" s="72">
        <v>18</v>
      </c>
      <c r="AT23" s="73">
        <v>30</v>
      </c>
      <c r="AU23" s="70">
        <v>9</v>
      </c>
      <c r="AV23" s="71">
        <v>17</v>
      </c>
      <c r="AW23" s="72">
        <v>26</v>
      </c>
      <c r="AX23" s="244"/>
      <c r="AY23" s="71">
        <v>19</v>
      </c>
      <c r="AZ23" s="71">
        <v>20</v>
      </c>
      <c r="BA23" s="71">
        <v>6</v>
      </c>
      <c r="BB23" s="71">
        <v>7</v>
      </c>
      <c r="BC23" s="71">
        <v>6</v>
      </c>
      <c r="BD23" s="72">
        <v>58</v>
      </c>
      <c r="BE23" s="73">
        <v>84</v>
      </c>
      <c r="BF23" s="70">
        <v>4</v>
      </c>
      <c r="BG23" s="71">
        <v>16</v>
      </c>
      <c r="BH23" s="72">
        <v>20</v>
      </c>
      <c r="BI23" s="244"/>
      <c r="BJ23" s="71">
        <v>11</v>
      </c>
      <c r="BK23" s="71">
        <v>14</v>
      </c>
      <c r="BL23" s="71">
        <v>7</v>
      </c>
      <c r="BM23" s="71">
        <v>5</v>
      </c>
      <c r="BN23" s="71">
        <v>4</v>
      </c>
      <c r="BO23" s="72">
        <v>41</v>
      </c>
      <c r="BP23" s="73">
        <v>61</v>
      </c>
      <c r="BQ23" s="70">
        <v>9</v>
      </c>
      <c r="BR23" s="71">
        <v>7</v>
      </c>
      <c r="BS23" s="72">
        <v>16</v>
      </c>
      <c r="BT23" s="244"/>
      <c r="BU23" s="71">
        <v>8</v>
      </c>
      <c r="BV23" s="71">
        <v>7</v>
      </c>
      <c r="BW23" s="71">
        <v>4</v>
      </c>
      <c r="BX23" s="71">
        <v>5</v>
      </c>
      <c r="BY23" s="71">
        <v>3</v>
      </c>
      <c r="BZ23" s="72">
        <v>27</v>
      </c>
      <c r="CA23" s="73">
        <v>43</v>
      </c>
      <c r="CB23" s="70">
        <v>0</v>
      </c>
      <c r="CC23" s="71">
        <v>0</v>
      </c>
      <c r="CD23" s="72">
        <v>0</v>
      </c>
      <c r="CE23" s="244"/>
      <c r="CF23" s="71">
        <v>0</v>
      </c>
      <c r="CG23" s="71">
        <v>0</v>
      </c>
      <c r="CH23" s="71">
        <v>0</v>
      </c>
      <c r="CI23" s="71">
        <v>0</v>
      </c>
      <c r="CJ23" s="71">
        <v>0</v>
      </c>
      <c r="CK23" s="72">
        <v>0</v>
      </c>
      <c r="CL23" s="73">
        <v>0</v>
      </c>
      <c r="CM23" s="70">
        <v>33</v>
      </c>
      <c r="CN23" s="71">
        <v>51</v>
      </c>
      <c r="CO23" s="72">
        <v>84</v>
      </c>
      <c r="CP23" s="244"/>
      <c r="CQ23" s="71">
        <v>51</v>
      </c>
      <c r="CR23" s="71">
        <v>54</v>
      </c>
      <c r="CS23" s="71">
        <v>26</v>
      </c>
      <c r="CT23" s="71">
        <v>22</v>
      </c>
      <c r="CU23" s="71">
        <v>21</v>
      </c>
      <c r="CV23" s="72">
        <v>174</v>
      </c>
      <c r="CW23" s="73">
        <v>258</v>
      </c>
      <c r="CX23" s="123">
        <v>12</v>
      </c>
      <c r="CY23" s="82">
        <v>21</v>
      </c>
      <c r="CZ23" s="83">
        <v>33</v>
      </c>
      <c r="DA23" s="241"/>
      <c r="DB23" s="82">
        <v>18</v>
      </c>
      <c r="DC23" s="82">
        <v>19</v>
      </c>
      <c r="DD23" s="82">
        <v>10</v>
      </c>
      <c r="DE23" s="82">
        <v>13</v>
      </c>
      <c r="DF23" s="82">
        <v>8</v>
      </c>
      <c r="DG23" s="84">
        <v>68</v>
      </c>
      <c r="DH23" s="85">
        <v>101</v>
      </c>
      <c r="DI23" s="70">
        <v>1</v>
      </c>
      <c r="DJ23" s="71">
        <v>0</v>
      </c>
      <c r="DK23" s="72">
        <v>1</v>
      </c>
      <c r="DL23" s="244"/>
      <c r="DM23" s="71">
        <v>0</v>
      </c>
      <c r="DN23" s="71">
        <v>0</v>
      </c>
      <c r="DO23" s="71">
        <v>0</v>
      </c>
      <c r="DP23" s="71">
        <v>0</v>
      </c>
      <c r="DQ23" s="71">
        <v>0</v>
      </c>
      <c r="DR23" s="72">
        <v>0</v>
      </c>
      <c r="DS23" s="73">
        <v>1</v>
      </c>
      <c r="DT23" s="70">
        <v>1</v>
      </c>
      <c r="DU23" s="71">
        <v>2</v>
      </c>
      <c r="DV23" s="72">
        <v>3</v>
      </c>
      <c r="DW23" s="244"/>
      <c r="DX23" s="71">
        <v>0</v>
      </c>
      <c r="DY23" s="71">
        <v>1</v>
      </c>
      <c r="DZ23" s="71">
        <v>1</v>
      </c>
      <c r="EA23" s="71">
        <v>1</v>
      </c>
      <c r="EB23" s="71">
        <v>1</v>
      </c>
      <c r="EC23" s="72">
        <v>4</v>
      </c>
      <c r="ED23" s="73">
        <v>7</v>
      </c>
      <c r="EE23" s="70">
        <v>2</v>
      </c>
      <c r="EF23" s="71">
        <v>2</v>
      </c>
      <c r="EG23" s="72">
        <v>4</v>
      </c>
      <c r="EH23" s="244"/>
      <c r="EI23" s="71">
        <v>1</v>
      </c>
      <c r="EJ23" s="71">
        <v>1</v>
      </c>
      <c r="EK23" s="71">
        <v>2</v>
      </c>
      <c r="EL23" s="71">
        <v>0</v>
      </c>
      <c r="EM23" s="71">
        <v>2</v>
      </c>
      <c r="EN23" s="72">
        <v>6</v>
      </c>
      <c r="EO23" s="73">
        <v>10</v>
      </c>
      <c r="EP23" s="70">
        <v>4</v>
      </c>
      <c r="EQ23" s="71">
        <v>5</v>
      </c>
      <c r="ER23" s="72">
        <v>9</v>
      </c>
      <c r="ES23" s="244"/>
      <c r="ET23" s="71">
        <v>3</v>
      </c>
      <c r="EU23" s="71">
        <v>4</v>
      </c>
      <c r="EV23" s="71">
        <v>1</v>
      </c>
      <c r="EW23" s="71">
        <v>2</v>
      </c>
      <c r="EX23" s="71">
        <v>1</v>
      </c>
      <c r="EY23" s="72">
        <v>11</v>
      </c>
      <c r="EZ23" s="73">
        <v>20</v>
      </c>
      <c r="FA23" s="70">
        <v>3</v>
      </c>
      <c r="FB23" s="71">
        <v>3</v>
      </c>
      <c r="FC23" s="72">
        <v>6</v>
      </c>
      <c r="FD23" s="244"/>
      <c r="FE23" s="71">
        <v>9</v>
      </c>
      <c r="FF23" s="71">
        <v>6</v>
      </c>
      <c r="FG23" s="71">
        <v>2</v>
      </c>
      <c r="FH23" s="71">
        <v>3</v>
      </c>
      <c r="FI23" s="71">
        <v>2</v>
      </c>
      <c r="FJ23" s="72">
        <v>22</v>
      </c>
      <c r="FK23" s="73">
        <v>28</v>
      </c>
      <c r="FL23" s="70">
        <v>1</v>
      </c>
      <c r="FM23" s="71">
        <v>9</v>
      </c>
      <c r="FN23" s="72">
        <v>10</v>
      </c>
      <c r="FO23" s="244"/>
      <c r="FP23" s="71">
        <v>5</v>
      </c>
      <c r="FQ23" s="71">
        <v>7</v>
      </c>
      <c r="FR23" s="71">
        <v>4</v>
      </c>
      <c r="FS23" s="71">
        <v>7</v>
      </c>
      <c r="FT23" s="71">
        <v>2</v>
      </c>
      <c r="FU23" s="72">
        <v>25</v>
      </c>
      <c r="FV23" s="73">
        <v>35</v>
      </c>
      <c r="FW23" s="70">
        <v>0</v>
      </c>
      <c r="FX23" s="71">
        <v>0</v>
      </c>
      <c r="FY23" s="72">
        <v>0</v>
      </c>
      <c r="FZ23" s="244"/>
      <c r="GA23" s="71">
        <v>0</v>
      </c>
      <c r="GB23" s="71">
        <v>0</v>
      </c>
      <c r="GC23" s="71">
        <v>0</v>
      </c>
      <c r="GD23" s="71">
        <v>0</v>
      </c>
      <c r="GE23" s="71">
        <v>0</v>
      </c>
      <c r="GF23" s="72">
        <v>0</v>
      </c>
      <c r="GG23" s="73">
        <v>0</v>
      </c>
      <c r="GH23" s="70">
        <v>12</v>
      </c>
      <c r="GI23" s="71">
        <v>21</v>
      </c>
      <c r="GJ23" s="72">
        <v>33</v>
      </c>
      <c r="GK23" s="244"/>
      <c r="GL23" s="71">
        <v>18</v>
      </c>
      <c r="GM23" s="71">
        <v>19</v>
      </c>
      <c r="GN23" s="71">
        <v>10</v>
      </c>
      <c r="GO23" s="71">
        <v>13</v>
      </c>
      <c r="GP23" s="71">
        <v>8</v>
      </c>
      <c r="GQ23" s="72">
        <v>68</v>
      </c>
      <c r="GR23" s="73">
        <v>101</v>
      </c>
      <c r="GS23" s="123">
        <v>45</v>
      </c>
      <c r="GT23" s="82">
        <v>72</v>
      </c>
      <c r="GU23" s="83">
        <v>117</v>
      </c>
      <c r="GV23" s="241"/>
      <c r="GW23" s="82">
        <v>69</v>
      </c>
      <c r="GX23" s="82">
        <v>73</v>
      </c>
      <c r="GY23" s="82">
        <v>36</v>
      </c>
      <c r="GZ23" s="82">
        <v>35</v>
      </c>
      <c r="HA23" s="82">
        <v>29</v>
      </c>
      <c r="HB23" s="84">
        <v>242</v>
      </c>
      <c r="HC23" s="85">
        <v>359</v>
      </c>
      <c r="HD23" s="70">
        <v>2</v>
      </c>
      <c r="HE23" s="71">
        <v>1</v>
      </c>
      <c r="HF23" s="72">
        <v>3</v>
      </c>
      <c r="HG23" s="244"/>
      <c r="HH23" s="71">
        <v>2</v>
      </c>
      <c r="HI23" s="71">
        <v>0</v>
      </c>
      <c r="HJ23" s="71">
        <v>2</v>
      </c>
      <c r="HK23" s="71">
        <v>1</v>
      </c>
      <c r="HL23" s="71">
        <v>1</v>
      </c>
      <c r="HM23" s="72">
        <v>6</v>
      </c>
      <c r="HN23" s="73">
        <v>9</v>
      </c>
      <c r="HO23" s="70">
        <v>6</v>
      </c>
      <c r="HP23" s="71">
        <v>5</v>
      </c>
      <c r="HQ23" s="72">
        <v>11</v>
      </c>
      <c r="HR23" s="244"/>
      <c r="HS23" s="71">
        <v>7</v>
      </c>
      <c r="HT23" s="71">
        <v>9</v>
      </c>
      <c r="HU23" s="71">
        <v>5</v>
      </c>
      <c r="HV23" s="71">
        <v>3</v>
      </c>
      <c r="HW23" s="71">
        <v>4</v>
      </c>
      <c r="HX23" s="72">
        <v>28</v>
      </c>
      <c r="HY23" s="73">
        <v>39</v>
      </c>
      <c r="HZ23" s="70">
        <v>7</v>
      </c>
      <c r="IA23" s="71">
        <v>9</v>
      </c>
      <c r="IB23" s="72">
        <v>16</v>
      </c>
      <c r="IC23" s="244"/>
      <c r="ID23" s="71">
        <v>5</v>
      </c>
      <c r="IE23" s="71">
        <v>6</v>
      </c>
      <c r="IF23" s="71">
        <v>5</v>
      </c>
      <c r="IG23" s="71">
        <v>2</v>
      </c>
      <c r="IH23" s="71">
        <v>6</v>
      </c>
      <c r="II23" s="72">
        <v>24</v>
      </c>
      <c r="IJ23" s="73">
        <v>40</v>
      </c>
      <c r="IK23" s="70">
        <v>13</v>
      </c>
      <c r="IL23" s="71">
        <v>22</v>
      </c>
      <c r="IM23" s="72">
        <v>35</v>
      </c>
      <c r="IN23" s="244"/>
      <c r="IO23" s="71">
        <v>22</v>
      </c>
      <c r="IP23" s="71">
        <v>24</v>
      </c>
      <c r="IQ23" s="71">
        <v>7</v>
      </c>
      <c r="IR23" s="71">
        <v>9</v>
      </c>
      <c r="IS23" s="71">
        <v>7</v>
      </c>
      <c r="IT23" s="72">
        <v>69</v>
      </c>
      <c r="IU23" s="73">
        <v>104</v>
      </c>
      <c r="IV23" s="70">
        <v>7</v>
      </c>
      <c r="IW23" s="71">
        <v>19</v>
      </c>
      <c r="IX23" s="72">
        <v>26</v>
      </c>
      <c r="IY23" s="244"/>
      <c r="IZ23" s="71">
        <v>20</v>
      </c>
      <c r="JA23" s="71">
        <v>20</v>
      </c>
      <c r="JB23" s="71">
        <v>9</v>
      </c>
      <c r="JC23" s="71">
        <v>8</v>
      </c>
      <c r="JD23" s="71">
        <v>6</v>
      </c>
      <c r="JE23" s="72">
        <v>63</v>
      </c>
      <c r="JF23" s="73">
        <v>89</v>
      </c>
      <c r="JG23" s="70">
        <v>10</v>
      </c>
      <c r="JH23" s="71">
        <v>16</v>
      </c>
      <c r="JI23" s="72">
        <v>26</v>
      </c>
      <c r="JJ23" s="244"/>
      <c r="JK23" s="71">
        <v>13</v>
      </c>
      <c r="JL23" s="71">
        <v>14</v>
      </c>
      <c r="JM23" s="71">
        <v>8</v>
      </c>
      <c r="JN23" s="71">
        <v>12</v>
      </c>
      <c r="JO23" s="71">
        <v>5</v>
      </c>
      <c r="JP23" s="72">
        <v>52</v>
      </c>
      <c r="JQ23" s="73">
        <v>78</v>
      </c>
      <c r="JR23" s="70">
        <v>0</v>
      </c>
      <c r="JS23" s="71">
        <v>0</v>
      </c>
      <c r="JT23" s="72">
        <v>0</v>
      </c>
      <c r="JU23" s="244"/>
      <c r="JV23" s="71">
        <v>0</v>
      </c>
      <c r="JW23" s="71">
        <v>0</v>
      </c>
      <c r="JX23" s="71">
        <v>0</v>
      </c>
      <c r="JY23" s="71">
        <v>0</v>
      </c>
      <c r="JZ23" s="71">
        <v>0</v>
      </c>
      <c r="KA23" s="72">
        <v>0</v>
      </c>
      <c r="KB23" s="73">
        <v>0</v>
      </c>
      <c r="KC23" s="70">
        <v>45</v>
      </c>
      <c r="KD23" s="71">
        <v>72</v>
      </c>
      <c r="KE23" s="72">
        <v>117</v>
      </c>
      <c r="KF23" s="244"/>
      <c r="KG23" s="71">
        <v>69</v>
      </c>
      <c r="KH23" s="71">
        <v>73</v>
      </c>
      <c r="KI23" s="71">
        <v>36</v>
      </c>
      <c r="KJ23" s="71">
        <v>35</v>
      </c>
      <c r="KK23" s="71">
        <v>29</v>
      </c>
      <c r="KL23" s="72">
        <v>242</v>
      </c>
      <c r="KM23" s="73">
        <v>359</v>
      </c>
    </row>
    <row r="24" spans="2:299" ht="21" customHeight="1" x14ac:dyDescent="0.2">
      <c r="B24" s="126" t="s">
        <v>21</v>
      </c>
      <c r="C24" s="315">
        <v>27</v>
      </c>
      <c r="D24" s="82">
        <v>26</v>
      </c>
      <c r="E24" s="83">
        <v>53</v>
      </c>
      <c r="F24" s="241"/>
      <c r="G24" s="82">
        <v>58</v>
      </c>
      <c r="H24" s="82">
        <v>36</v>
      </c>
      <c r="I24" s="82">
        <v>24</v>
      </c>
      <c r="J24" s="82">
        <v>26</v>
      </c>
      <c r="K24" s="82">
        <v>16</v>
      </c>
      <c r="L24" s="84">
        <v>160</v>
      </c>
      <c r="M24" s="85">
        <v>213</v>
      </c>
      <c r="N24" s="70">
        <v>1</v>
      </c>
      <c r="O24" s="71">
        <v>3</v>
      </c>
      <c r="P24" s="72">
        <v>4</v>
      </c>
      <c r="Q24" s="244"/>
      <c r="R24" s="71">
        <v>2</v>
      </c>
      <c r="S24" s="71">
        <v>0</v>
      </c>
      <c r="T24" s="71">
        <v>0</v>
      </c>
      <c r="U24" s="71">
        <v>1</v>
      </c>
      <c r="V24" s="71">
        <v>3</v>
      </c>
      <c r="W24" s="72">
        <v>6</v>
      </c>
      <c r="X24" s="73">
        <v>10</v>
      </c>
      <c r="Y24" s="70">
        <v>4</v>
      </c>
      <c r="Z24" s="71">
        <v>1</v>
      </c>
      <c r="AA24" s="72">
        <v>5</v>
      </c>
      <c r="AB24" s="244"/>
      <c r="AC24" s="71">
        <v>5</v>
      </c>
      <c r="AD24" s="71">
        <v>3</v>
      </c>
      <c r="AE24" s="71">
        <v>2</v>
      </c>
      <c r="AF24" s="71">
        <v>3</v>
      </c>
      <c r="AG24" s="71">
        <v>1</v>
      </c>
      <c r="AH24" s="72">
        <v>14</v>
      </c>
      <c r="AI24" s="73">
        <v>19</v>
      </c>
      <c r="AJ24" s="70">
        <v>1</v>
      </c>
      <c r="AK24" s="71">
        <v>4</v>
      </c>
      <c r="AL24" s="72">
        <v>5</v>
      </c>
      <c r="AM24" s="244"/>
      <c r="AN24" s="71">
        <v>7</v>
      </c>
      <c r="AO24" s="71">
        <v>5</v>
      </c>
      <c r="AP24" s="71">
        <v>4</v>
      </c>
      <c r="AQ24" s="71">
        <v>4</v>
      </c>
      <c r="AR24" s="71">
        <v>2</v>
      </c>
      <c r="AS24" s="72">
        <v>22</v>
      </c>
      <c r="AT24" s="73">
        <v>27</v>
      </c>
      <c r="AU24" s="70">
        <v>4</v>
      </c>
      <c r="AV24" s="71">
        <v>8</v>
      </c>
      <c r="AW24" s="72">
        <v>12</v>
      </c>
      <c r="AX24" s="244"/>
      <c r="AY24" s="71">
        <v>13</v>
      </c>
      <c r="AZ24" s="71">
        <v>9</v>
      </c>
      <c r="BA24" s="71">
        <v>3</v>
      </c>
      <c r="BB24" s="71">
        <v>6</v>
      </c>
      <c r="BC24" s="71">
        <v>2</v>
      </c>
      <c r="BD24" s="72">
        <v>33</v>
      </c>
      <c r="BE24" s="73">
        <v>45</v>
      </c>
      <c r="BF24" s="70">
        <v>12</v>
      </c>
      <c r="BG24" s="71">
        <v>4</v>
      </c>
      <c r="BH24" s="72">
        <v>16</v>
      </c>
      <c r="BI24" s="244"/>
      <c r="BJ24" s="71">
        <v>21</v>
      </c>
      <c r="BK24" s="71">
        <v>13</v>
      </c>
      <c r="BL24" s="71">
        <v>6</v>
      </c>
      <c r="BM24" s="71">
        <v>6</v>
      </c>
      <c r="BN24" s="71">
        <v>4</v>
      </c>
      <c r="BO24" s="72">
        <v>50</v>
      </c>
      <c r="BP24" s="73">
        <v>66</v>
      </c>
      <c r="BQ24" s="70">
        <v>5</v>
      </c>
      <c r="BR24" s="71">
        <v>6</v>
      </c>
      <c r="BS24" s="72">
        <v>11</v>
      </c>
      <c r="BT24" s="244"/>
      <c r="BU24" s="71">
        <v>10</v>
      </c>
      <c r="BV24" s="71">
        <v>6</v>
      </c>
      <c r="BW24" s="71">
        <v>9</v>
      </c>
      <c r="BX24" s="71">
        <v>6</v>
      </c>
      <c r="BY24" s="71">
        <v>4</v>
      </c>
      <c r="BZ24" s="72">
        <v>35</v>
      </c>
      <c r="CA24" s="73">
        <v>46</v>
      </c>
      <c r="CB24" s="70">
        <v>0</v>
      </c>
      <c r="CC24" s="71">
        <v>0</v>
      </c>
      <c r="CD24" s="72">
        <v>0</v>
      </c>
      <c r="CE24" s="244"/>
      <c r="CF24" s="71">
        <v>0</v>
      </c>
      <c r="CG24" s="71">
        <v>0</v>
      </c>
      <c r="CH24" s="71">
        <v>0</v>
      </c>
      <c r="CI24" s="71">
        <v>0</v>
      </c>
      <c r="CJ24" s="71">
        <v>0</v>
      </c>
      <c r="CK24" s="72">
        <v>0</v>
      </c>
      <c r="CL24" s="73">
        <v>0</v>
      </c>
      <c r="CM24" s="70">
        <v>27</v>
      </c>
      <c r="CN24" s="71">
        <v>26</v>
      </c>
      <c r="CO24" s="72">
        <v>53</v>
      </c>
      <c r="CP24" s="244"/>
      <c r="CQ24" s="71">
        <v>58</v>
      </c>
      <c r="CR24" s="71">
        <v>36</v>
      </c>
      <c r="CS24" s="71">
        <v>24</v>
      </c>
      <c r="CT24" s="71">
        <v>26</v>
      </c>
      <c r="CU24" s="71">
        <v>16</v>
      </c>
      <c r="CV24" s="72">
        <v>160</v>
      </c>
      <c r="CW24" s="73">
        <v>213</v>
      </c>
      <c r="CX24" s="123">
        <v>14</v>
      </c>
      <c r="CY24" s="82">
        <v>13</v>
      </c>
      <c r="CZ24" s="83">
        <v>27</v>
      </c>
      <c r="DA24" s="241"/>
      <c r="DB24" s="82">
        <v>17</v>
      </c>
      <c r="DC24" s="82">
        <v>17</v>
      </c>
      <c r="DD24" s="82">
        <v>11</v>
      </c>
      <c r="DE24" s="82">
        <v>6</v>
      </c>
      <c r="DF24" s="82">
        <v>5</v>
      </c>
      <c r="DG24" s="84">
        <v>56</v>
      </c>
      <c r="DH24" s="85">
        <v>83</v>
      </c>
      <c r="DI24" s="70">
        <v>0</v>
      </c>
      <c r="DJ24" s="71">
        <v>1</v>
      </c>
      <c r="DK24" s="72">
        <v>1</v>
      </c>
      <c r="DL24" s="244"/>
      <c r="DM24" s="71">
        <v>0</v>
      </c>
      <c r="DN24" s="71">
        <v>0</v>
      </c>
      <c r="DO24" s="71">
        <v>0</v>
      </c>
      <c r="DP24" s="71">
        <v>0</v>
      </c>
      <c r="DQ24" s="71">
        <v>0</v>
      </c>
      <c r="DR24" s="72">
        <v>0</v>
      </c>
      <c r="DS24" s="73">
        <v>1</v>
      </c>
      <c r="DT24" s="70">
        <v>2</v>
      </c>
      <c r="DU24" s="71">
        <v>0</v>
      </c>
      <c r="DV24" s="72">
        <v>2</v>
      </c>
      <c r="DW24" s="244"/>
      <c r="DX24" s="71">
        <v>1</v>
      </c>
      <c r="DY24" s="71">
        <v>2</v>
      </c>
      <c r="DZ24" s="71">
        <v>1</v>
      </c>
      <c r="EA24" s="71">
        <v>0</v>
      </c>
      <c r="EB24" s="71">
        <v>2</v>
      </c>
      <c r="EC24" s="72">
        <v>6</v>
      </c>
      <c r="ED24" s="73">
        <v>8</v>
      </c>
      <c r="EE24" s="70">
        <v>1</v>
      </c>
      <c r="EF24" s="71">
        <v>2</v>
      </c>
      <c r="EG24" s="72">
        <v>3</v>
      </c>
      <c r="EH24" s="244"/>
      <c r="EI24" s="71">
        <v>2</v>
      </c>
      <c r="EJ24" s="71">
        <v>3</v>
      </c>
      <c r="EK24" s="71">
        <v>1</v>
      </c>
      <c r="EL24" s="71">
        <v>0</v>
      </c>
      <c r="EM24" s="71">
        <v>0</v>
      </c>
      <c r="EN24" s="72">
        <v>6</v>
      </c>
      <c r="EO24" s="73">
        <v>9</v>
      </c>
      <c r="EP24" s="70">
        <v>8</v>
      </c>
      <c r="EQ24" s="71">
        <v>7</v>
      </c>
      <c r="ER24" s="72">
        <v>15</v>
      </c>
      <c r="ES24" s="244"/>
      <c r="ET24" s="71">
        <v>5</v>
      </c>
      <c r="EU24" s="71">
        <v>1</v>
      </c>
      <c r="EV24" s="71">
        <v>1</v>
      </c>
      <c r="EW24" s="71">
        <v>0</v>
      </c>
      <c r="EX24" s="71">
        <v>0</v>
      </c>
      <c r="EY24" s="72">
        <v>7</v>
      </c>
      <c r="EZ24" s="73">
        <v>22</v>
      </c>
      <c r="FA24" s="70">
        <v>1</v>
      </c>
      <c r="FB24" s="71">
        <v>3</v>
      </c>
      <c r="FC24" s="72">
        <v>4</v>
      </c>
      <c r="FD24" s="244"/>
      <c r="FE24" s="71">
        <v>2</v>
      </c>
      <c r="FF24" s="71">
        <v>4</v>
      </c>
      <c r="FG24" s="71">
        <v>1</v>
      </c>
      <c r="FH24" s="71">
        <v>2</v>
      </c>
      <c r="FI24" s="71">
        <v>1</v>
      </c>
      <c r="FJ24" s="72">
        <v>10</v>
      </c>
      <c r="FK24" s="73">
        <v>14</v>
      </c>
      <c r="FL24" s="70">
        <v>2</v>
      </c>
      <c r="FM24" s="71">
        <v>0</v>
      </c>
      <c r="FN24" s="72">
        <v>2</v>
      </c>
      <c r="FO24" s="244"/>
      <c r="FP24" s="71">
        <v>7</v>
      </c>
      <c r="FQ24" s="71">
        <v>7</v>
      </c>
      <c r="FR24" s="71">
        <v>7</v>
      </c>
      <c r="FS24" s="71">
        <v>4</v>
      </c>
      <c r="FT24" s="71">
        <v>2</v>
      </c>
      <c r="FU24" s="72">
        <v>27</v>
      </c>
      <c r="FV24" s="73">
        <v>29</v>
      </c>
      <c r="FW24" s="70">
        <v>0</v>
      </c>
      <c r="FX24" s="71">
        <v>0</v>
      </c>
      <c r="FY24" s="72">
        <v>0</v>
      </c>
      <c r="FZ24" s="244"/>
      <c r="GA24" s="71">
        <v>0</v>
      </c>
      <c r="GB24" s="71">
        <v>0</v>
      </c>
      <c r="GC24" s="71">
        <v>0</v>
      </c>
      <c r="GD24" s="71">
        <v>0</v>
      </c>
      <c r="GE24" s="71">
        <v>0</v>
      </c>
      <c r="GF24" s="72">
        <v>0</v>
      </c>
      <c r="GG24" s="73">
        <v>0</v>
      </c>
      <c r="GH24" s="70">
        <v>14</v>
      </c>
      <c r="GI24" s="71">
        <v>13</v>
      </c>
      <c r="GJ24" s="72">
        <v>27</v>
      </c>
      <c r="GK24" s="244"/>
      <c r="GL24" s="71">
        <v>17</v>
      </c>
      <c r="GM24" s="71">
        <v>17</v>
      </c>
      <c r="GN24" s="71">
        <v>11</v>
      </c>
      <c r="GO24" s="71">
        <v>6</v>
      </c>
      <c r="GP24" s="71">
        <v>5</v>
      </c>
      <c r="GQ24" s="72">
        <v>56</v>
      </c>
      <c r="GR24" s="73">
        <v>83</v>
      </c>
      <c r="GS24" s="123">
        <v>41</v>
      </c>
      <c r="GT24" s="82">
        <v>39</v>
      </c>
      <c r="GU24" s="83">
        <v>80</v>
      </c>
      <c r="GV24" s="241"/>
      <c r="GW24" s="82">
        <v>75</v>
      </c>
      <c r="GX24" s="82">
        <v>53</v>
      </c>
      <c r="GY24" s="82">
        <v>35</v>
      </c>
      <c r="GZ24" s="82">
        <v>32</v>
      </c>
      <c r="HA24" s="82">
        <v>21</v>
      </c>
      <c r="HB24" s="84">
        <v>216</v>
      </c>
      <c r="HC24" s="85">
        <v>296</v>
      </c>
      <c r="HD24" s="70">
        <v>1</v>
      </c>
      <c r="HE24" s="71">
        <v>4</v>
      </c>
      <c r="HF24" s="72">
        <v>5</v>
      </c>
      <c r="HG24" s="244"/>
      <c r="HH24" s="71">
        <v>2</v>
      </c>
      <c r="HI24" s="71">
        <v>0</v>
      </c>
      <c r="HJ24" s="71">
        <v>0</v>
      </c>
      <c r="HK24" s="71">
        <v>1</v>
      </c>
      <c r="HL24" s="71">
        <v>3</v>
      </c>
      <c r="HM24" s="72">
        <v>6</v>
      </c>
      <c r="HN24" s="73">
        <v>11</v>
      </c>
      <c r="HO24" s="70">
        <v>6</v>
      </c>
      <c r="HP24" s="71">
        <v>1</v>
      </c>
      <c r="HQ24" s="72">
        <v>7</v>
      </c>
      <c r="HR24" s="244"/>
      <c r="HS24" s="71">
        <v>6</v>
      </c>
      <c r="HT24" s="71">
        <v>5</v>
      </c>
      <c r="HU24" s="71">
        <v>3</v>
      </c>
      <c r="HV24" s="71">
        <v>3</v>
      </c>
      <c r="HW24" s="71">
        <v>3</v>
      </c>
      <c r="HX24" s="72">
        <v>20</v>
      </c>
      <c r="HY24" s="73">
        <v>27</v>
      </c>
      <c r="HZ24" s="70">
        <v>2</v>
      </c>
      <c r="IA24" s="71">
        <v>6</v>
      </c>
      <c r="IB24" s="72">
        <v>8</v>
      </c>
      <c r="IC24" s="244"/>
      <c r="ID24" s="71">
        <v>9</v>
      </c>
      <c r="IE24" s="71">
        <v>8</v>
      </c>
      <c r="IF24" s="71">
        <v>5</v>
      </c>
      <c r="IG24" s="71">
        <v>4</v>
      </c>
      <c r="IH24" s="71">
        <v>2</v>
      </c>
      <c r="II24" s="72">
        <v>28</v>
      </c>
      <c r="IJ24" s="73">
        <v>36</v>
      </c>
      <c r="IK24" s="70">
        <v>12</v>
      </c>
      <c r="IL24" s="71">
        <v>15</v>
      </c>
      <c r="IM24" s="72">
        <v>27</v>
      </c>
      <c r="IN24" s="244"/>
      <c r="IO24" s="71">
        <v>18</v>
      </c>
      <c r="IP24" s="71">
        <v>10</v>
      </c>
      <c r="IQ24" s="71">
        <v>4</v>
      </c>
      <c r="IR24" s="71">
        <v>6</v>
      </c>
      <c r="IS24" s="71">
        <v>2</v>
      </c>
      <c r="IT24" s="72">
        <v>40</v>
      </c>
      <c r="IU24" s="73">
        <v>67</v>
      </c>
      <c r="IV24" s="70">
        <v>13</v>
      </c>
      <c r="IW24" s="71">
        <v>7</v>
      </c>
      <c r="IX24" s="72">
        <v>20</v>
      </c>
      <c r="IY24" s="244"/>
      <c r="IZ24" s="71">
        <v>23</v>
      </c>
      <c r="JA24" s="71">
        <v>17</v>
      </c>
      <c r="JB24" s="71">
        <v>7</v>
      </c>
      <c r="JC24" s="71">
        <v>8</v>
      </c>
      <c r="JD24" s="71">
        <v>5</v>
      </c>
      <c r="JE24" s="72">
        <v>60</v>
      </c>
      <c r="JF24" s="73">
        <v>80</v>
      </c>
      <c r="JG24" s="70">
        <v>7</v>
      </c>
      <c r="JH24" s="71">
        <v>6</v>
      </c>
      <c r="JI24" s="72">
        <v>13</v>
      </c>
      <c r="JJ24" s="244"/>
      <c r="JK24" s="71">
        <v>17</v>
      </c>
      <c r="JL24" s="71">
        <v>13</v>
      </c>
      <c r="JM24" s="71">
        <v>16</v>
      </c>
      <c r="JN24" s="71">
        <v>10</v>
      </c>
      <c r="JO24" s="71">
        <v>6</v>
      </c>
      <c r="JP24" s="72">
        <v>62</v>
      </c>
      <c r="JQ24" s="73">
        <v>75</v>
      </c>
      <c r="JR24" s="70">
        <v>0</v>
      </c>
      <c r="JS24" s="71">
        <v>0</v>
      </c>
      <c r="JT24" s="72">
        <v>0</v>
      </c>
      <c r="JU24" s="244"/>
      <c r="JV24" s="71">
        <v>0</v>
      </c>
      <c r="JW24" s="71">
        <v>0</v>
      </c>
      <c r="JX24" s="71">
        <v>0</v>
      </c>
      <c r="JY24" s="71">
        <v>0</v>
      </c>
      <c r="JZ24" s="71">
        <v>0</v>
      </c>
      <c r="KA24" s="72">
        <v>0</v>
      </c>
      <c r="KB24" s="73">
        <v>0</v>
      </c>
      <c r="KC24" s="70">
        <v>41</v>
      </c>
      <c r="KD24" s="71">
        <v>39</v>
      </c>
      <c r="KE24" s="72">
        <v>80</v>
      </c>
      <c r="KF24" s="244"/>
      <c r="KG24" s="71">
        <v>75</v>
      </c>
      <c r="KH24" s="71">
        <v>53</v>
      </c>
      <c r="KI24" s="71">
        <v>35</v>
      </c>
      <c r="KJ24" s="71">
        <v>32</v>
      </c>
      <c r="KK24" s="71">
        <v>21</v>
      </c>
      <c r="KL24" s="72">
        <v>216</v>
      </c>
      <c r="KM24" s="73">
        <v>296</v>
      </c>
    </row>
    <row r="25" spans="2:299" ht="21" customHeight="1" x14ac:dyDescent="0.2">
      <c r="B25" s="126" t="s">
        <v>22</v>
      </c>
      <c r="C25" s="315">
        <v>10</v>
      </c>
      <c r="D25" s="82">
        <v>9</v>
      </c>
      <c r="E25" s="83">
        <v>19</v>
      </c>
      <c r="F25" s="241"/>
      <c r="G25" s="82">
        <v>26</v>
      </c>
      <c r="H25" s="82">
        <v>18</v>
      </c>
      <c r="I25" s="82">
        <v>12</v>
      </c>
      <c r="J25" s="82">
        <v>11</v>
      </c>
      <c r="K25" s="82">
        <v>8</v>
      </c>
      <c r="L25" s="84">
        <v>75</v>
      </c>
      <c r="M25" s="85">
        <v>94</v>
      </c>
      <c r="N25" s="70">
        <v>0</v>
      </c>
      <c r="O25" s="71">
        <v>0</v>
      </c>
      <c r="P25" s="72">
        <v>0</v>
      </c>
      <c r="Q25" s="244"/>
      <c r="R25" s="71">
        <v>0</v>
      </c>
      <c r="S25" s="71">
        <v>0</v>
      </c>
      <c r="T25" s="71">
        <v>0</v>
      </c>
      <c r="U25" s="71">
        <v>1</v>
      </c>
      <c r="V25" s="71">
        <v>0</v>
      </c>
      <c r="W25" s="72">
        <v>1</v>
      </c>
      <c r="X25" s="73">
        <v>1</v>
      </c>
      <c r="Y25" s="70">
        <v>1</v>
      </c>
      <c r="Z25" s="71">
        <v>1</v>
      </c>
      <c r="AA25" s="72">
        <v>2</v>
      </c>
      <c r="AB25" s="244"/>
      <c r="AC25" s="71">
        <v>4</v>
      </c>
      <c r="AD25" s="71">
        <v>1</v>
      </c>
      <c r="AE25" s="71">
        <v>1</v>
      </c>
      <c r="AF25" s="71">
        <v>0</v>
      </c>
      <c r="AG25" s="71">
        <v>2</v>
      </c>
      <c r="AH25" s="72">
        <v>8</v>
      </c>
      <c r="AI25" s="73">
        <v>10</v>
      </c>
      <c r="AJ25" s="70">
        <v>2</v>
      </c>
      <c r="AK25" s="71">
        <v>0</v>
      </c>
      <c r="AL25" s="72">
        <v>2</v>
      </c>
      <c r="AM25" s="244"/>
      <c r="AN25" s="71">
        <v>3</v>
      </c>
      <c r="AO25" s="71">
        <v>0</v>
      </c>
      <c r="AP25" s="71">
        <v>1</v>
      </c>
      <c r="AQ25" s="71">
        <v>0</v>
      </c>
      <c r="AR25" s="71">
        <v>1</v>
      </c>
      <c r="AS25" s="72">
        <v>5</v>
      </c>
      <c r="AT25" s="73">
        <v>7</v>
      </c>
      <c r="AU25" s="70">
        <v>4</v>
      </c>
      <c r="AV25" s="71">
        <v>5</v>
      </c>
      <c r="AW25" s="72">
        <v>9</v>
      </c>
      <c r="AX25" s="244"/>
      <c r="AY25" s="71">
        <v>5</v>
      </c>
      <c r="AZ25" s="71">
        <v>6</v>
      </c>
      <c r="BA25" s="71">
        <v>4</v>
      </c>
      <c r="BB25" s="71">
        <v>3</v>
      </c>
      <c r="BC25" s="71">
        <v>2</v>
      </c>
      <c r="BD25" s="72">
        <v>20</v>
      </c>
      <c r="BE25" s="73">
        <v>29</v>
      </c>
      <c r="BF25" s="70">
        <v>2</v>
      </c>
      <c r="BG25" s="71">
        <v>3</v>
      </c>
      <c r="BH25" s="72">
        <v>5</v>
      </c>
      <c r="BI25" s="244"/>
      <c r="BJ25" s="71">
        <v>5</v>
      </c>
      <c r="BK25" s="71">
        <v>5</v>
      </c>
      <c r="BL25" s="71">
        <v>2</v>
      </c>
      <c r="BM25" s="71">
        <v>2</v>
      </c>
      <c r="BN25" s="71">
        <v>1</v>
      </c>
      <c r="BO25" s="72">
        <v>15</v>
      </c>
      <c r="BP25" s="73">
        <v>20</v>
      </c>
      <c r="BQ25" s="70">
        <v>1</v>
      </c>
      <c r="BR25" s="71">
        <v>0</v>
      </c>
      <c r="BS25" s="72">
        <v>1</v>
      </c>
      <c r="BT25" s="244"/>
      <c r="BU25" s="71">
        <v>9</v>
      </c>
      <c r="BV25" s="71">
        <v>6</v>
      </c>
      <c r="BW25" s="71">
        <v>4</v>
      </c>
      <c r="BX25" s="71">
        <v>5</v>
      </c>
      <c r="BY25" s="71">
        <v>2</v>
      </c>
      <c r="BZ25" s="72">
        <v>26</v>
      </c>
      <c r="CA25" s="73">
        <v>27</v>
      </c>
      <c r="CB25" s="70">
        <v>0</v>
      </c>
      <c r="CC25" s="71">
        <v>0</v>
      </c>
      <c r="CD25" s="72">
        <v>0</v>
      </c>
      <c r="CE25" s="244"/>
      <c r="CF25" s="71">
        <v>0</v>
      </c>
      <c r="CG25" s="71">
        <v>0</v>
      </c>
      <c r="CH25" s="71">
        <v>0</v>
      </c>
      <c r="CI25" s="71">
        <v>0</v>
      </c>
      <c r="CJ25" s="71">
        <v>0</v>
      </c>
      <c r="CK25" s="72">
        <v>0</v>
      </c>
      <c r="CL25" s="73">
        <v>0</v>
      </c>
      <c r="CM25" s="70">
        <v>10</v>
      </c>
      <c r="CN25" s="71">
        <v>9</v>
      </c>
      <c r="CO25" s="72">
        <v>19</v>
      </c>
      <c r="CP25" s="244"/>
      <c r="CQ25" s="71">
        <v>26</v>
      </c>
      <c r="CR25" s="71">
        <v>18</v>
      </c>
      <c r="CS25" s="71">
        <v>12</v>
      </c>
      <c r="CT25" s="71">
        <v>11</v>
      </c>
      <c r="CU25" s="71">
        <v>8</v>
      </c>
      <c r="CV25" s="72">
        <v>75</v>
      </c>
      <c r="CW25" s="73">
        <v>94</v>
      </c>
      <c r="CX25" s="123">
        <v>3</v>
      </c>
      <c r="CY25" s="82">
        <v>6</v>
      </c>
      <c r="CZ25" s="83">
        <v>9</v>
      </c>
      <c r="DA25" s="241"/>
      <c r="DB25" s="82">
        <v>9</v>
      </c>
      <c r="DC25" s="82">
        <v>3</v>
      </c>
      <c r="DD25" s="82">
        <v>2</v>
      </c>
      <c r="DE25" s="82">
        <v>3</v>
      </c>
      <c r="DF25" s="82">
        <v>2</v>
      </c>
      <c r="DG25" s="84">
        <v>19</v>
      </c>
      <c r="DH25" s="85">
        <v>28</v>
      </c>
      <c r="DI25" s="70">
        <v>0</v>
      </c>
      <c r="DJ25" s="71">
        <v>1</v>
      </c>
      <c r="DK25" s="72">
        <v>1</v>
      </c>
      <c r="DL25" s="244"/>
      <c r="DM25" s="71">
        <v>0</v>
      </c>
      <c r="DN25" s="71">
        <v>0</v>
      </c>
      <c r="DO25" s="71">
        <v>0</v>
      </c>
      <c r="DP25" s="71">
        <v>0</v>
      </c>
      <c r="DQ25" s="71">
        <v>0</v>
      </c>
      <c r="DR25" s="72">
        <v>0</v>
      </c>
      <c r="DS25" s="73">
        <v>1</v>
      </c>
      <c r="DT25" s="70">
        <v>1</v>
      </c>
      <c r="DU25" s="71">
        <v>0</v>
      </c>
      <c r="DV25" s="72">
        <v>1</v>
      </c>
      <c r="DW25" s="244"/>
      <c r="DX25" s="71">
        <v>0</v>
      </c>
      <c r="DY25" s="71">
        <v>0</v>
      </c>
      <c r="DZ25" s="71">
        <v>0</v>
      </c>
      <c r="EA25" s="71">
        <v>0</v>
      </c>
      <c r="EB25" s="71">
        <v>0</v>
      </c>
      <c r="EC25" s="72">
        <v>0</v>
      </c>
      <c r="ED25" s="73">
        <v>1</v>
      </c>
      <c r="EE25" s="70">
        <v>1</v>
      </c>
      <c r="EF25" s="71">
        <v>2</v>
      </c>
      <c r="EG25" s="72">
        <v>3</v>
      </c>
      <c r="EH25" s="244"/>
      <c r="EI25" s="71">
        <v>1</v>
      </c>
      <c r="EJ25" s="71">
        <v>0</v>
      </c>
      <c r="EK25" s="71">
        <v>0</v>
      </c>
      <c r="EL25" s="71">
        <v>0</v>
      </c>
      <c r="EM25" s="71">
        <v>0</v>
      </c>
      <c r="EN25" s="72">
        <v>1</v>
      </c>
      <c r="EO25" s="73">
        <v>4</v>
      </c>
      <c r="EP25" s="70">
        <v>1</v>
      </c>
      <c r="EQ25" s="71">
        <v>2</v>
      </c>
      <c r="ER25" s="72">
        <v>3</v>
      </c>
      <c r="ES25" s="244"/>
      <c r="ET25" s="71">
        <v>4</v>
      </c>
      <c r="EU25" s="71">
        <v>0</v>
      </c>
      <c r="EV25" s="71">
        <v>1</v>
      </c>
      <c r="EW25" s="71">
        <v>1</v>
      </c>
      <c r="EX25" s="71">
        <v>0</v>
      </c>
      <c r="EY25" s="72">
        <v>6</v>
      </c>
      <c r="EZ25" s="73">
        <v>9</v>
      </c>
      <c r="FA25" s="70">
        <v>0</v>
      </c>
      <c r="FB25" s="71">
        <v>0</v>
      </c>
      <c r="FC25" s="72">
        <v>0</v>
      </c>
      <c r="FD25" s="244"/>
      <c r="FE25" s="71">
        <v>2</v>
      </c>
      <c r="FF25" s="71">
        <v>1</v>
      </c>
      <c r="FG25" s="71">
        <v>1</v>
      </c>
      <c r="FH25" s="71">
        <v>0</v>
      </c>
      <c r="FI25" s="71">
        <v>0</v>
      </c>
      <c r="FJ25" s="72">
        <v>4</v>
      </c>
      <c r="FK25" s="73">
        <v>4</v>
      </c>
      <c r="FL25" s="70">
        <v>0</v>
      </c>
      <c r="FM25" s="71">
        <v>1</v>
      </c>
      <c r="FN25" s="72">
        <v>1</v>
      </c>
      <c r="FO25" s="244"/>
      <c r="FP25" s="71">
        <v>2</v>
      </c>
      <c r="FQ25" s="71">
        <v>2</v>
      </c>
      <c r="FR25" s="71">
        <v>0</v>
      </c>
      <c r="FS25" s="71">
        <v>2</v>
      </c>
      <c r="FT25" s="71">
        <v>2</v>
      </c>
      <c r="FU25" s="72">
        <v>8</v>
      </c>
      <c r="FV25" s="73">
        <v>9</v>
      </c>
      <c r="FW25" s="70">
        <v>0</v>
      </c>
      <c r="FX25" s="71">
        <v>0</v>
      </c>
      <c r="FY25" s="72">
        <v>0</v>
      </c>
      <c r="FZ25" s="244"/>
      <c r="GA25" s="71">
        <v>0</v>
      </c>
      <c r="GB25" s="71">
        <v>0</v>
      </c>
      <c r="GC25" s="71">
        <v>0</v>
      </c>
      <c r="GD25" s="71">
        <v>0</v>
      </c>
      <c r="GE25" s="71">
        <v>0</v>
      </c>
      <c r="GF25" s="72">
        <v>0</v>
      </c>
      <c r="GG25" s="73">
        <v>0</v>
      </c>
      <c r="GH25" s="70">
        <v>3</v>
      </c>
      <c r="GI25" s="71">
        <v>6</v>
      </c>
      <c r="GJ25" s="72">
        <v>9</v>
      </c>
      <c r="GK25" s="244"/>
      <c r="GL25" s="71">
        <v>9</v>
      </c>
      <c r="GM25" s="71">
        <v>3</v>
      </c>
      <c r="GN25" s="71">
        <v>2</v>
      </c>
      <c r="GO25" s="71">
        <v>3</v>
      </c>
      <c r="GP25" s="71">
        <v>2</v>
      </c>
      <c r="GQ25" s="72">
        <v>19</v>
      </c>
      <c r="GR25" s="73">
        <v>28</v>
      </c>
      <c r="GS25" s="123">
        <v>13</v>
      </c>
      <c r="GT25" s="82">
        <v>15</v>
      </c>
      <c r="GU25" s="83">
        <v>28</v>
      </c>
      <c r="GV25" s="241"/>
      <c r="GW25" s="82">
        <v>35</v>
      </c>
      <c r="GX25" s="82">
        <v>21</v>
      </c>
      <c r="GY25" s="82">
        <v>14</v>
      </c>
      <c r="GZ25" s="82">
        <v>14</v>
      </c>
      <c r="HA25" s="82">
        <v>10</v>
      </c>
      <c r="HB25" s="84">
        <v>94</v>
      </c>
      <c r="HC25" s="85">
        <v>122</v>
      </c>
      <c r="HD25" s="70">
        <v>0</v>
      </c>
      <c r="HE25" s="71">
        <v>1</v>
      </c>
      <c r="HF25" s="72">
        <v>1</v>
      </c>
      <c r="HG25" s="244"/>
      <c r="HH25" s="71">
        <v>0</v>
      </c>
      <c r="HI25" s="71">
        <v>0</v>
      </c>
      <c r="HJ25" s="71">
        <v>0</v>
      </c>
      <c r="HK25" s="71">
        <v>1</v>
      </c>
      <c r="HL25" s="71">
        <v>0</v>
      </c>
      <c r="HM25" s="72">
        <v>1</v>
      </c>
      <c r="HN25" s="73">
        <v>2</v>
      </c>
      <c r="HO25" s="70">
        <v>2</v>
      </c>
      <c r="HP25" s="71">
        <v>1</v>
      </c>
      <c r="HQ25" s="72">
        <v>3</v>
      </c>
      <c r="HR25" s="244"/>
      <c r="HS25" s="71">
        <v>4</v>
      </c>
      <c r="HT25" s="71">
        <v>1</v>
      </c>
      <c r="HU25" s="71">
        <v>1</v>
      </c>
      <c r="HV25" s="71">
        <v>0</v>
      </c>
      <c r="HW25" s="71">
        <v>2</v>
      </c>
      <c r="HX25" s="72">
        <v>8</v>
      </c>
      <c r="HY25" s="73">
        <v>11</v>
      </c>
      <c r="HZ25" s="70">
        <v>3</v>
      </c>
      <c r="IA25" s="71">
        <v>2</v>
      </c>
      <c r="IB25" s="72">
        <v>5</v>
      </c>
      <c r="IC25" s="244"/>
      <c r="ID25" s="71">
        <v>4</v>
      </c>
      <c r="IE25" s="71">
        <v>0</v>
      </c>
      <c r="IF25" s="71">
        <v>1</v>
      </c>
      <c r="IG25" s="71">
        <v>0</v>
      </c>
      <c r="IH25" s="71">
        <v>1</v>
      </c>
      <c r="II25" s="72">
        <v>6</v>
      </c>
      <c r="IJ25" s="73">
        <v>11</v>
      </c>
      <c r="IK25" s="70">
        <v>5</v>
      </c>
      <c r="IL25" s="71">
        <v>7</v>
      </c>
      <c r="IM25" s="72">
        <v>12</v>
      </c>
      <c r="IN25" s="244"/>
      <c r="IO25" s="71">
        <v>9</v>
      </c>
      <c r="IP25" s="71">
        <v>6</v>
      </c>
      <c r="IQ25" s="71">
        <v>5</v>
      </c>
      <c r="IR25" s="71">
        <v>4</v>
      </c>
      <c r="IS25" s="71">
        <v>2</v>
      </c>
      <c r="IT25" s="72">
        <v>26</v>
      </c>
      <c r="IU25" s="73">
        <v>38</v>
      </c>
      <c r="IV25" s="70">
        <v>2</v>
      </c>
      <c r="IW25" s="71">
        <v>3</v>
      </c>
      <c r="IX25" s="72">
        <v>5</v>
      </c>
      <c r="IY25" s="244"/>
      <c r="IZ25" s="71">
        <v>7</v>
      </c>
      <c r="JA25" s="71">
        <v>6</v>
      </c>
      <c r="JB25" s="71">
        <v>3</v>
      </c>
      <c r="JC25" s="71">
        <v>2</v>
      </c>
      <c r="JD25" s="71">
        <v>1</v>
      </c>
      <c r="JE25" s="72">
        <v>19</v>
      </c>
      <c r="JF25" s="73">
        <v>24</v>
      </c>
      <c r="JG25" s="70">
        <v>1</v>
      </c>
      <c r="JH25" s="71">
        <v>1</v>
      </c>
      <c r="JI25" s="72">
        <v>2</v>
      </c>
      <c r="JJ25" s="244"/>
      <c r="JK25" s="71">
        <v>11</v>
      </c>
      <c r="JL25" s="71">
        <v>8</v>
      </c>
      <c r="JM25" s="71">
        <v>4</v>
      </c>
      <c r="JN25" s="71">
        <v>7</v>
      </c>
      <c r="JO25" s="71">
        <v>4</v>
      </c>
      <c r="JP25" s="72">
        <v>34</v>
      </c>
      <c r="JQ25" s="73">
        <v>36</v>
      </c>
      <c r="JR25" s="70">
        <v>0</v>
      </c>
      <c r="JS25" s="71">
        <v>0</v>
      </c>
      <c r="JT25" s="72">
        <v>0</v>
      </c>
      <c r="JU25" s="244"/>
      <c r="JV25" s="71">
        <v>0</v>
      </c>
      <c r="JW25" s="71">
        <v>0</v>
      </c>
      <c r="JX25" s="71">
        <v>0</v>
      </c>
      <c r="JY25" s="71">
        <v>0</v>
      </c>
      <c r="JZ25" s="71">
        <v>0</v>
      </c>
      <c r="KA25" s="72">
        <v>0</v>
      </c>
      <c r="KB25" s="73">
        <v>0</v>
      </c>
      <c r="KC25" s="70">
        <v>13</v>
      </c>
      <c r="KD25" s="71">
        <v>15</v>
      </c>
      <c r="KE25" s="72">
        <v>28</v>
      </c>
      <c r="KF25" s="244"/>
      <c r="KG25" s="71">
        <v>35</v>
      </c>
      <c r="KH25" s="71">
        <v>21</v>
      </c>
      <c r="KI25" s="71">
        <v>14</v>
      </c>
      <c r="KJ25" s="71">
        <v>14</v>
      </c>
      <c r="KK25" s="71">
        <v>10</v>
      </c>
      <c r="KL25" s="72">
        <v>94</v>
      </c>
      <c r="KM25" s="73">
        <v>122</v>
      </c>
    </row>
    <row r="26" spans="2:299" ht="21" customHeight="1" x14ac:dyDescent="0.2">
      <c r="B26" s="126" t="s">
        <v>23</v>
      </c>
      <c r="C26" s="315">
        <v>13</v>
      </c>
      <c r="D26" s="82">
        <v>17</v>
      </c>
      <c r="E26" s="83">
        <v>30</v>
      </c>
      <c r="F26" s="241"/>
      <c r="G26" s="82">
        <v>24</v>
      </c>
      <c r="H26" s="82">
        <v>23</v>
      </c>
      <c r="I26" s="82">
        <v>19</v>
      </c>
      <c r="J26" s="82">
        <v>16</v>
      </c>
      <c r="K26" s="82">
        <v>9</v>
      </c>
      <c r="L26" s="84">
        <v>91</v>
      </c>
      <c r="M26" s="85">
        <v>121</v>
      </c>
      <c r="N26" s="70">
        <v>0</v>
      </c>
      <c r="O26" s="71">
        <v>1</v>
      </c>
      <c r="P26" s="72">
        <v>1</v>
      </c>
      <c r="Q26" s="244"/>
      <c r="R26" s="71">
        <v>1</v>
      </c>
      <c r="S26" s="71">
        <v>1</v>
      </c>
      <c r="T26" s="71">
        <v>0</v>
      </c>
      <c r="U26" s="71">
        <v>0</v>
      </c>
      <c r="V26" s="71">
        <v>1</v>
      </c>
      <c r="W26" s="72">
        <v>3</v>
      </c>
      <c r="X26" s="73">
        <v>4</v>
      </c>
      <c r="Y26" s="70">
        <v>5</v>
      </c>
      <c r="Z26" s="71">
        <v>0</v>
      </c>
      <c r="AA26" s="72">
        <v>5</v>
      </c>
      <c r="AB26" s="244"/>
      <c r="AC26" s="71">
        <v>1</v>
      </c>
      <c r="AD26" s="71">
        <v>4</v>
      </c>
      <c r="AE26" s="71">
        <v>1</v>
      </c>
      <c r="AF26" s="71">
        <v>1</v>
      </c>
      <c r="AG26" s="71">
        <v>1</v>
      </c>
      <c r="AH26" s="72">
        <v>8</v>
      </c>
      <c r="AI26" s="73">
        <v>13</v>
      </c>
      <c r="AJ26" s="70">
        <v>4</v>
      </c>
      <c r="AK26" s="71">
        <v>3</v>
      </c>
      <c r="AL26" s="72">
        <v>7</v>
      </c>
      <c r="AM26" s="244"/>
      <c r="AN26" s="71">
        <v>5</v>
      </c>
      <c r="AO26" s="71">
        <v>5</v>
      </c>
      <c r="AP26" s="71">
        <v>1</v>
      </c>
      <c r="AQ26" s="71">
        <v>1</v>
      </c>
      <c r="AR26" s="71">
        <v>4</v>
      </c>
      <c r="AS26" s="72">
        <v>16</v>
      </c>
      <c r="AT26" s="73">
        <v>23</v>
      </c>
      <c r="AU26" s="70">
        <v>0</v>
      </c>
      <c r="AV26" s="71">
        <v>8</v>
      </c>
      <c r="AW26" s="72">
        <v>8</v>
      </c>
      <c r="AX26" s="244"/>
      <c r="AY26" s="71">
        <v>6</v>
      </c>
      <c r="AZ26" s="71">
        <v>3</v>
      </c>
      <c r="BA26" s="71">
        <v>9</v>
      </c>
      <c r="BB26" s="71">
        <v>6</v>
      </c>
      <c r="BC26" s="71">
        <v>1</v>
      </c>
      <c r="BD26" s="72">
        <v>25</v>
      </c>
      <c r="BE26" s="73">
        <v>33</v>
      </c>
      <c r="BF26" s="70">
        <v>3</v>
      </c>
      <c r="BG26" s="71">
        <v>4</v>
      </c>
      <c r="BH26" s="72">
        <v>7</v>
      </c>
      <c r="BI26" s="244"/>
      <c r="BJ26" s="71">
        <v>5</v>
      </c>
      <c r="BK26" s="71">
        <v>6</v>
      </c>
      <c r="BL26" s="71">
        <v>6</v>
      </c>
      <c r="BM26" s="71">
        <v>3</v>
      </c>
      <c r="BN26" s="71">
        <v>2</v>
      </c>
      <c r="BO26" s="72">
        <v>22</v>
      </c>
      <c r="BP26" s="73">
        <v>29</v>
      </c>
      <c r="BQ26" s="70">
        <v>1</v>
      </c>
      <c r="BR26" s="71">
        <v>1</v>
      </c>
      <c r="BS26" s="72">
        <v>2</v>
      </c>
      <c r="BT26" s="244"/>
      <c r="BU26" s="71">
        <v>6</v>
      </c>
      <c r="BV26" s="71">
        <v>4</v>
      </c>
      <c r="BW26" s="71">
        <v>2</v>
      </c>
      <c r="BX26" s="71">
        <v>5</v>
      </c>
      <c r="BY26" s="71">
        <v>0</v>
      </c>
      <c r="BZ26" s="72">
        <v>17</v>
      </c>
      <c r="CA26" s="73">
        <v>19</v>
      </c>
      <c r="CB26" s="70">
        <v>0</v>
      </c>
      <c r="CC26" s="71">
        <v>0</v>
      </c>
      <c r="CD26" s="72">
        <v>0</v>
      </c>
      <c r="CE26" s="244"/>
      <c r="CF26" s="71">
        <v>0</v>
      </c>
      <c r="CG26" s="71">
        <v>0</v>
      </c>
      <c r="CH26" s="71">
        <v>0</v>
      </c>
      <c r="CI26" s="71">
        <v>0</v>
      </c>
      <c r="CJ26" s="71">
        <v>0</v>
      </c>
      <c r="CK26" s="72">
        <v>0</v>
      </c>
      <c r="CL26" s="73">
        <v>0</v>
      </c>
      <c r="CM26" s="70">
        <v>13</v>
      </c>
      <c r="CN26" s="71">
        <v>17</v>
      </c>
      <c r="CO26" s="72">
        <v>30</v>
      </c>
      <c r="CP26" s="244"/>
      <c r="CQ26" s="71">
        <v>24</v>
      </c>
      <c r="CR26" s="71">
        <v>23</v>
      </c>
      <c r="CS26" s="71">
        <v>19</v>
      </c>
      <c r="CT26" s="71">
        <v>16</v>
      </c>
      <c r="CU26" s="71">
        <v>9</v>
      </c>
      <c r="CV26" s="72">
        <v>91</v>
      </c>
      <c r="CW26" s="73">
        <v>121</v>
      </c>
      <c r="CX26" s="123">
        <v>7</v>
      </c>
      <c r="CY26" s="82">
        <v>9</v>
      </c>
      <c r="CZ26" s="83">
        <v>16</v>
      </c>
      <c r="DA26" s="241"/>
      <c r="DB26" s="82">
        <v>9</v>
      </c>
      <c r="DC26" s="82">
        <v>11</v>
      </c>
      <c r="DD26" s="82">
        <v>2</v>
      </c>
      <c r="DE26" s="82">
        <v>14</v>
      </c>
      <c r="DF26" s="82">
        <v>6</v>
      </c>
      <c r="DG26" s="84">
        <v>42</v>
      </c>
      <c r="DH26" s="85">
        <v>58</v>
      </c>
      <c r="DI26" s="70">
        <v>0</v>
      </c>
      <c r="DJ26" s="71">
        <v>1</v>
      </c>
      <c r="DK26" s="72">
        <v>1</v>
      </c>
      <c r="DL26" s="244"/>
      <c r="DM26" s="71">
        <v>0</v>
      </c>
      <c r="DN26" s="71">
        <v>0</v>
      </c>
      <c r="DO26" s="71">
        <v>0</v>
      </c>
      <c r="DP26" s="71">
        <v>0</v>
      </c>
      <c r="DQ26" s="71">
        <v>0</v>
      </c>
      <c r="DR26" s="72">
        <v>0</v>
      </c>
      <c r="DS26" s="73">
        <v>1</v>
      </c>
      <c r="DT26" s="70">
        <v>0</v>
      </c>
      <c r="DU26" s="71">
        <v>1</v>
      </c>
      <c r="DV26" s="72">
        <v>1</v>
      </c>
      <c r="DW26" s="244"/>
      <c r="DX26" s="71">
        <v>1</v>
      </c>
      <c r="DY26" s="71">
        <v>1</v>
      </c>
      <c r="DZ26" s="71">
        <v>0</v>
      </c>
      <c r="EA26" s="71">
        <v>0</v>
      </c>
      <c r="EB26" s="71">
        <v>0</v>
      </c>
      <c r="EC26" s="72">
        <v>2</v>
      </c>
      <c r="ED26" s="73">
        <v>3</v>
      </c>
      <c r="EE26" s="70">
        <v>2</v>
      </c>
      <c r="EF26" s="71">
        <v>2</v>
      </c>
      <c r="EG26" s="72">
        <v>4</v>
      </c>
      <c r="EH26" s="244"/>
      <c r="EI26" s="71">
        <v>1</v>
      </c>
      <c r="EJ26" s="71">
        <v>0</v>
      </c>
      <c r="EK26" s="71">
        <v>0</v>
      </c>
      <c r="EL26" s="71">
        <v>0</v>
      </c>
      <c r="EM26" s="71">
        <v>1</v>
      </c>
      <c r="EN26" s="72">
        <v>2</v>
      </c>
      <c r="EO26" s="73">
        <v>6</v>
      </c>
      <c r="EP26" s="70">
        <v>2</v>
      </c>
      <c r="EQ26" s="71">
        <v>3</v>
      </c>
      <c r="ER26" s="72">
        <v>5</v>
      </c>
      <c r="ES26" s="244"/>
      <c r="ET26" s="71">
        <v>2</v>
      </c>
      <c r="EU26" s="71">
        <v>3</v>
      </c>
      <c r="EV26" s="71">
        <v>2</v>
      </c>
      <c r="EW26" s="71">
        <v>1</v>
      </c>
      <c r="EX26" s="71">
        <v>0</v>
      </c>
      <c r="EY26" s="72">
        <v>8</v>
      </c>
      <c r="EZ26" s="73">
        <v>13</v>
      </c>
      <c r="FA26" s="70">
        <v>2</v>
      </c>
      <c r="FB26" s="71">
        <v>2</v>
      </c>
      <c r="FC26" s="72">
        <v>4</v>
      </c>
      <c r="FD26" s="244"/>
      <c r="FE26" s="71">
        <v>1</v>
      </c>
      <c r="FF26" s="71">
        <v>4</v>
      </c>
      <c r="FG26" s="71">
        <v>0</v>
      </c>
      <c r="FH26" s="71">
        <v>2</v>
      </c>
      <c r="FI26" s="71">
        <v>0</v>
      </c>
      <c r="FJ26" s="72">
        <v>7</v>
      </c>
      <c r="FK26" s="73">
        <v>11</v>
      </c>
      <c r="FL26" s="70">
        <v>1</v>
      </c>
      <c r="FM26" s="71">
        <v>0</v>
      </c>
      <c r="FN26" s="72">
        <v>1</v>
      </c>
      <c r="FO26" s="244"/>
      <c r="FP26" s="71">
        <v>4</v>
      </c>
      <c r="FQ26" s="71">
        <v>3</v>
      </c>
      <c r="FR26" s="71">
        <v>0</v>
      </c>
      <c r="FS26" s="71">
        <v>11</v>
      </c>
      <c r="FT26" s="71">
        <v>5</v>
      </c>
      <c r="FU26" s="72">
        <v>23</v>
      </c>
      <c r="FV26" s="73">
        <v>24</v>
      </c>
      <c r="FW26" s="70">
        <v>0</v>
      </c>
      <c r="FX26" s="71">
        <v>0</v>
      </c>
      <c r="FY26" s="72">
        <v>0</v>
      </c>
      <c r="FZ26" s="244"/>
      <c r="GA26" s="71">
        <v>0</v>
      </c>
      <c r="GB26" s="71">
        <v>0</v>
      </c>
      <c r="GC26" s="71">
        <v>0</v>
      </c>
      <c r="GD26" s="71">
        <v>0</v>
      </c>
      <c r="GE26" s="71">
        <v>0</v>
      </c>
      <c r="GF26" s="72">
        <v>0</v>
      </c>
      <c r="GG26" s="73">
        <v>0</v>
      </c>
      <c r="GH26" s="70">
        <v>7</v>
      </c>
      <c r="GI26" s="71">
        <v>9</v>
      </c>
      <c r="GJ26" s="72">
        <v>16</v>
      </c>
      <c r="GK26" s="244"/>
      <c r="GL26" s="71">
        <v>9</v>
      </c>
      <c r="GM26" s="71">
        <v>11</v>
      </c>
      <c r="GN26" s="71">
        <v>2</v>
      </c>
      <c r="GO26" s="71">
        <v>14</v>
      </c>
      <c r="GP26" s="71">
        <v>6</v>
      </c>
      <c r="GQ26" s="72">
        <v>42</v>
      </c>
      <c r="GR26" s="73">
        <v>58</v>
      </c>
      <c r="GS26" s="123">
        <v>20</v>
      </c>
      <c r="GT26" s="82">
        <v>26</v>
      </c>
      <c r="GU26" s="83">
        <v>46</v>
      </c>
      <c r="GV26" s="241"/>
      <c r="GW26" s="82">
        <v>33</v>
      </c>
      <c r="GX26" s="82">
        <v>34</v>
      </c>
      <c r="GY26" s="82">
        <v>21</v>
      </c>
      <c r="GZ26" s="82">
        <v>30</v>
      </c>
      <c r="HA26" s="82">
        <v>15</v>
      </c>
      <c r="HB26" s="84">
        <v>133</v>
      </c>
      <c r="HC26" s="85">
        <v>179</v>
      </c>
      <c r="HD26" s="70">
        <v>0</v>
      </c>
      <c r="HE26" s="71">
        <v>2</v>
      </c>
      <c r="HF26" s="72">
        <v>2</v>
      </c>
      <c r="HG26" s="244"/>
      <c r="HH26" s="71">
        <v>1</v>
      </c>
      <c r="HI26" s="71">
        <v>1</v>
      </c>
      <c r="HJ26" s="71">
        <v>0</v>
      </c>
      <c r="HK26" s="71">
        <v>0</v>
      </c>
      <c r="HL26" s="71">
        <v>1</v>
      </c>
      <c r="HM26" s="72">
        <v>3</v>
      </c>
      <c r="HN26" s="73">
        <v>5</v>
      </c>
      <c r="HO26" s="70">
        <v>5</v>
      </c>
      <c r="HP26" s="71">
        <v>1</v>
      </c>
      <c r="HQ26" s="72">
        <v>6</v>
      </c>
      <c r="HR26" s="244"/>
      <c r="HS26" s="71">
        <v>2</v>
      </c>
      <c r="HT26" s="71">
        <v>5</v>
      </c>
      <c r="HU26" s="71">
        <v>1</v>
      </c>
      <c r="HV26" s="71">
        <v>1</v>
      </c>
      <c r="HW26" s="71">
        <v>1</v>
      </c>
      <c r="HX26" s="72">
        <v>10</v>
      </c>
      <c r="HY26" s="73">
        <v>16</v>
      </c>
      <c r="HZ26" s="70">
        <v>6</v>
      </c>
      <c r="IA26" s="71">
        <v>5</v>
      </c>
      <c r="IB26" s="72">
        <v>11</v>
      </c>
      <c r="IC26" s="244"/>
      <c r="ID26" s="71">
        <v>6</v>
      </c>
      <c r="IE26" s="71">
        <v>5</v>
      </c>
      <c r="IF26" s="71">
        <v>1</v>
      </c>
      <c r="IG26" s="71">
        <v>1</v>
      </c>
      <c r="IH26" s="71">
        <v>5</v>
      </c>
      <c r="II26" s="72">
        <v>18</v>
      </c>
      <c r="IJ26" s="73">
        <v>29</v>
      </c>
      <c r="IK26" s="70">
        <v>2</v>
      </c>
      <c r="IL26" s="71">
        <v>11</v>
      </c>
      <c r="IM26" s="72">
        <v>13</v>
      </c>
      <c r="IN26" s="244"/>
      <c r="IO26" s="71">
        <v>8</v>
      </c>
      <c r="IP26" s="71">
        <v>6</v>
      </c>
      <c r="IQ26" s="71">
        <v>11</v>
      </c>
      <c r="IR26" s="71">
        <v>7</v>
      </c>
      <c r="IS26" s="71">
        <v>1</v>
      </c>
      <c r="IT26" s="72">
        <v>33</v>
      </c>
      <c r="IU26" s="73">
        <v>46</v>
      </c>
      <c r="IV26" s="70">
        <v>5</v>
      </c>
      <c r="IW26" s="71">
        <v>6</v>
      </c>
      <c r="IX26" s="72">
        <v>11</v>
      </c>
      <c r="IY26" s="244"/>
      <c r="IZ26" s="71">
        <v>6</v>
      </c>
      <c r="JA26" s="71">
        <v>10</v>
      </c>
      <c r="JB26" s="71">
        <v>6</v>
      </c>
      <c r="JC26" s="71">
        <v>5</v>
      </c>
      <c r="JD26" s="71">
        <v>2</v>
      </c>
      <c r="JE26" s="72">
        <v>29</v>
      </c>
      <c r="JF26" s="73">
        <v>40</v>
      </c>
      <c r="JG26" s="70">
        <v>2</v>
      </c>
      <c r="JH26" s="71">
        <v>1</v>
      </c>
      <c r="JI26" s="72">
        <v>3</v>
      </c>
      <c r="JJ26" s="244"/>
      <c r="JK26" s="71">
        <v>10</v>
      </c>
      <c r="JL26" s="71">
        <v>7</v>
      </c>
      <c r="JM26" s="71">
        <v>2</v>
      </c>
      <c r="JN26" s="71">
        <v>16</v>
      </c>
      <c r="JO26" s="71">
        <v>5</v>
      </c>
      <c r="JP26" s="72">
        <v>40</v>
      </c>
      <c r="JQ26" s="73">
        <v>43</v>
      </c>
      <c r="JR26" s="70">
        <v>0</v>
      </c>
      <c r="JS26" s="71">
        <v>0</v>
      </c>
      <c r="JT26" s="72">
        <v>0</v>
      </c>
      <c r="JU26" s="244"/>
      <c r="JV26" s="71">
        <v>0</v>
      </c>
      <c r="JW26" s="71">
        <v>0</v>
      </c>
      <c r="JX26" s="71">
        <v>0</v>
      </c>
      <c r="JY26" s="71">
        <v>0</v>
      </c>
      <c r="JZ26" s="71">
        <v>0</v>
      </c>
      <c r="KA26" s="72">
        <v>0</v>
      </c>
      <c r="KB26" s="73">
        <v>0</v>
      </c>
      <c r="KC26" s="70">
        <v>20</v>
      </c>
      <c r="KD26" s="71">
        <v>26</v>
      </c>
      <c r="KE26" s="72">
        <v>46</v>
      </c>
      <c r="KF26" s="244"/>
      <c r="KG26" s="71">
        <v>33</v>
      </c>
      <c r="KH26" s="71">
        <v>34</v>
      </c>
      <c r="KI26" s="71">
        <v>21</v>
      </c>
      <c r="KJ26" s="71">
        <v>30</v>
      </c>
      <c r="KK26" s="71">
        <v>15</v>
      </c>
      <c r="KL26" s="72">
        <v>133</v>
      </c>
      <c r="KM26" s="73">
        <v>179</v>
      </c>
    </row>
    <row r="27" spans="2:299" ht="21" customHeight="1" x14ac:dyDescent="0.2">
      <c r="B27" s="126" t="s">
        <v>24</v>
      </c>
      <c r="C27" s="315">
        <v>18</v>
      </c>
      <c r="D27" s="82">
        <v>18</v>
      </c>
      <c r="E27" s="83">
        <v>36</v>
      </c>
      <c r="F27" s="241"/>
      <c r="G27" s="82">
        <v>28</v>
      </c>
      <c r="H27" s="82">
        <v>21</v>
      </c>
      <c r="I27" s="82">
        <v>18</v>
      </c>
      <c r="J27" s="82">
        <v>12</v>
      </c>
      <c r="K27" s="82">
        <v>12</v>
      </c>
      <c r="L27" s="84">
        <v>91</v>
      </c>
      <c r="M27" s="85">
        <v>127</v>
      </c>
      <c r="N27" s="70">
        <v>0</v>
      </c>
      <c r="O27" s="71">
        <v>0</v>
      </c>
      <c r="P27" s="72">
        <v>0</v>
      </c>
      <c r="Q27" s="244"/>
      <c r="R27" s="71">
        <v>0</v>
      </c>
      <c r="S27" s="71">
        <v>0</v>
      </c>
      <c r="T27" s="71">
        <v>0</v>
      </c>
      <c r="U27" s="71">
        <v>0</v>
      </c>
      <c r="V27" s="71">
        <v>0</v>
      </c>
      <c r="W27" s="72">
        <v>0</v>
      </c>
      <c r="X27" s="73">
        <v>0</v>
      </c>
      <c r="Y27" s="70">
        <v>0</v>
      </c>
      <c r="Z27" s="71">
        <v>1</v>
      </c>
      <c r="AA27" s="72">
        <v>1</v>
      </c>
      <c r="AB27" s="244"/>
      <c r="AC27" s="71">
        <v>1</v>
      </c>
      <c r="AD27" s="71">
        <v>3</v>
      </c>
      <c r="AE27" s="71">
        <v>0</v>
      </c>
      <c r="AF27" s="71">
        <v>1</v>
      </c>
      <c r="AG27" s="71">
        <v>1</v>
      </c>
      <c r="AH27" s="72">
        <v>6</v>
      </c>
      <c r="AI27" s="73">
        <v>7</v>
      </c>
      <c r="AJ27" s="70">
        <v>3</v>
      </c>
      <c r="AK27" s="71">
        <v>2</v>
      </c>
      <c r="AL27" s="72">
        <v>5</v>
      </c>
      <c r="AM27" s="244"/>
      <c r="AN27" s="71">
        <v>3</v>
      </c>
      <c r="AO27" s="71">
        <v>2</v>
      </c>
      <c r="AP27" s="71">
        <v>2</v>
      </c>
      <c r="AQ27" s="71">
        <v>1</v>
      </c>
      <c r="AR27" s="71">
        <v>2</v>
      </c>
      <c r="AS27" s="72">
        <v>10</v>
      </c>
      <c r="AT27" s="73">
        <v>15</v>
      </c>
      <c r="AU27" s="70">
        <v>4</v>
      </c>
      <c r="AV27" s="71">
        <v>5</v>
      </c>
      <c r="AW27" s="72">
        <v>9</v>
      </c>
      <c r="AX27" s="244"/>
      <c r="AY27" s="71">
        <v>8</v>
      </c>
      <c r="AZ27" s="71">
        <v>4</v>
      </c>
      <c r="BA27" s="71">
        <v>6</v>
      </c>
      <c r="BB27" s="71">
        <v>1</v>
      </c>
      <c r="BC27" s="71">
        <v>3</v>
      </c>
      <c r="BD27" s="72">
        <v>22</v>
      </c>
      <c r="BE27" s="73">
        <v>31</v>
      </c>
      <c r="BF27" s="70">
        <v>6</v>
      </c>
      <c r="BG27" s="71">
        <v>8</v>
      </c>
      <c r="BH27" s="72">
        <v>14</v>
      </c>
      <c r="BI27" s="244"/>
      <c r="BJ27" s="71">
        <v>9</v>
      </c>
      <c r="BK27" s="71">
        <v>6</v>
      </c>
      <c r="BL27" s="71">
        <v>5</v>
      </c>
      <c r="BM27" s="71">
        <v>3</v>
      </c>
      <c r="BN27" s="71">
        <v>2</v>
      </c>
      <c r="BO27" s="72">
        <v>25</v>
      </c>
      <c r="BP27" s="73">
        <v>39</v>
      </c>
      <c r="BQ27" s="70">
        <v>5</v>
      </c>
      <c r="BR27" s="71">
        <v>2</v>
      </c>
      <c r="BS27" s="72">
        <v>7</v>
      </c>
      <c r="BT27" s="244"/>
      <c r="BU27" s="71">
        <v>7</v>
      </c>
      <c r="BV27" s="71">
        <v>6</v>
      </c>
      <c r="BW27" s="71">
        <v>5</v>
      </c>
      <c r="BX27" s="71">
        <v>6</v>
      </c>
      <c r="BY27" s="71">
        <v>4</v>
      </c>
      <c r="BZ27" s="72">
        <v>28</v>
      </c>
      <c r="CA27" s="73">
        <v>35</v>
      </c>
      <c r="CB27" s="70">
        <v>0</v>
      </c>
      <c r="CC27" s="71">
        <v>0</v>
      </c>
      <c r="CD27" s="72">
        <v>0</v>
      </c>
      <c r="CE27" s="244"/>
      <c r="CF27" s="71">
        <v>0</v>
      </c>
      <c r="CG27" s="71">
        <v>0</v>
      </c>
      <c r="CH27" s="71">
        <v>0</v>
      </c>
      <c r="CI27" s="71">
        <v>0</v>
      </c>
      <c r="CJ27" s="71">
        <v>0</v>
      </c>
      <c r="CK27" s="72">
        <v>0</v>
      </c>
      <c r="CL27" s="73">
        <v>0</v>
      </c>
      <c r="CM27" s="70">
        <v>18</v>
      </c>
      <c r="CN27" s="71">
        <v>18</v>
      </c>
      <c r="CO27" s="72">
        <v>36</v>
      </c>
      <c r="CP27" s="244"/>
      <c r="CQ27" s="71">
        <v>28</v>
      </c>
      <c r="CR27" s="71">
        <v>21</v>
      </c>
      <c r="CS27" s="71">
        <v>18</v>
      </c>
      <c r="CT27" s="71">
        <v>12</v>
      </c>
      <c r="CU27" s="71">
        <v>12</v>
      </c>
      <c r="CV27" s="72">
        <v>91</v>
      </c>
      <c r="CW27" s="73">
        <v>127</v>
      </c>
      <c r="CX27" s="123">
        <v>8</v>
      </c>
      <c r="CY27" s="82">
        <v>7</v>
      </c>
      <c r="CZ27" s="83">
        <v>15</v>
      </c>
      <c r="DA27" s="241"/>
      <c r="DB27" s="82">
        <v>9</v>
      </c>
      <c r="DC27" s="82">
        <v>8</v>
      </c>
      <c r="DD27" s="82">
        <v>6</v>
      </c>
      <c r="DE27" s="82">
        <v>6</v>
      </c>
      <c r="DF27" s="82">
        <v>4</v>
      </c>
      <c r="DG27" s="84">
        <v>33</v>
      </c>
      <c r="DH27" s="85">
        <v>48</v>
      </c>
      <c r="DI27" s="70">
        <v>1</v>
      </c>
      <c r="DJ27" s="71">
        <v>0</v>
      </c>
      <c r="DK27" s="72">
        <v>1</v>
      </c>
      <c r="DL27" s="244"/>
      <c r="DM27" s="71">
        <v>0</v>
      </c>
      <c r="DN27" s="71">
        <v>0</v>
      </c>
      <c r="DO27" s="71">
        <v>0</v>
      </c>
      <c r="DP27" s="71">
        <v>0</v>
      </c>
      <c r="DQ27" s="71">
        <v>0</v>
      </c>
      <c r="DR27" s="72">
        <v>0</v>
      </c>
      <c r="DS27" s="73">
        <v>1</v>
      </c>
      <c r="DT27" s="70">
        <v>1</v>
      </c>
      <c r="DU27" s="71">
        <v>0</v>
      </c>
      <c r="DV27" s="72">
        <v>1</v>
      </c>
      <c r="DW27" s="244"/>
      <c r="DX27" s="71">
        <v>3</v>
      </c>
      <c r="DY27" s="71">
        <v>0</v>
      </c>
      <c r="DZ27" s="71">
        <v>1</v>
      </c>
      <c r="EA27" s="71">
        <v>0</v>
      </c>
      <c r="EB27" s="71">
        <v>0</v>
      </c>
      <c r="EC27" s="72">
        <v>4</v>
      </c>
      <c r="ED27" s="73">
        <v>5</v>
      </c>
      <c r="EE27" s="70">
        <v>1</v>
      </c>
      <c r="EF27" s="71">
        <v>2</v>
      </c>
      <c r="EG27" s="72">
        <v>3</v>
      </c>
      <c r="EH27" s="244"/>
      <c r="EI27" s="71">
        <v>0</v>
      </c>
      <c r="EJ27" s="71">
        <v>1</v>
      </c>
      <c r="EK27" s="71">
        <v>0</v>
      </c>
      <c r="EL27" s="71">
        <v>0</v>
      </c>
      <c r="EM27" s="71">
        <v>0</v>
      </c>
      <c r="EN27" s="72">
        <v>1</v>
      </c>
      <c r="EO27" s="73">
        <v>4</v>
      </c>
      <c r="EP27" s="70">
        <v>0</v>
      </c>
      <c r="EQ27" s="71">
        <v>2</v>
      </c>
      <c r="ER27" s="72">
        <v>2</v>
      </c>
      <c r="ES27" s="244"/>
      <c r="ET27" s="71">
        <v>4</v>
      </c>
      <c r="EU27" s="71">
        <v>2</v>
      </c>
      <c r="EV27" s="71">
        <v>3</v>
      </c>
      <c r="EW27" s="71">
        <v>0</v>
      </c>
      <c r="EX27" s="71">
        <v>1</v>
      </c>
      <c r="EY27" s="72">
        <v>10</v>
      </c>
      <c r="EZ27" s="73">
        <v>12</v>
      </c>
      <c r="FA27" s="70">
        <v>3</v>
      </c>
      <c r="FB27" s="71">
        <v>1</v>
      </c>
      <c r="FC27" s="72">
        <v>4</v>
      </c>
      <c r="FD27" s="244"/>
      <c r="FE27" s="71">
        <v>1</v>
      </c>
      <c r="FF27" s="71">
        <v>2</v>
      </c>
      <c r="FG27" s="71">
        <v>1</v>
      </c>
      <c r="FH27" s="71">
        <v>2</v>
      </c>
      <c r="FI27" s="71">
        <v>2</v>
      </c>
      <c r="FJ27" s="72">
        <v>8</v>
      </c>
      <c r="FK27" s="73">
        <v>12</v>
      </c>
      <c r="FL27" s="70">
        <v>2</v>
      </c>
      <c r="FM27" s="71">
        <v>2</v>
      </c>
      <c r="FN27" s="72">
        <v>4</v>
      </c>
      <c r="FO27" s="244"/>
      <c r="FP27" s="71">
        <v>1</v>
      </c>
      <c r="FQ27" s="71">
        <v>3</v>
      </c>
      <c r="FR27" s="71">
        <v>1</v>
      </c>
      <c r="FS27" s="71">
        <v>4</v>
      </c>
      <c r="FT27" s="71">
        <v>1</v>
      </c>
      <c r="FU27" s="72">
        <v>10</v>
      </c>
      <c r="FV27" s="73">
        <v>14</v>
      </c>
      <c r="FW27" s="70">
        <v>0</v>
      </c>
      <c r="FX27" s="71">
        <v>0</v>
      </c>
      <c r="FY27" s="72">
        <v>0</v>
      </c>
      <c r="FZ27" s="244"/>
      <c r="GA27" s="71">
        <v>0</v>
      </c>
      <c r="GB27" s="71">
        <v>0</v>
      </c>
      <c r="GC27" s="71">
        <v>0</v>
      </c>
      <c r="GD27" s="71">
        <v>0</v>
      </c>
      <c r="GE27" s="71">
        <v>0</v>
      </c>
      <c r="GF27" s="72">
        <v>0</v>
      </c>
      <c r="GG27" s="73">
        <v>0</v>
      </c>
      <c r="GH27" s="70">
        <v>8</v>
      </c>
      <c r="GI27" s="71">
        <v>7</v>
      </c>
      <c r="GJ27" s="72">
        <v>15</v>
      </c>
      <c r="GK27" s="244"/>
      <c r="GL27" s="71">
        <v>9</v>
      </c>
      <c r="GM27" s="71">
        <v>8</v>
      </c>
      <c r="GN27" s="71">
        <v>6</v>
      </c>
      <c r="GO27" s="71">
        <v>6</v>
      </c>
      <c r="GP27" s="71">
        <v>4</v>
      </c>
      <c r="GQ27" s="72">
        <v>33</v>
      </c>
      <c r="GR27" s="73">
        <v>48</v>
      </c>
      <c r="GS27" s="123">
        <v>26</v>
      </c>
      <c r="GT27" s="82">
        <v>25</v>
      </c>
      <c r="GU27" s="83">
        <v>51</v>
      </c>
      <c r="GV27" s="241"/>
      <c r="GW27" s="82">
        <v>37</v>
      </c>
      <c r="GX27" s="82">
        <v>29</v>
      </c>
      <c r="GY27" s="82">
        <v>24</v>
      </c>
      <c r="GZ27" s="82">
        <v>18</v>
      </c>
      <c r="HA27" s="82">
        <v>16</v>
      </c>
      <c r="HB27" s="84">
        <v>124</v>
      </c>
      <c r="HC27" s="85">
        <v>175</v>
      </c>
      <c r="HD27" s="70">
        <v>1</v>
      </c>
      <c r="HE27" s="71">
        <v>0</v>
      </c>
      <c r="HF27" s="72">
        <v>1</v>
      </c>
      <c r="HG27" s="244"/>
      <c r="HH27" s="71">
        <v>0</v>
      </c>
      <c r="HI27" s="71">
        <v>0</v>
      </c>
      <c r="HJ27" s="71">
        <v>0</v>
      </c>
      <c r="HK27" s="71">
        <v>0</v>
      </c>
      <c r="HL27" s="71">
        <v>0</v>
      </c>
      <c r="HM27" s="72">
        <v>0</v>
      </c>
      <c r="HN27" s="73">
        <v>1</v>
      </c>
      <c r="HO27" s="70">
        <v>1</v>
      </c>
      <c r="HP27" s="71">
        <v>1</v>
      </c>
      <c r="HQ27" s="72">
        <v>2</v>
      </c>
      <c r="HR27" s="244"/>
      <c r="HS27" s="71">
        <v>4</v>
      </c>
      <c r="HT27" s="71">
        <v>3</v>
      </c>
      <c r="HU27" s="71">
        <v>1</v>
      </c>
      <c r="HV27" s="71">
        <v>1</v>
      </c>
      <c r="HW27" s="71">
        <v>1</v>
      </c>
      <c r="HX27" s="72">
        <v>10</v>
      </c>
      <c r="HY27" s="73">
        <v>12</v>
      </c>
      <c r="HZ27" s="70">
        <v>4</v>
      </c>
      <c r="IA27" s="71">
        <v>4</v>
      </c>
      <c r="IB27" s="72">
        <v>8</v>
      </c>
      <c r="IC27" s="244"/>
      <c r="ID27" s="71">
        <v>3</v>
      </c>
      <c r="IE27" s="71">
        <v>3</v>
      </c>
      <c r="IF27" s="71">
        <v>2</v>
      </c>
      <c r="IG27" s="71">
        <v>1</v>
      </c>
      <c r="IH27" s="71">
        <v>2</v>
      </c>
      <c r="II27" s="72">
        <v>11</v>
      </c>
      <c r="IJ27" s="73">
        <v>19</v>
      </c>
      <c r="IK27" s="70">
        <v>4</v>
      </c>
      <c r="IL27" s="71">
        <v>7</v>
      </c>
      <c r="IM27" s="72">
        <v>11</v>
      </c>
      <c r="IN27" s="244"/>
      <c r="IO27" s="71">
        <v>12</v>
      </c>
      <c r="IP27" s="71">
        <v>6</v>
      </c>
      <c r="IQ27" s="71">
        <v>9</v>
      </c>
      <c r="IR27" s="71">
        <v>1</v>
      </c>
      <c r="IS27" s="71">
        <v>4</v>
      </c>
      <c r="IT27" s="72">
        <v>32</v>
      </c>
      <c r="IU27" s="73">
        <v>43</v>
      </c>
      <c r="IV27" s="70">
        <v>9</v>
      </c>
      <c r="IW27" s="71">
        <v>9</v>
      </c>
      <c r="IX27" s="72">
        <v>18</v>
      </c>
      <c r="IY27" s="244"/>
      <c r="IZ27" s="71">
        <v>10</v>
      </c>
      <c r="JA27" s="71">
        <v>8</v>
      </c>
      <c r="JB27" s="71">
        <v>6</v>
      </c>
      <c r="JC27" s="71">
        <v>5</v>
      </c>
      <c r="JD27" s="71">
        <v>4</v>
      </c>
      <c r="JE27" s="72">
        <v>33</v>
      </c>
      <c r="JF27" s="73">
        <v>51</v>
      </c>
      <c r="JG27" s="70">
        <v>7</v>
      </c>
      <c r="JH27" s="71">
        <v>4</v>
      </c>
      <c r="JI27" s="72">
        <v>11</v>
      </c>
      <c r="JJ27" s="244"/>
      <c r="JK27" s="71">
        <v>8</v>
      </c>
      <c r="JL27" s="71">
        <v>9</v>
      </c>
      <c r="JM27" s="71">
        <v>6</v>
      </c>
      <c r="JN27" s="71">
        <v>10</v>
      </c>
      <c r="JO27" s="71">
        <v>5</v>
      </c>
      <c r="JP27" s="72">
        <v>38</v>
      </c>
      <c r="JQ27" s="73">
        <v>49</v>
      </c>
      <c r="JR27" s="70">
        <v>0</v>
      </c>
      <c r="JS27" s="71">
        <v>0</v>
      </c>
      <c r="JT27" s="72">
        <v>0</v>
      </c>
      <c r="JU27" s="244"/>
      <c r="JV27" s="71">
        <v>0</v>
      </c>
      <c r="JW27" s="71">
        <v>0</v>
      </c>
      <c r="JX27" s="71">
        <v>0</v>
      </c>
      <c r="JY27" s="71">
        <v>0</v>
      </c>
      <c r="JZ27" s="71">
        <v>0</v>
      </c>
      <c r="KA27" s="72">
        <v>0</v>
      </c>
      <c r="KB27" s="73">
        <v>0</v>
      </c>
      <c r="KC27" s="70">
        <v>26</v>
      </c>
      <c r="KD27" s="71">
        <v>25</v>
      </c>
      <c r="KE27" s="72">
        <v>51</v>
      </c>
      <c r="KF27" s="244"/>
      <c r="KG27" s="71">
        <v>37</v>
      </c>
      <c r="KH27" s="71">
        <v>29</v>
      </c>
      <c r="KI27" s="71">
        <v>24</v>
      </c>
      <c r="KJ27" s="71">
        <v>18</v>
      </c>
      <c r="KK27" s="71">
        <v>16</v>
      </c>
      <c r="KL27" s="72">
        <v>124</v>
      </c>
      <c r="KM27" s="73">
        <v>175</v>
      </c>
    </row>
    <row r="28" spans="2:299" ht="21" customHeight="1" x14ac:dyDescent="0.2">
      <c r="B28" s="126" t="s">
        <v>25</v>
      </c>
      <c r="C28" s="315">
        <v>7</v>
      </c>
      <c r="D28" s="82">
        <v>15</v>
      </c>
      <c r="E28" s="83">
        <v>22</v>
      </c>
      <c r="F28" s="241"/>
      <c r="G28" s="82">
        <v>13</v>
      </c>
      <c r="H28" s="82">
        <v>10</v>
      </c>
      <c r="I28" s="82">
        <v>6</v>
      </c>
      <c r="J28" s="82">
        <v>7</v>
      </c>
      <c r="K28" s="82">
        <v>5</v>
      </c>
      <c r="L28" s="84">
        <v>41</v>
      </c>
      <c r="M28" s="85">
        <v>63</v>
      </c>
      <c r="N28" s="70">
        <v>0</v>
      </c>
      <c r="O28" s="71">
        <v>1</v>
      </c>
      <c r="P28" s="72">
        <v>1</v>
      </c>
      <c r="Q28" s="244"/>
      <c r="R28" s="71">
        <v>0</v>
      </c>
      <c r="S28" s="71">
        <v>1</v>
      </c>
      <c r="T28" s="71">
        <v>0</v>
      </c>
      <c r="U28" s="71">
        <v>1</v>
      </c>
      <c r="V28" s="71">
        <v>0</v>
      </c>
      <c r="W28" s="72">
        <v>2</v>
      </c>
      <c r="X28" s="73">
        <v>3</v>
      </c>
      <c r="Y28" s="70">
        <v>1</v>
      </c>
      <c r="Z28" s="71">
        <v>1</v>
      </c>
      <c r="AA28" s="72">
        <v>2</v>
      </c>
      <c r="AB28" s="244"/>
      <c r="AC28" s="71">
        <v>1</v>
      </c>
      <c r="AD28" s="71">
        <v>2</v>
      </c>
      <c r="AE28" s="71">
        <v>0</v>
      </c>
      <c r="AF28" s="71">
        <v>1</v>
      </c>
      <c r="AG28" s="71">
        <v>1</v>
      </c>
      <c r="AH28" s="72">
        <v>5</v>
      </c>
      <c r="AI28" s="73">
        <v>7</v>
      </c>
      <c r="AJ28" s="70">
        <v>2</v>
      </c>
      <c r="AK28" s="71">
        <v>0</v>
      </c>
      <c r="AL28" s="72">
        <v>2</v>
      </c>
      <c r="AM28" s="244"/>
      <c r="AN28" s="71">
        <v>2</v>
      </c>
      <c r="AO28" s="71">
        <v>1</v>
      </c>
      <c r="AP28" s="71">
        <v>0</v>
      </c>
      <c r="AQ28" s="71">
        <v>1</v>
      </c>
      <c r="AR28" s="71">
        <v>0</v>
      </c>
      <c r="AS28" s="72">
        <v>4</v>
      </c>
      <c r="AT28" s="73">
        <v>6</v>
      </c>
      <c r="AU28" s="70">
        <v>3</v>
      </c>
      <c r="AV28" s="71">
        <v>6</v>
      </c>
      <c r="AW28" s="72">
        <v>9</v>
      </c>
      <c r="AX28" s="244"/>
      <c r="AY28" s="71">
        <v>5</v>
      </c>
      <c r="AZ28" s="71">
        <v>2</v>
      </c>
      <c r="BA28" s="71">
        <v>2</v>
      </c>
      <c r="BB28" s="71">
        <v>0</v>
      </c>
      <c r="BC28" s="71">
        <v>1</v>
      </c>
      <c r="BD28" s="72">
        <v>10</v>
      </c>
      <c r="BE28" s="73">
        <v>19</v>
      </c>
      <c r="BF28" s="70">
        <v>1</v>
      </c>
      <c r="BG28" s="71">
        <v>4</v>
      </c>
      <c r="BH28" s="72">
        <v>5</v>
      </c>
      <c r="BI28" s="244"/>
      <c r="BJ28" s="71">
        <v>1</v>
      </c>
      <c r="BK28" s="71">
        <v>2</v>
      </c>
      <c r="BL28" s="71">
        <v>3</v>
      </c>
      <c r="BM28" s="71">
        <v>1</v>
      </c>
      <c r="BN28" s="71">
        <v>3</v>
      </c>
      <c r="BO28" s="72">
        <v>10</v>
      </c>
      <c r="BP28" s="73">
        <v>15</v>
      </c>
      <c r="BQ28" s="70">
        <v>0</v>
      </c>
      <c r="BR28" s="71">
        <v>3</v>
      </c>
      <c r="BS28" s="72">
        <v>3</v>
      </c>
      <c r="BT28" s="244"/>
      <c r="BU28" s="71">
        <v>4</v>
      </c>
      <c r="BV28" s="71">
        <v>2</v>
      </c>
      <c r="BW28" s="71">
        <v>1</v>
      </c>
      <c r="BX28" s="71">
        <v>3</v>
      </c>
      <c r="BY28" s="71">
        <v>0</v>
      </c>
      <c r="BZ28" s="72">
        <v>10</v>
      </c>
      <c r="CA28" s="73">
        <v>13</v>
      </c>
      <c r="CB28" s="70">
        <v>0</v>
      </c>
      <c r="CC28" s="71">
        <v>0</v>
      </c>
      <c r="CD28" s="72">
        <v>0</v>
      </c>
      <c r="CE28" s="244"/>
      <c r="CF28" s="71">
        <v>0</v>
      </c>
      <c r="CG28" s="71">
        <v>0</v>
      </c>
      <c r="CH28" s="71">
        <v>0</v>
      </c>
      <c r="CI28" s="71">
        <v>0</v>
      </c>
      <c r="CJ28" s="71">
        <v>0</v>
      </c>
      <c r="CK28" s="72">
        <v>0</v>
      </c>
      <c r="CL28" s="73">
        <v>0</v>
      </c>
      <c r="CM28" s="70">
        <v>7</v>
      </c>
      <c r="CN28" s="71">
        <v>15</v>
      </c>
      <c r="CO28" s="72">
        <v>22</v>
      </c>
      <c r="CP28" s="244"/>
      <c r="CQ28" s="71">
        <v>13</v>
      </c>
      <c r="CR28" s="71">
        <v>10</v>
      </c>
      <c r="CS28" s="71">
        <v>6</v>
      </c>
      <c r="CT28" s="71">
        <v>7</v>
      </c>
      <c r="CU28" s="71">
        <v>5</v>
      </c>
      <c r="CV28" s="72">
        <v>41</v>
      </c>
      <c r="CW28" s="73">
        <v>63</v>
      </c>
      <c r="CX28" s="123">
        <v>8</v>
      </c>
      <c r="CY28" s="82">
        <v>18</v>
      </c>
      <c r="CZ28" s="83">
        <v>26</v>
      </c>
      <c r="DA28" s="241"/>
      <c r="DB28" s="82">
        <v>8</v>
      </c>
      <c r="DC28" s="82">
        <v>5</v>
      </c>
      <c r="DD28" s="82">
        <v>4</v>
      </c>
      <c r="DE28" s="82">
        <v>5</v>
      </c>
      <c r="DF28" s="82">
        <v>3</v>
      </c>
      <c r="DG28" s="84">
        <v>25</v>
      </c>
      <c r="DH28" s="85">
        <v>51</v>
      </c>
      <c r="DI28" s="70">
        <v>0</v>
      </c>
      <c r="DJ28" s="71">
        <v>1</v>
      </c>
      <c r="DK28" s="72">
        <v>1</v>
      </c>
      <c r="DL28" s="244"/>
      <c r="DM28" s="71">
        <v>0</v>
      </c>
      <c r="DN28" s="71">
        <v>0</v>
      </c>
      <c r="DO28" s="71">
        <v>0</v>
      </c>
      <c r="DP28" s="71">
        <v>0</v>
      </c>
      <c r="DQ28" s="71">
        <v>0</v>
      </c>
      <c r="DR28" s="72">
        <v>0</v>
      </c>
      <c r="DS28" s="73">
        <v>1</v>
      </c>
      <c r="DT28" s="70">
        <v>2</v>
      </c>
      <c r="DU28" s="71">
        <v>1</v>
      </c>
      <c r="DV28" s="72">
        <v>3</v>
      </c>
      <c r="DW28" s="244"/>
      <c r="DX28" s="71">
        <v>0</v>
      </c>
      <c r="DY28" s="71">
        <v>0</v>
      </c>
      <c r="DZ28" s="71">
        <v>0</v>
      </c>
      <c r="EA28" s="71">
        <v>0</v>
      </c>
      <c r="EB28" s="71">
        <v>1</v>
      </c>
      <c r="EC28" s="72">
        <v>1</v>
      </c>
      <c r="ED28" s="73">
        <v>4</v>
      </c>
      <c r="EE28" s="70">
        <v>1</v>
      </c>
      <c r="EF28" s="71">
        <v>3</v>
      </c>
      <c r="EG28" s="72">
        <v>4</v>
      </c>
      <c r="EH28" s="244"/>
      <c r="EI28" s="71">
        <v>0</v>
      </c>
      <c r="EJ28" s="71">
        <v>0</v>
      </c>
      <c r="EK28" s="71">
        <v>0</v>
      </c>
      <c r="EL28" s="71">
        <v>0</v>
      </c>
      <c r="EM28" s="71">
        <v>0</v>
      </c>
      <c r="EN28" s="72">
        <v>0</v>
      </c>
      <c r="EO28" s="73">
        <v>4</v>
      </c>
      <c r="EP28" s="70">
        <v>2</v>
      </c>
      <c r="EQ28" s="71">
        <v>3</v>
      </c>
      <c r="ER28" s="72">
        <v>5</v>
      </c>
      <c r="ES28" s="244"/>
      <c r="ET28" s="71">
        <v>2</v>
      </c>
      <c r="EU28" s="71">
        <v>0</v>
      </c>
      <c r="EV28" s="71">
        <v>0</v>
      </c>
      <c r="EW28" s="71">
        <v>0</v>
      </c>
      <c r="EX28" s="71">
        <v>0</v>
      </c>
      <c r="EY28" s="72">
        <v>2</v>
      </c>
      <c r="EZ28" s="73">
        <v>7</v>
      </c>
      <c r="FA28" s="70">
        <v>1</v>
      </c>
      <c r="FB28" s="71">
        <v>4</v>
      </c>
      <c r="FC28" s="72">
        <v>5</v>
      </c>
      <c r="FD28" s="244"/>
      <c r="FE28" s="71">
        <v>2</v>
      </c>
      <c r="FF28" s="71">
        <v>2</v>
      </c>
      <c r="FG28" s="71">
        <v>1</v>
      </c>
      <c r="FH28" s="71">
        <v>2</v>
      </c>
      <c r="FI28" s="71">
        <v>0</v>
      </c>
      <c r="FJ28" s="72">
        <v>7</v>
      </c>
      <c r="FK28" s="73">
        <v>12</v>
      </c>
      <c r="FL28" s="70">
        <v>2</v>
      </c>
      <c r="FM28" s="71">
        <v>6</v>
      </c>
      <c r="FN28" s="72">
        <v>8</v>
      </c>
      <c r="FO28" s="244"/>
      <c r="FP28" s="71">
        <v>4</v>
      </c>
      <c r="FQ28" s="71">
        <v>3</v>
      </c>
      <c r="FR28" s="71">
        <v>3</v>
      </c>
      <c r="FS28" s="71">
        <v>3</v>
      </c>
      <c r="FT28" s="71">
        <v>2</v>
      </c>
      <c r="FU28" s="72">
        <v>15</v>
      </c>
      <c r="FV28" s="73">
        <v>23</v>
      </c>
      <c r="FW28" s="70">
        <v>0</v>
      </c>
      <c r="FX28" s="71">
        <v>0</v>
      </c>
      <c r="FY28" s="72">
        <v>0</v>
      </c>
      <c r="FZ28" s="244"/>
      <c r="GA28" s="71">
        <v>0</v>
      </c>
      <c r="GB28" s="71">
        <v>0</v>
      </c>
      <c r="GC28" s="71">
        <v>0</v>
      </c>
      <c r="GD28" s="71">
        <v>0</v>
      </c>
      <c r="GE28" s="71">
        <v>0</v>
      </c>
      <c r="GF28" s="72">
        <v>0</v>
      </c>
      <c r="GG28" s="73">
        <v>0</v>
      </c>
      <c r="GH28" s="70">
        <v>8</v>
      </c>
      <c r="GI28" s="71">
        <v>18</v>
      </c>
      <c r="GJ28" s="72">
        <v>26</v>
      </c>
      <c r="GK28" s="244"/>
      <c r="GL28" s="71">
        <v>8</v>
      </c>
      <c r="GM28" s="71">
        <v>5</v>
      </c>
      <c r="GN28" s="71">
        <v>4</v>
      </c>
      <c r="GO28" s="71">
        <v>5</v>
      </c>
      <c r="GP28" s="71">
        <v>3</v>
      </c>
      <c r="GQ28" s="72">
        <v>25</v>
      </c>
      <c r="GR28" s="73">
        <v>51</v>
      </c>
      <c r="GS28" s="123">
        <v>15</v>
      </c>
      <c r="GT28" s="82">
        <v>33</v>
      </c>
      <c r="GU28" s="83">
        <v>48</v>
      </c>
      <c r="GV28" s="241"/>
      <c r="GW28" s="82">
        <v>21</v>
      </c>
      <c r="GX28" s="82">
        <v>15</v>
      </c>
      <c r="GY28" s="82">
        <v>10</v>
      </c>
      <c r="GZ28" s="82">
        <v>12</v>
      </c>
      <c r="HA28" s="82">
        <v>8</v>
      </c>
      <c r="HB28" s="84">
        <v>66</v>
      </c>
      <c r="HC28" s="85">
        <v>114</v>
      </c>
      <c r="HD28" s="70">
        <v>0</v>
      </c>
      <c r="HE28" s="71">
        <v>2</v>
      </c>
      <c r="HF28" s="72">
        <v>2</v>
      </c>
      <c r="HG28" s="244"/>
      <c r="HH28" s="71">
        <v>0</v>
      </c>
      <c r="HI28" s="71">
        <v>1</v>
      </c>
      <c r="HJ28" s="71">
        <v>0</v>
      </c>
      <c r="HK28" s="71">
        <v>1</v>
      </c>
      <c r="HL28" s="71">
        <v>0</v>
      </c>
      <c r="HM28" s="72">
        <v>2</v>
      </c>
      <c r="HN28" s="73">
        <v>4</v>
      </c>
      <c r="HO28" s="70">
        <v>3</v>
      </c>
      <c r="HP28" s="71">
        <v>2</v>
      </c>
      <c r="HQ28" s="72">
        <v>5</v>
      </c>
      <c r="HR28" s="244"/>
      <c r="HS28" s="71">
        <v>1</v>
      </c>
      <c r="HT28" s="71">
        <v>2</v>
      </c>
      <c r="HU28" s="71">
        <v>0</v>
      </c>
      <c r="HV28" s="71">
        <v>1</v>
      </c>
      <c r="HW28" s="71">
        <v>2</v>
      </c>
      <c r="HX28" s="72">
        <v>6</v>
      </c>
      <c r="HY28" s="73">
        <v>11</v>
      </c>
      <c r="HZ28" s="70">
        <v>3</v>
      </c>
      <c r="IA28" s="71">
        <v>3</v>
      </c>
      <c r="IB28" s="72">
        <v>6</v>
      </c>
      <c r="IC28" s="244"/>
      <c r="ID28" s="71">
        <v>2</v>
      </c>
      <c r="IE28" s="71">
        <v>1</v>
      </c>
      <c r="IF28" s="71">
        <v>0</v>
      </c>
      <c r="IG28" s="71">
        <v>1</v>
      </c>
      <c r="IH28" s="71">
        <v>0</v>
      </c>
      <c r="II28" s="72">
        <v>4</v>
      </c>
      <c r="IJ28" s="73">
        <v>10</v>
      </c>
      <c r="IK28" s="70">
        <v>5</v>
      </c>
      <c r="IL28" s="71">
        <v>9</v>
      </c>
      <c r="IM28" s="72">
        <v>14</v>
      </c>
      <c r="IN28" s="244"/>
      <c r="IO28" s="71">
        <v>7</v>
      </c>
      <c r="IP28" s="71">
        <v>2</v>
      </c>
      <c r="IQ28" s="71">
        <v>2</v>
      </c>
      <c r="IR28" s="71">
        <v>0</v>
      </c>
      <c r="IS28" s="71">
        <v>1</v>
      </c>
      <c r="IT28" s="72">
        <v>12</v>
      </c>
      <c r="IU28" s="73">
        <v>26</v>
      </c>
      <c r="IV28" s="70">
        <v>2</v>
      </c>
      <c r="IW28" s="71">
        <v>8</v>
      </c>
      <c r="IX28" s="72">
        <v>10</v>
      </c>
      <c r="IY28" s="244"/>
      <c r="IZ28" s="71">
        <v>3</v>
      </c>
      <c r="JA28" s="71">
        <v>4</v>
      </c>
      <c r="JB28" s="71">
        <v>4</v>
      </c>
      <c r="JC28" s="71">
        <v>3</v>
      </c>
      <c r="JD28" s="71">
        <v>3</v>
      </c>
      <c r="JE28" s="72">
        <v>17</v>
      </c>
      <c r="JF28" s="73">
        <v>27</v>
      </c>
      <c r="JG28" s="70">
        <v>2</v>
      </c>
      <c r="JH28" s="71">
        <v>9</v>
      </c>
      <c r="JI28" s="72">
        <v>11</v>
      </c>
      <c r="JJ28" s="244"/>
      <c r="JK28" s="71">
        <v>8</v>
      </c>
      <c r="JL28" s="71">
        <v>5</v>
      </c>
      <c r="JM28" s="71">
        <v>4</v>
      </c>
      <c r="JN28" s="71">
        <v>6</v>
      </c>
      <c r="JO28" s="71">
        <v>2</v>
      </c>
      <c r="JP28" s="72">
        <v>25</v>
      </c>
      <c r="JQ28" s="73">
        <v>36</v>
      </c>
      <c r="JR28" s="70">
        <v>0</v>
      </c>
      <c r="JS28" s="71">
        <v>0</v>
      </c>
      <c r="JT28" s="72">
        <v>0</v>
      </c>
      <c r="JU28" s="244"/>
      <c r="JV28" s="71">
        <v>0</v>
      </c>
      <c r="JW28" s="71">
        <v>0</v>
      </c>
      <c r="JX28" s="71">
        <v>0</v>
      </c>
      <c r="JY28" s="71">
        <v>0</v>
      </c>
      <c r="JZ28" s="71">
        <v>0</v>
      </c>
      <c r="KA28" s="72">
        <v>0</v>
      </c>
      <c r="KB28" s="73">
        <v>0</v>
      </c>
      <c r="KC28" s="70">
        <v>15</v>
      </c>
      <c r="KD28" s="71">
        <v>33</v>
      </c>
      <c r="KE28" s="72">
        <v>48</v>
      </c>
      <c r="KF28" s="244"/>
      <c r="KG28" s="71">
        <v>21</v>
      </c>
      <c r="KH28" s="71">
        <v>15</v>
      </c>
      <c r="KI28" s="71">
        <v>10</v>
      </c>
      <c r="KJ28" s="71">
        <v>12</v>
      </c>
      <c r="KK28" s="71">
        <v>8</v>
      </c>
      <c r="KL28" s="72">
        <v>66</v>
      </c>
      <c r="KM28" s="73">
        <v>114</v>
      </c>
    </row>
    <row r="29" spans="2:299" ht="21" customHeight="1" x14ac:dyDescent="0.2">
      <c r="B29" s="126" t="s">
        <v>26</v>
      </c>
      <c r="C29" s="315">
        <v>11</v>
      </c>
      <c r="D29" s="82">
        <v>11</v>
      </c>
      <c r="E29" s="83">
        <v>22</v>
      </c>
      <c r="F29" s="241"/>
      <c r="G29" s="82">
        <v>16</v>
      </c>
      <c r="H29" s="82">
        <v>18</v>
      </c>
      <c r="I29" s="82">
        <v>8</v>
      </c>
      <c r="J29" s="82">
        <v>8</v>
      </c>
      <c r="K29" s="82">
        <v>5</v>
      </c>
      <c r="L29" s="84">
        <v>55</v>
      </c>
      <c r="M29" s="85">
        <v>77</v>
      </c>
      <c r="N29" s="70">
        <v>2</v>
      </c>
      <c r="O29" s="71">
        <v>0</v>
      </c>
      <c r="P29" s="72">
        <v>2</v>
      </c>
      <c r="Q29" s="244"/>
      <c r="R29" s="71">
        <v>0</v>
      </c>
      <c r="S29" s="71">
        <v>1</v>
      </c>
      <c r="T29" s="71">
        <v>0</v>
      </c>
      <c r="U29" s="71">
        <v>0</v>
      </c>
      <c r="V29" s="71">
        <v>0</v>
      </c>
      <c r="W29" s="72">
        <v>1</v>
      </c>
      <c r="X29" s="73">
        <v>3</v>
      </c>
      <c r="Y29" s="70">
        <v>1</v>
      </c>
      <c r="Z29" s="71">
        <v>0</v>
      </c>
      <c r="AA29" s="72">
        <v>1</v>
      </c>
      <c r="AB29" s="244"/>
      <c r="AC29" s="71">
        <v>0</v>
      </c>
      <c r="AD29" s="71">
        <v>2</v>
      </c>
      <c r="AE29" s="71">
        <v>1</v>
      </c>
      <c r="AF29" s="71">
        <v>0</v>
      </c>
      <c r="AG29" s="71">
        <v>0</v>
      </c>
      <c r="AH29" s="72">
        <v>3</v>
      </c>
      <c r="AI29" s="73">
        <v>4</v>
      </c>
      <c r="AJ29" s="70">
        <v>1</v>
      </c>
      <c r="AK29" s="71">
        <v>0</v>
      </c>
      <c r="AL29" s="72">
        <v>1</v>
      </c>
      <c r="AM29" s="244"/>
      <c r="AN29" s="71">
        <v>1</v>
      </c>
      <c r="AO29" s="71">
        <v>2</v>
      </c>
      <c r="AP29" s="71">
        <v>1</v>
      </c>
      <c r="AQ29" s="71">
        <v>2</v>
      </c>
      <c r="AR29" s="71">
        <v>1</v>
      </c>
      <c r="AS29" s="72">
        <v>7</v>
      </c>
      <c r="AT29" s="73">
        <v>8</v>
      </c>
      <c r="AU29" s="70">
        <v>1</v>
      </c>
      <c r="AV29" s="71">
        <v>4</v>
      </c>
      <c r="AW29" s="72">
        <v>5</v>
      </c>
      <c r="AX29" s="244"/>
      <c r="AY29" s="71">
        <v>5</v>
      </c>
      <c r="AZ29" s="71">
        <v>2</v>
      </c>
      <c r="BA29" s="71">
        <v>0</v>
      </c>
      <c r="BB29" s="71">
        <v>2</v>
      </c>
      <c r="BC29" s="71">
        <v>0</v>
      </c>
      <c r="BD29" s="72">
        <v>9</v>
      </c>
      <c r="BE29" s="73">
        <v>14</v>
      </c>
      <c r="BF29" s="70">
        <v>3</v>
      </c>
      <c r="BG29" s="71">
        <v>4</v>
      </c>
      <c r="BH29" s="72">
        <v>7</v>
      </c>
      <c r="BI29" s="244"/>
      <c r="BJ29" s="71">
        <v>4</v>
      </c>
      <c r="BK29" s="71">
        <v>6</v>
      </c>
      <c r="BL29" s="71">
        <v>2</v>
      </c>
      <c r="BM29" s="71">
        <v>3</v>
      </c>
      <c r="BN29" s="71">
        <v>2</v>
      </c>
      <c r="BO29" s="72">
        <v>17</v>
      </c>
      <c r="BP29" s="73">
        <v>24</v>
      </c>
      <c r="BQ29" s="70">
        <v>3</v>
      </c>
      <c r="BR29" s="71">
        <v>3</v>
      </c>
      <c r="BS29" s="72">
        <v>6</v>
      </c>
      <c r="BT29" s="244"/>
      <c r="BU29" s="71">
        <v>6</v>
      </c>
      <c r="BV29" s="71">
        <v>5</v>
      </c>
      <c r="BW29" s="71">
        <v>4</v>
      </c>
      <c r="BX29" s="71">
        <v>1</v>
      </c>
      <c r="BY29" s="71">
        <v>2</v>
      </c>
      <c r="BZ29" s="72">
        <v>18</v>
      </c>
      <c r="CA29" s="73">
        <v>24</v>
      </c>
      <c r="CB29" s="70">
        <v>0</v>
      </c>
      <c r="CC29" s="71">
        <v>0</v>
      </c>
      <c r="CD29" s="72">
        <v>0</v>
      </c>
      <c r="CE29" s="244"/>
      <c r="CF29" s="71">
        <v>0</v>
      </c>
      <c r="CG29" s="71">
        <v>0</v>
      </c>
      <c r="CH29" s="71">
        <v>0</v>
      </c>
      <c r="CI29" s="71">
        <v>0</v>
      </c>
      <c r="CJ29" s="71">
        <v>0</v>
      </c>
      <c r="CK29" s="72">
        <v>0</v>
      </c>
      <c r="CL29" s="73">
        <v>0</v>
      </c>
      <c r="CM29" s="70">
        <v>11</v>
      </c>
      <c r="CN29" s="71">
        <v>11</v>
      </c>
      <c r="CO29" s="72">
        <v>22</v>
      </c>
      <c r="CP29" s="244"/>
      <c r="CQ29" s="71">
        <v>16</v>
      </c>
      <c r="CR29" s="71">
        <v>18</v>
      </c>
      <c r="CS29" s="71">
        <v>8</v>
      </c>
      <c r="CT29" s="71">
        <v>8</v>
      </c>
      <c r="CU29" s="71">
        <v>5</v>
      </c>
      <c r="CV29" s="72">
        <v>55</v>
      </c>
      <c r="CW29" s="73">
        <v>77</v>
      </c>
      <c r="CX29" s="123">
        <v>5</v>
      </c>
      <c r="CY29" s="82">
        <v>6</v>
      </c>
      <c r="CZ29" s="83">
        <v>11</v>
      </c>
      <c r="DA29" s="241"/>
      <c r="DB29" s="82">
        <v>11</v>
      </c>
      <c r="DC29" s="82">
        <v>3</v>
      </c>
      <c r="DD29" s="82">
        <v>1</v>
      </c>
      <c r="DE29" s="82">
        <v>3</v>
      </c>
      <c r="DF29" s="82">
        <v>2</v>
      </c>
      <c r="DG29" s="84">
        <v>20</v>
      </c>
      <c r="DH29" s="85">
        <v>31</v>
      </c>
      <c r="DI29" s="70">
        <v>0</v>
      </c>
      <c r="DJ29" s="71">
        <v>0</v>
      </c>
      <c r="DK29" s="72">
        <v>0</v>
      </c>
      <c r="DL29" s="244"/>
      <c r="DM29" s="71">
        <v>0</v>
      </c>
      <c r="DN29" s="71">
        <v>0</v>
      </c>
      <c r="DO29" s="71">
        <v>0</v>
      </c>
      <c r="DP29" s="71">
        <v>0</v>
      </c>
      <c r="DQ29" s="71">
        <v>0</v>
      </c>
      <c r="DR29" s="72">
        <v>0</v>
      </c>
      <c r="DS29" s="73">
        <v>0</v>
      </c>
      <c r="DT29" s="70">
        <v>1</v>
      </c>
      <c r="DU29" s="71">
        <v>0</v>
      </c>
      <c r="DV29" s="72">
        <v>1</v>
      </c>
      <c r="DW29" s="244"/>
      <c r="DX29" s="71">
        <v>1</v>
      </c>
      <c r="DY29" s="71">
        <v>0</v>
      </c>
      <c r="DZ29" s="71">
        <v>0</v>
      </c>
      <c r="EA29" s="71">
        <v>1</v>
      </c>
      <c r="EB29" s="71">
        <v>0</v>
      </c>
      <c r="EC29" s="72">
        <v>2</v>
      </c>
      <c r="ED29" s="73">
        <v>3</v>
      </c>
      <c r="EE29" s="70">
        <v>1</v>
      </c>
      <c r="EF29" s="71">
        <v>2</v>
      </c>
      <c r="EG29" s="72">
        <v>3</v>
      </c>
      <c r="EH29" s="244"/>
      <c r="EI29" s="71">
        <v>1</v>
      </c>
      <c r="EJ29" s="71">
        <v>0</v>
      </c>
      <c r="EK29" s="71">
        <v>0</v>
      </c>
      <c r="EL29" s="71">
        <v>0</v>
      </c>
      <c r="EM29" s="71">
        <v>0</v>
      </c>
      <c r="EN29" s="72">
        <v>1</v>
      </c>
      <c r="EO29" s="73">
        <v>4</v>
      </c>
      <c r="EP29" s="70">
        <v>0</v>
      </c>
      <c r="EQ29" s="71">
        <v>0</v>
      </c>
      <c r="ER29" s="72">
        <v>0</v>
      </c>
      <c r="ES29" s="244"/>
      <c r="ET29" s="71">
        <v>0</v>
      </c>
      <c r="EU29" s="71">
        <v>0</v>
      </c>
      <c r="EV29" s="71">
        <v>0</v>
      </c>
      <c r="EW29" s="71">
        <v>0</v>
      </c>
      <c r="EX29" s="71">
        <v>0</v>
      </c>
      <c r="EY29" s="72">
        <v>0</v>
      </c>
      <c r="EZ29" s="73">
        <v>0</v>
      </c>
      <c r="FA29" s="70">
        <v>2</v>
      </c>
      <c r="FB29" s="71">
        <v>2</v>
      </c>
      <c r="FC29" s="72">
        <v>4</v>
      </c>
      <c r="FD29" s="244"/>
      <c r="FE29" s="71">
        <v>3</v>
      </c>
      <c r="FF29" s="71">
        <v>2</v>
      </c>
      <c r="FG29" s="71">
        <v>0</v>
      </c>
      <c r="FH29" s="71">
        <v>0</v>
      </c>
      <c r="FI29" s="71">
        <v>1</v>
      </c>
      <c r="FJ29" s="72">
        <v>6</v>
      </c>
      <c r="FK29" s="73">
        <v>10</v>
      </c>
      <c r="FL29" s="70">
        <v>1</v>
      </c>
      <c r="FM29" s="71">
        <v>2</v>
      </c>
      <c r="FN29" s="72">
        <v>3</v>
      </c>
      <c r="FO29" s="244"/>
      <c r="FP29" s="71">
        <v>6</v>
      </c>
      <c r="FQ29" s="71">
        <v>1</v>
      </c>
      <c r="FR29" s="71">
        <v>1</v>
      </c>
      <c r="FS29" s="71">
        <v>2</v>
      </c>
      <c r="FT29" s="71">
        <v>1</v>
      </c>
      <c r="FU29" s="72">
        <v>11</v>
      </c>
      <c r="FV29" s="73">
        <v>14</v>
      </c>
      <c r="FW29" s="70">
        <v>0</v>
      </c>
      <c r="FX29" s="71">
        <v>0</v>
      </c>
      <c r="FY29" s="72">
        <v>0</v>
      </c>
      <c r="FZ29" s="244"/>
      <c r="GA29" s="71">
        <v>0</v>
      </c>
      <c r="GB29" s="71">
        <v>0</v>
      </c>
      <c r="GC29" s="71">
        <v>0</v>
      </c>
      <c r="GD29" s="71">
        <v>0</v>
      </c>
      <c r="GE29" s="71">
        <v>0</v>
      </c>
      <c r="GF29" s="72">
        <v>0</v>
      </c>
      <c r="GG29" s="73">
        <v>0</v>
      </c>
      <c r="GH29" s="70">
        <v>5</v>
      </c>
      <c r="GI29" s="71">
        <v>6</v>
      </c>
      <c r="GJ29" s="72">
        <v>11</v>
      </c>
      <c r="GK29" s="244"/>
      <c r="GL29" s="71">
        <v>11</v>
      </c>
      <c r="GM29" s="71">
        <v>3</v>
      </c>
      <c r="GN29" s="71">
        <v>1</v>
      </c>
      <c r="GO29" s="71">
        <v>3</v>
      </c>
      <c r="GP29" s="71">
        <v>2</v>
      </c>
      <c r="GQ29" s="72">
        <v>20</v>
      </c>
      <c r="GR29" s="73">
        <v>31</v>
      </c>
      <c r="GS29" s="123">
        <v>16</v>
      </c>
      <c r="GT29" s="82">
        <v>17</v>
      </c>
      <c r="GU29" s="83">
        <v>33</v>
      </c>
      <c r="GV29" s="241"/>
      <c r="GW29" s="82">
        <v>27</v>
      </c>
      <c r="GX29" s="82">
        <v>21</v>
      </c>
      <c r="GY29" s="82">
        <v>9</v>
      </c>
      <c r="GZ29" s="82">
        <v>11</v>
      </c>
      <c r="HA29" s="82">
        <v>7</v>
      </c>
      <c r="HB29" s="84">
        <v>75</v>
      </c>
      <c r="HC29" s="85">
        <v>108</v>
      </c>
      <c r="HD29" s="70">
        <v>2</v>
      </c>
      <c r="HE29" s="71">
        <v>0</v>
      </c>
      <c r="HF29" s="72">
        <v>2</v>
      </c>
      <c r="HG29" s="244"/>
      <c r="HH29" s="71">
        <v>0</v>
      </c>
      <c r="HI29" s="71">
        <v>1</v>
      </c>
      <c r="HJ29" s="71">
        <v>0</v>
      </c>
      <c r="HK29" s="71">
        <v>0</v>
      </c>
      <c r="HL29" s="71">
        <v>0</v>
      </c>
      <c r="HM29" s="72">
        <v>1</v>
      </c>
      <c r="HN29" s="73">
        <v>3</v>
      </c>
      <c r="HO29" s="70">
        <v>2</v>
      </c>
      <c r="HP29" s="71">
        <v>0</v>
      </c>
      <c r="HQ29" s="72">
        <v>2</v>
      </c>
      <c r="HR29" s="244"/>
      <c r="HS29" s="71">
        <v>1</v>
      </c>
      <c r="HT29" s="71">
        <v>2</v>
      </c>
      <c r="HU29" s="71">
        <v>1</v>
      </c>
      <c r="HV29" s="71">
        <v>1</v>
      </c>
      <c r="HW29" s="71">
        <v>0</v>
      </c>
      <c r="HX29" s="72">
        <v>5</v>
      </c>
      <c r="HY29" s="73">
        <v>7</v>
      </c>
      <c r="HZ29" s="70">
        <v>2</v>
      </c>
      <c r="IA29" s="71">
        <v>2</v>
      </c>
      <c r="IB29" s="72">
        <v>4</v>
      </c>
      <c r="IC29" s="244"/>
      <c r="ID29" s="71">
        <v>2</v>
      </c>
      <c r="IE29" s="71">
        <v>2</v>
      </c>
      <c r="IF29" s="71">
        <v>1</v>
      </c>
      <c r="IG29" s="71">
        <v>2</v>
      </c>
      <c r="IH29" s="71">
        <v>1</v>
      </c>
      <c r="II29" s="72">
        <v>8</v>
      </c>
      <c r="IJ29" s="73">
        <v>12</v>
      </c>
      <c r="IK29" s="70">
        <v>1</v>
      </c>
      <c r="IL29" s="71">
        <v>4</v>
      </c>
      <c r="IM29" s="72">
        <v>5</v>
      </c>
      <c r="IN29" s="244"/>
      <c r="IO29" s="71">
        <v>5</v>
      </c>
      <c r="IP29" s="71">
        <v>2</v>
      </c>
      <c r="IQ29" s="71">
        <v>0</v>
      </c>
      <c r="IR29" s="71">
        <v>2</v>
      </c>
      <c r="IS29" s="71">
        <v>0</v>
      </c>
      <c r="IT29" s="72">
        <v>9</v>
      </c>
      <c r="IU29" s="73">
        <v>14</v>
      </c>
      <c r="IV29" s="70">
        <v>5</v>
      </c>
      <c r="IW29" s="71">
        <v>6</v>
      </c>
      <c r="IX29" s="72">
        <v>11</v>
      </c>
      <c r="IY29" s="244"/>
      <c r="IZ29" s="71">
        <v>7</v>
      </c>
      <c r="JA29" s="71">
        <v>8</v>
      </c>
      <c r="JB29" s="71">
        <v>2</v>
      </c>
      <c r="JC29" s="71">
        <v>3</v>
      </c>
      <c r="JD29" s="71">
        <v>3</v>
      </c>
      <c r="JE29" s="72">
        <v>23</v>
      </c>
      <c r="JF29" s="73">
        <v>34</v>
      </c>
      <c r="JG29" s="70">
        <v>4</v>
      </c>
      <c r="JH29" s="71">
        <v>5</v>
      </c>
      <c r="JI29" s="72">
        <v>9</v>
      </c>
      <c r="JJ29" s="244"/>
      <c r="JK29" s="71">
        <v>12</v>
      </c>
      <c r="JL29" s="71">
        <v>6</v>
      </c>
      <c r="JM29" s="71">
        <v>5</v>
      </c>
      <c r="JN29" s="71">
        <v>3</v>
      </c>
      <c r="JO29" s="71">
        <v>3</v>
      </c>
      <c r="JP29" s="72">
        <v>29</v>
      </c>
      <c r="JQ29" s="73">
        <v>38</v>
      </c>
      <c r="JR29" s="70">
        <v>0</v>
      </c>
      <c r="JS29" s="71">
        <v>0</v>
      </c>
      <c r="JT29" s="72">
        <v>0</v>
      </c>
      <c r="JU29" s="244"/>
      <c r="JV29" s="71">
        <v>0</v>
      </c>
      <c r="JW29" s="71">
        <v>0</v>
      </c>
      <c r="JX29" s="71">
        <v>0</v>
      </c>
      <c r="JY29" s="71">
        <v>0</v>
      </c>
      <c r="JZ29" s="71">
        <v>0</v>
      </c>
      <c r="KA29" s="72">
        <v>0</v>
      </c>
      <c r="KB29" s="73">
        <v>0</v>
      </c>
      <c r="KC29" s="70">
        <v>16</v>
      </c>
      <c r="KD29" s="71">
        <v>17</v>
      </c>
      <c r="KE29" s="72">
        <v>33</v>
      </c>
      <c r="KF29" s="244"/>
      <c r="KG29" s="71">
        <v>27</v>
      </c>
      <c r="KH29" s="71">
        <v>21</v>
      </c>
      <c r="KI29" s="71">
        <v>9</v>
      </c>
      <c r="KJ29" s="71">
        <v>11</v>
      </c>
      <c r="KK29" s="71">
        <v>7</v>
      </c>
      <c r="KL29" s="72">
        <v>75</v>
      </c>
      <c r="KM29" s="73">
        <v>108</v>
      </c>
    </row>
    <row r="30" spans="2:299" ht="21" customHeight="1" x14ac:dyDescent="0.2">
      <c r="B30" s="126" t="s">
        <v>27</v>
      </c>
      <c r="C30" s="315">
        <v>15</v>
      </c>
      <c r="D30" s="82">
        <v>16</v>
      </c>
      <c r="E30" s="83">
        <v>31</v>
      </c>
      <c r="F30" s="241"/>
      <c r="G30" s="82">
        <v>11</v>
      </c>
      <c r="H30" s="82">
        <v>12</v>
      </c>
      <c r="I30" s="82">
        <v>9</v>
      </c>
      <c r="J30" s="82">
        <v>8</v>
      </c>
      <c r="K30" s="82">
        <v>2</v>
      </c>
      <c r="L30" s="84">
        <v>42</v>
      </c>
      <c r="M30" s="85">
        <v>73</v>
      </c>
      <c r="N30" s="70">
        <v>0</v>
      </c>
      <c r="O30" s="71">
        <v>1</v>
      </c>
      <c r="P30" s="72">
        <v>1</v>
      </c>
      <c r="Q30" s="244"/>
      <c r="R30" s="71">
        <v>0</v>
      </c>
      <c r="S30" s="71">
        <v>0</v>
      </c>
      <c r="T30" s="71">
        <v>0</v>
      </c>
      <c r="U30" s="71">
        <v>1</v>
      </c>
      <c r="V30" s="71">
        <v>0</v>
      </c>
      <c r="W30" s="72">
        <v>1</v>
      </c>
      <c r="X30" s="73">
        <v>2</v>
      </c>
      <c r="Y30" s="70">
        <v>1</v>
      </c>
      <c r="Z30" s="71">
        <v>0</v>
      </c>
      <c r="AA30" s="72">
        <v>1</v>
      </c>
      <c r="AB30" s="244"/>
      <c r="AC30" s="71">
        <v>1</v>
      </c>
      <c r="AD30" s="71">
        <v>2</v>
      </c>
      <c r="AE30" s="71">
        <v>0</v>
      </c>
      <c r="AF30" s="71">
        <v>0</v>
      </c>
      <c r="AG30" s="71">
        <v>0</v>
      </c>
      <c r="AH30" s="72">
        <v>3</v>
      </c>
      <c r="AI30" s="73">
        <v>4</v>
      </c>
      <c r="AJ30" s="70">
        <v>3</v>
      </c>
      <c r="AK30" s="71">
        <v>3</v>
      </c>
      <c r="AL30" s="72">
        <v>6</v>
      </c>
      <c r="AM30" s="244"/>
      <c r="AN30" s="71">
        <v>0</v>
      </c>
      <c r="AO30" s="71">
        <v>3</v>
      </c>
      <c r="AP30" s="71">
        <v>0</v>
      </c>
      <c r="AQ30" s="71">
        <v>0</v>
      </c>
      <c r="AR30" s="71">
        <v>0</v>
      </c>
      <c r="AS30" s="72">
        <v>3</v>
      </c>
      <c r="AT30" s="73">
        <v>9</v>
      </c>
      <c r="AU30" s="70">
        <v>4</v>
      </c>
      <c r="AV30" s="71">
        <v>6</v>
      </c>
      <c r="AW30" s="72">
        <v>10</v>
      </c>
      <c r="AX30" s="244"/>
      <c r="AY30" s="71">
        <v>4</v>
      </c>
      <c r="AZ30" s="71">
        <v>1</v>
      </c>
      <c r="BA30" s="71">
        <v>2</v>
      </c>
      <c r="BB30" s="71">
        <v>2</v>
      </c>
      <c r="BC30" s="71">
        <v>0</v>
      </c>
      <c r="BD30" s="72">
        <v>9</v>
      </c>
      <c r="BE30" s="73">
        <v>19</v>
      </c>
      <c r="BF30" s="70">
        <v>2</v>
      </c>
      <c r="BG30" s="71">
        <v>4</v>
      </c>
      <c r="BH30" s="72">
        <v>6</v>
      </c>
      <c r="BI30" s="244"/>
      <c r="BJ30" s="71">
        <v>3</v>
      </c>
      <c r="BK30" s="71">
        <v>3</v>
      </c>
      <c r="BL30" s="71">
        <v>4</v>
      </c>
      <c r="BM30" s="71">
        <v>4</v>
      </c>
      <c r="BN30" s="71">
        <v>2</v>
      </c>
      <c r="BO30" s="72">
        <v>16</v>
      </c>
      <c r="BP30" s="73">
        <v>22</v>
      </c>
      <c r="BQ30" s="70">
        <v>5</v>
      </c>
      <c r="BR30" s="71">
        <v>2</v>
      </c>
      <c r="BS30" s="72">
        <v>7</v>
      </c>
      <c r="BT30" s="244"/>
      <c r="BU30" s="71">
        <v>3</v>
      </c>
      <c r="BV30" s="71">
        <v>3</v>
      </c>
      <c r="BW30" s="71">
        <v>3</v>
      </c>
      <c r="BX30" s="71">
        <v>1</v>
      </c>
      <c r="BY30" s="71">
        <v>0</v>
      </c>
      <c r="BZ30" s="72">
        <v>10</v>
      </c>
      <c r="CA30" s="73">
        <v>17</v>
      </c>
      <c r="CB30" s="70">
        <v>0</v>
      </c>
      <c r="CC30" s="71">
        <v>0</v>
      </c>
      <c r="CD30" s="72">
        <v>0</v>
      </c>
      <c r="CE30" s="244"/>
      <c r="CF30" s="71">
        <v>0</v>
      </c>
      <c r="CG30" s="71">
        <v>0</v>
      </c>
      <c r="CH30" s="71">
        <v>0</v>
      </c>
      <c r="CI30" s="71">
        <v>0</v>
      </c>
      <c r="CJ30" s="71">
        <v>0</v>
      </c>
      <c r="CK30" s="72">
        <v>0</v>
      </c>
      <c r="CL30" s="73">
        <v>0</v>
      </c>
      <c r="CM30" s="70">
        <v>15</v>
      </c>
      <c r="CN30" s="71">
        <v>16</v>
      </c>
      <c r="CO30" s="72">
        <v>31</v>
      </c>
      <c r="CP30" s="244"/>
      <c r="CQ30" s="71">
        <v>11</v>
      </c>
      <c r="CR30" s="71">
        <v>12</v>
      </c>
      <c r="CS30" s="71">
        <v>9</v>
      </c>
      <c r="CT30" s="71">
        <v>8</v>
      </c>
      <c r="CU30" s="71">
        <v>2</v>
      </c>
      <c r="CV30" s="72">
        <v>42</v>
      </c>
      <c r="CW30" s="73">
        <v>73</v>
      </c>
      <c r="CX30" s="123">
        <v>5</v>
      </c>
      <c r="CY30" s="82">
        <v>4</v>
      </c>
      <c r="CZ30" s="83">
        <v>9</v>
      </c>
      <c r="DA30" s="241"/>
      <c r="DB30" s="82">
        <v>5</v>
      </c>
      <c r="DC30" s="82">
        <v>1</v>
      </c>
      <c r="DD30" s="82">
        <v>8</v>
      </c>
      <c r="DE30" s="82">
        <v>2</v>
      </c>
      <c r="DF30" s="82">
        <v>0</v>
      </c>
      <c r="DG30" s="84">
        <v>16</v>
      </c>
      <c r="DH30" s="85">
        <v>25</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0</v>
      </c>
      <c r="DZ30" s="71">
        <v>1</v>
      </c>
      <c r="EA30" s="71">
        <v>0</v>
      </c>
      <c r="EB30" s="71">
        <v>0</v>
      </c>
      <c r="EC30" s="72">
        <v>1</v>
      </c>
      <c r="ED30" s="73">
        <v>1</v>
      </c>
      <c r="EE30" s="70">
        <v>1</v>
      </c>
      <c r="EF30" s="71">
        <v>0</v>
      </c>
      <c r="EG30" s="72">
        <v>1</v>
      </c>
      <c r="EH30" s="244"/>
      <c r="EI30" s="71">
        <v>0</v>
      </c>
      <c r="EJ30" s="71">
        <v>1</v>
      </c>
      <c r="EK30" s="71">
        <v>0</v>
      </c>
      <c r="EL30" s="71">
        <v>0</v>
      </c>
      <c r="EM30" s="71">
        <v>0</v>
      </c>
      <c r="EN30" s="72">
        <v>1</v>
      </c>
      <c r="EO30" s="73">
        <v>2</v>
      </c>
      <c r="EP30" s="70">
        <v>2</v>
      </c>
      <c r="EQ30" s="71">
        <v>0</v>
      </c>
      <c r="ER30" s="72">
        <v>2</v>
      </c>
      <c r="ES30" s="244"/>
      <c r="ET30" s="71">
        <v>1</v>
      </c>
      <c r="EU30" s="71">
        <v>0</v>
      </c>
      <c r="EV30" s="71">
        <v>0</v>
      </c>
      <c r="EW30" s="71">
        <v>0</v>
      </c>
      <c r="EX30" s="71">
        <v>0</v>
      </c>
      <c r="EY30" s="72">
        <v>1</v>
      </c>
      <c r="EZ30" s="73">
        <v>3</v>
      </c>
      <c r="FA30" s="70">
        <v>1</v>
      </c>
      <c r="FB30" s="71">
        <v>2</v>
      </c>
      <c r="FC30" s="72">
        <v>3</v>
      </c>
      <c r="FD30" s="244"/>
      <c r="FE30" s="71">
        <v>2</v>
      </c>
      <c r="FF30" s="71">
        <v>0</v>
      </c>
      <c r="FG30" s="71">
        <v>3</v>
      </c>
      <c r="FH30" s="71">
        <v>0</v>
      </c>
      <c r="FI30" s="71">
        <v>0</v>
      </c>
      <c r="FJ30" s="72">
        <v>5</v>
      </c>
      <c r="FK30" s="73">
        <v>8</v>
      </c>
      <c r="FL30" s="70">
        <v>1</v>
      </c>
      <c r="FM30" s="71">
        <v>2</v>
      </c>
      <c r="FN30" s="72">
        <v>3</v>
      </c>
      <c r="FO30" s="244"/>
      <c r="FP30" s="71">
        <v>2</v>
      </c>
      <c r="FQ30" s="71">
        <v>0</v>
      </c>
      <c r="FR30" s="71">
        <v>4</v>
      </c>
      <c r="FS30" s="71">
        <v>2</v>
      </c>
      <c r="FT30" s="71">
        <v>0</v>
      </c>
      <c r="FU30" s="72">
        <v>8</v>
      </c>
      <c r="FV30" s="73">
        <v>11</v>
      </c>
      <c r="FW30" s="70">
        <v>0</v>
      </c>
      <c r="FX30" s="71">
        <v>0</v>
      </c>
      <c r="FY30" s="72">
        <v>0</v>
      </c>
      <c r="FZ30" s="244"/>
      <c r="GA30" s="71">
        <v>0</v>
      </c>
      <c r="GB30" s="71">
        <v>0</v>
      </c>
      <c r="GC30" s="71">
        <v>0</v>
      </c>
      <c r="GD30" s="71">
        <v>0</v>
      </c>
      <c r="GE30" s="71">
        <v>0</v>
      </c>
      <c r="GF30" s="72">
        <v>0</v>
      </c>
      <c r="GG30" s="73">
        <v>0</v>
      </c>
      <c r="GH30" s="70">
        <v>5</v>
      </c>
      <c r="GI30" s="71">
        <v>4</v>
      </c>
      <c r="GJ30" s="72">
        <v>9</v>
      </c>
      <c r="GK30" s="244"/>
      <c r="GL30" s="71">
        <v>5</v>
      </c>
      <c r="GM30" s="71">
        <v>1</v>
      </c>
      <c r="GN30" s="71">
        <v>8</v>
      </c>
      <c r="GO30" s="71">
        <v>2</v>
      </c>
      <c r="GP30" s="71">
        <v>0</v>
      </c>
      <c r="GQ30" s="72">
        <v>16</v>
      </c>
      <c r="GR30" s="73">
        <v>25</v>
      </c>
      <c r="GS30" s="123">
        <v>20</v>
      </c>
      <c r="GT30" s="82">
        <v>20</v>
      </c>
      <c r="GU30" s="83">
        <v>40</v>
      </c>
      <c r="GV30" s="241"/>
      <c r="GW30" s="82">
        <v>16</v>
      </c>
      <c r="GX30" s="82">
        <v>13</v>
      </c>
      <c r="GY30" s="82">
        <v>17</v>
      </c>
      <c r="GZ30" s="82">
        <v>10</v>
      </c>
      <c r="HA30" s="82">
        <v>2</v>
      </c>
      <c r="HB30" s="84">
        <v>58</v>
      </c>
      <c r="HC30" s="85">
        <v>98</v>
      </c>
      <c r="HD30" s="70">
        <v>0</v>
      </c>
      <c r="HE30" s="71">
        <v>1</v>
      </c>
      <c r="HF30" s="72">
        <v>1</v>
      </c>
      <c r="HG30" s="244"/>
      <c r="HH30" s="71">
        <v>0</v>
      </c>
      <c r="HI30" s="71">
        <v>0</v>
      </c>
      <c r="HJ30" s="71">
        <v>0</v>
      </c>
      <c r="HK30" s="71">
        <v>1</v>
      </c>
      <c r="HL30" s="71">
        <v>0</v>
      </c>
      <c r="HM30" s="72">
        <v>1</v>
      </c>
      <c r="HN30" s="73">
        <v>2</v>
      </c>
      <c r="HO30" s="70">
        <v>1</v>
      </c>
      <c r="HP30" s="71">
        <v>0</v>
      </c>
      <c r="HQ30" s="72">
        <v>1</v>
      </c>
      <c r="HR30" s="244"/>
      <c r="HS30" s="71">
        <v>1</v>
      </c>
      <c r="HT30" s="71">
        <v>2</v>
      </c>
      <c r="HU30" s="71">
        <v>1</v>
      </c>
      <c r="HV30" s="71">
        <v>0</v>
      </c>
      <c r="HW30" s="71">
        <v>0</v>
      </c>
      <c r="HX30" s="72">
        <v>4</v>
      </c>
      <c r="HY30" s="73">
        <v>5</v>
      </c>
      <c r="HZ30" s="70">
        <v>4</v>
      </c>
      <c r="IA30" s="71">
        <v>3</v>
      </c>
      <c r="IB30" s="72">
        <v>7</v>
      </c>
      <c r="IC30" s="244"/>
      <c r="ID30" s="71">
        <v>0</v>
      </c>
      <c r="IE30" s="71">
        <v>4</v>
      </c>
      <c r="IF30" s="71">
        <v>0</v>
      </c>
      <c r="IG30" s="71">
        <v>0</v>
      </c>
      <c r="IH30" s="71">
        <v>0</v>
      </c>
      <c r="II30" s="72">
        <v>4</v>
      </c>
      <c r="IJ30" s="73">
        <v>11</v>
      </c>
      <c r="IK30" s="70">
        <v>6</v>
      </c>
      <c r="IL30" s="71">
        <v>6</v>
      </c>
      <c r="IM30" s="72">
        <v>12</v>
      </c>
      <c r="IN30" s="244"/>
      <c r="IO30" s="71">
        <v>5</v>
      </c>
      <c r="IP30" s="71">
        <v>1</v>
      </c>
      <c r="IQ30" s="71">
        <v>2</v>
      </c>
      <c r="IR30" s="71">
        <v>2</v>
      </c>
      <c r="IS30" s="71">
        <v>0</v>
      </c>
      <c r="IT30" s="72">
        <v>10</v>
      </c>
      <c r="IU30" s="73">
        <v>22</v>
      </c>
      <c r="IV30" s="70">
        <v>3</v>
      </c>
      <c r="IW30" s="71">
        <v>6</v>
      </c>
      <c r="IX30" s="72">
        <v>9</v>
      </c>
      <c r="IY30" s="244"/>
      <c r="IZ30" s="71">
        <v>5</v>
      </c>
      <c r="JA30" s="71">
        <v>3</v>
      </c>
      <c r="JB30" s="71">
        <v>7</v>
      </c>
      <c r="JC30" s="71">
        <v>4</v>
      </c>
      <c r="JD30" s="71">
        <v>2</v>
      </c>
      <c r="JE30" s="72">
        <v>21</v>
      </c>
      <c r="JF30" s="73">
        <v>30</v>
      </c>
      <c r="JG30" s="70">
        <v>6</v>
      </c>
      <c r="JH30" s="71">
        <v>4</v>
      </c>
      <c r="JI30" s="72">
        <v>10</v>
      </c>
      <c r="JJ30" s="244"/>
      <c r="JK30" s="71">
        <v>5</v>
      </c>
      <c r="JL30" s="71">
        <v>3</v>
      </c>
      <c r="JM30" s="71">
        <v>7</v>
      </c>
      <c r="JN30" s="71">
        <v>3</v>
      </c>
      <c r="JO30" s="71">
        <v>0</v>
      </c>
      <c r="JP30" s="72">
        <v>18</v>
      </c>
      <c r="JQ30" s="73">
        <v>28</v>
      </c>
      <c r="JR30" s="70">
        <v>0</v>
      </c>
      <c r="JS30" s="71">
        <v>0</v>
      </c>
      <c r="JT30" s="72">
        <v>0</v>
      </c>
      <c r="JU30" s="244"/>
      <c r="JV30" s="71">
        <v>0</v>
      </c>
      <c r="JW30" s="71">
        <v>0</v>
      </c>
      <c r="JX30" s="71">
        <v>0</v>
      </c>
      <c r="JY30" s="71">
        <v>0</v>
      </c>
      <c r="JZ30" s="71">
        <v>0</v>
      </c>
      <c r="KA30" s="72">
        <v>0</v>
      </c>
      <c r="KB30" s="73">
        <v>0</v>
      </c>
      <c r="KC30" s="70">
        <v>20</v>
      </c>
      <c r="KD30" s="71">
        <v>20</v>
      </c>
      <c r="KE30" s="72">
        <v>40</v>
      </c>
      <c r="KF30" s="244"/>
      <c r="KG30" s="71">
        <v>16</v>
      </c>
      <c r="KH30" s="71">
        <v>13</v>
      </c>
      <c r="KI30" s="71">
        <v>17</v>
      </c>
      <c r="KJ30" s="71">
        <v>10</v>
      </c>
      <c r="KK30" s="71">
        <v>2</v>
      </c>
      <c r="KL30" s="72">
        <v>58</v>
      </c>
      <c r="KM30" s="73">
        <v>98</v>
      </c>
    </row>
    <row r="31" spans="2:299" ht="21" customHeight="1" x14ac:dyDescent="0.2">
      <c r="B31" s="126" t="s">
        <v>28</v>
      </c>
      <c r="C31" s="315">
        <v>1</v>
      </c>
      <c r="D31" s="82">
        <v>2</v>
      </c>
      <c r="E31" s="83">
        <v>3</v>
      </c>
      <c r="F31" s="241"/>
      <c r="G31" s="82">
        <v>6</v>
      </c>
      <c r="H31" s="82">
        <v>4</v>
      </c>
      <c r="I31" s="82">
        <v>4</v>
      </c>
      <c r="J31" s="82">
        <v>2</v>
      </c>
      <c r="K31" s="82">
        <v>2</v>
      </c>
      <c r="L31" s="84">
        <v>18</v>
      </c>
      <c r="M31" s="85">
        <v>21</v>
      </c>
      <c r="N31" s="70">
        <v>0</v>
      </c>
      <c r="O31" s="71">
        <v>1</v>
      </c>
      <c r="P31" s="72">
        <v>1</v>
      </c>
      <c r="Q31" s="244"/>
      <c r="R31" s="71">
        <v>0</v>
      </c>
      <c r="S31" s="71">
        <v>0</v>
      </c>
      <c r="T31" s="71">
        <v>1</v>
      </c>
      <c r="U31" s="71">
        <v>0</v>
      </c>
      <c r="V31" s="71">
        <v>0</v>
      </c>
      <c r="W31" s="72">
        <v>1</v>
      </c>
      <c r="X31" s="73">
        <v>2</v>
      </c>
      <c r="Y31" s="70">
        <v>0</v>
      </c>
      <c r="Z31" s="71">
        <v>1</v>
      </c>
      <c r="AA31" s="72">
        <v>1</v>
      </c>
      <c r="AB31" s="244"/>
      <c r="AC31" s="71">
        <v>1</v>
      </c>
      <c r="AD31" s="71">
        <v>1</v>
      </c>
      <c r="AE31" s="71">
        <v>0</v>
      </c>
      <c r="AF31" s="71">
        <v>0</v>
      </c>
      <c r="AG31" s="71">
        <v>0</v>
      </c>
      <c r="AH31" s="72">
        <v>2</v>
      </c>
      <c r="AI31" s="73">
        <v>3</v>
      </c>
      <c r="AJ31" s="70">
        <v>0</v>
      </c>
      <c r="AK31" s="71">
        <v>0</v>
      </c>
      <c r="AL31" s="72">
        <v>0</v>
      </c>
      <c r="AM31" s="244"/>
      <c r="AN31" s="71">
        <v>1</v>
      </c>
      <c r="AO31" s="71">
        <v>1</v>
      </c>
      <c r="AP31" s="71">
        <v>0</v>
      </c>
      <c r="AQ31" s="71">
        <v>0</v>
      </c>
      <c r="AR31" s="71">
        <v>1</v>
      </c>
      <c r="AS31" s="72">
        <v>3</v>
      </c>
      <c r="AT31" s="73">
        <v>3</v>
      </c>
      <c r="AU31" s="70">
        <v>0</v>
      </c>
      <c r="AV31" s="71">
        <v>0</v>
      </c>
      <c r="AW31" s="72">
        <v>0</v>
      </c>
      <c r="AX31" s="244"/>
      <c r="AY31" s="71">
        <v>3</v>
      </c>
      <c r="AZ31" s="71">
        <v>1</v>
      </c>
      <c r="BA31" s="71">
        <v>0</v>
      </c>
      <c r="BB31" s="71">
        <v>1</v>
      </c>
      <c r="BC31" s="71">
        <v>0</v>
      </c>
      <c r="BD31" s="72">
        <v>5</v>
      </c>
      <c r="BE31" s="73">
        <v>5</v>
      </c>
      <c r="BF31" s="70">
        <v>1</v>
      </c>
      <c r="BG31" s="71">
        <v>0</v>
      </c>
      <c r="BH31" s="72">
        <v>1</v>
      </c>
      <c r="BI31" s="244"/>
      <c r="BJ31" s="71">
        <v>1</v>
      </c>
      <c r="BK31" s="71">
        <v>0</v>
      </c>
      <c r="BL31" s="71">
        <v>0</v>
      </c>
      <c r="BM31" s="71">
        <v>0</v>
      </c>
      <c r="BN31" s="71">
        <v>0</v>
      </c>
      <c r="BO31" s="72">
        <v>1</v>
      </c>
      <c r="BP31" s="73">
        <v>2</v>
      </c>
      <c r="BQ31" s="70">
        <v>0</v>
      </c>
      <c r="BR31" s="71">
        <v>0</v>
      </c>
      <c r="BS31" s="72">
        <v>0</v>
      </c>
      <c r="BT31" s="244"/>
      <c r="BU31" s="71">
        <v>0</v>
      </c>
      <c r="BV31" s="71">
        <v>1</v>
      </c>
      <c r="BW31" s="71">
        <v>3</v>
      </c>
      <c r="BX31" s="71">
        <v>1</v>
      </c>
      <c r="BY31" s="71">
        <v>1</v>
      </c>
      <c r="BZ31" s="72">
        <v>6</v>
      </c>
      <c r="CA31" s="73">
        <v>6</v>
      </c>
      <c r="CB31" s="70">
        <v>0</v>
      </c>
      <c r="CC31" s="71">
        <v>0</v>
      </c>
      <c r="CD31" s="72">
        <v>0</v>
      </c>
      <c r="CE31" s="244"/>
      <c r="CF31" s="71">
        <v>0</v>
      </c>
      <c r="CG31" s="71">
        <v>0</v>
      </c>
      <c r="CH31" s="71">
        <v>0</v>
      </c>
      <c r="CI31" s="71">
        <v>0</v>
      </c>
      <c r="CJ31" s="71">
        <v>0</v>
      </c>
      <c r="CK31" s="72">
        <v>0</v>
      </c>
      <c r="CL31" s="73">
        <v>0</v>
      </c>
      <c r="CM31" s="70">
        <v>1</v>
      </c>
      <c r="CN31" s="71">
        <v>2</v>
      </c>
      <c r="CO31" s="72">
        <v>3</v>
      </c>
      <c r="CP31" s="244"/>
      <c r="CQ31" s="71">
        <v>6</v>
      </c>
      <c r="CR31" s="71">
        <v>4</v>
      </c>
      <c r="CS31" s="71">
        <v>4</v>
      </c>
      <c r="CT31" s="71">
        <v>2</v>
      </c>
      <c r="CU31" s="71">
        <v>2</v>
      </c>
      <c r="CV31" s="72">
        <v>18</v>
      </c>
      <c r="CW31" s="73">
        <v>21</v>
      </c>
      <c r="CX31" s="123">
        <v>0</v>
      </c>
      <c r="CY31" s="82">
        <v>0</v>
      </c>
      <c r="CZ31" s="83">
        <v>0</v>
      </c>
      <c r="DA31" s="241"/>
      <c r="DB31" s="82">
        <v>0</v>
      </c>
      <c r="DC31" s="82">
        <v>1</v>
      </c>
      <c r="DD31" s="82">
        <v>1</v>
      </c>
      <c r="DE31" s="82">
        <v>2</v>
      </c>
      <c r="DF31" s="82">
        <v>0</v>
      </c>
      <c r="DG31" s="84">
        <v>4</v>
      </c>
      <c r="DH31" s="85">
        <v>4</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1</v>
      </c>
      <c r="EA31" s="71">
        <v>0</v>
      </c>
      <c r="EB31" s="71">
        <v>0</v>
      </c>
      <c r="EC31" s="72">
        <v>1</v>
      </c>
      <c r="ED31" s="73">
        <v>1</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0</v>
      </c>
      <c r="FF31" s="71">
        <v>0</v>
      </c>
      <c r="FG31" s="71">
        <v>0</v>
      </c>
      <c r="FH31" s="71">
        <v>2</v>
      </c>
      <c r="FI31" s="71">
        <v>0</v>
      </c>
      <c r="FJ31" s="72">
        <v>2</v>
      </c>
      <c r="FK31" s="73">
        <v>2</v>
      </c>
      <c r="FL31" s="70">
        <v>0</v>
      </c>
      <c r="FM31" s="71">
        <v>0</v>
      </c>
      <c r="FN31" s="72">
        <v>0</v>
      </c>
      <c r="FO31" s="244"/>
      <c r="FP31" s="71">
        <v>0</v>
      </c>
      <c r="FQ31" s="71">
        <v>0</v>
      </c>
      <c r="FR31" s="71">
        <v>0</v>
      </c>
      <c r="FS31" s="71">
        <v>0</v>
      </c>
      <c r="FT31" s="71">
        <v>0</v>
      </c>
      <c r="FU31" s="72">
        <v>0</v>
      </c>
      <c r="FV31" s="73">
        <v>0</v>
      </c>
      <c r="FW31" s="70">
        <v>0</v>
      </c>
      <c r="FX31" s="71">
        <v>0</v>
      </c>
      <c r="FY31" s="72">
        <v>0</v>
      </c>
      <c r="FZ31" s="244"/>
      <c r="GA31" s="71">
        <v>0</v>
      </c>
      <c r="GB31" s="71">
        <v>0</v>
      </c>
      <c r="GC31" s="71">
        <v>0</v>
      </c>
      <c r="GD31" s="71">
        <v>0</v>
      </c>
      <c r="GE31" s="71">
        <v>0</v>
      </c>
      <c r="GF31" s="72">
        <v>0</v>
      </c>
      <c r="GG31" s="73">
        <v>0</v>
      </c>
      <c r="GH31" s="70">
        <v>0</v>
      </c>
      <c r="GI31" s="71">
        <v>0</v>
      </c>
      <c r="GJ31" s="72">
        <v>0</v>
      </c>
      <c r="GK31" s="244"/>
      <c r="GL31" s="71">
        <v>0</v>
      </c>
      <c r="GM31" s="71">
        <v>1</v>
      </c>
      <c r="GN31" s="71">
        <v>1</v>
      </c>
      <c r="GO31" s="71">
        <v>2</v>
      </c>
      <c r="GP31" s="71">
        <v>0</v>
      </c>
      <c r="GQ31" s="72">
        <v>4</v>
      </c>
      <c r="GR31" s="73">
        <v>4</v>
      </c>
      <c r="GS31" s="123">
        <v>1</v>
      </c>
      <c r="GT31" s="82">
        <v>2</v>
      </c>
      <c r="GU31" s="83">
        <v>3</v>
      </c>
      <c r="GV31" s="241"/>
      <c r="GW31" s="82">
        <v>6</v>
      </c>
      <c r="GX31" s="82">
        <v>5</v>
      </c>
      <c r="GY31" s="82">
        <v>5</v>
      </c>
      <c r="GZ31" s="82">
        <v>4</v>
      </c>
      <c r="HA31" s="82">
        <v>2</v>
      </c>
      <c r="HB31" s="84">
        <v>22</v>
      </c>
      <c r="HC31" s="85">
        <v>25</v>
      </c>
      <c r="HD31" s="70">
        <v>0</v>
      </c>
      <c r="HE31" s="71">
        <v>1</v>
      </c>
      <c r="HF31" s="72">
        <v>1</v>
      </c>
      <c r="HG31" s="244"/>
      <c r="HH31" s="71">
        <v>0</v>
      </c>
      <c r="HI31" s="71">
        <v>0</v>
      </c>
      <c r="HJ31" s="71">
        <v>1</v>
      </c>
      <c r="HK31" s="71">
        <v>0</v>
      </c>
      <c r="HL31" s="71">
        <v>0</v>
      </c>
      <c r="HM31" s="72">
        <v>1</v>
      </c>
      <c r="HN31" s="73">
        <v>2</v>
      </c>
      <c r="HO31" s="70">
        <v>0</v>
      </c>
      <c r="HP31" s="71">
        <v>1</v>
      </c>
      <c r="HQ31" s="72">
        <v>1</v>
      </c>
      <c r="HR31" s="244"/>
      <c r="HS31" s="71">
        <v>1</v>
      </c>
      <c r="HT31" s="71">
        <v>1</v>
      </c>
      <c r="HU31" s="71">
        <v>1</v>
      </c>
      <c r="HV31" s="71">
        <v>0</v>
      </c>
      <c r="HW31" s="71">
        <v>0</v>
      </c>
      <c r="HX31" s="72">
        <v>3</v>
      </c>
      <c r="HY31" s="73">
        <v>4</v>
      </c>
      <c r="HZ31" s="70">
        <v>0</v>
      </c>
      <c r="IA31" s="71">
        <v>0</v>
      </c>
      <c r="IB31" s="72">
        <v>0</v>
      </c>
      <c r="IC31" s="244"/>
      <c r="ID31" s="71">
        <v>1</v>
      </c>
      <c r="IE31" s="71">
        <v>1</v>
      </c>
      <c r="IF31" s="71">
        <v>0</v>
      </c>
      <c r="IG31" s="71">
        <v>0</v>
      </c>
      <c r="IH31" s="71">
        <v>1</v>
      </c>
      <c r="II31" s="72">
        <v>3</v>
      </c>
      <c r="IJ31" s="73">
        <v>3</v>
      </c>
      <c r="IK31" s="70">
        <v>0</v>
      </c>
      <c r="IL31" s="71">
        <v>0</v>
      </c>
      <c r="IM31" s="72">
        <v>0</v>
      </c>
      <c r="IN31" s="244"/>
      <c r="IO31" s="71">
        <v>3</v>
      </c>
      <c r="IP31" s="71">
        <v>2</v>
      </c>
      <c r="IQ31" s="71">
        <v>0</v>
      </c>
      <c r="IR31" s="71">
        <v>1</v>
      </c>
      <c r="IS31" s="71">
        <v>0</v>
      </c>
      <c r="IT31" s="72">
        <v>6</v>
      </c>
      <c r="IU31" s="73">
        <v>6</v>
      </c>
      <c r="IV31" s="70">
        <v>1</v>
      </c>
      <c r="IW31" s="71">
        <v>0</v>
      </c>
      <c r="IX31" s="72">
        <v>1</v>
      </c>
      <c r="IY31" s="244"/>
      <c r="IZ31" s="71">
        <v>1</v>
      </c>
      <c r="JA31" s="71">
        <v>0</v>
      </c>
      <c r="JB31" s="71">
        <v>0</v>
      </c>
      <c r="JC31" s="71">
        <v>2</v>
      </c>
      <c r="JD31" s="71">
        <v>0</v>
      </c>
      <c r="JE31" s="72">
        <v>3</v>
      </c>
      <c r="JF31" s="73">
        <v>4</v>
      </c>
      <c r="JG31" s="70">
        <v>0</v>
      </c>
      <c r="JH31" s="71">
        <v>0</v>
      </c>
      <c r="JI31" s="72">
        <v>0</v>
      </c>
      <c r="JJ31" s="244"/>
      <c r="JK31" s="71">
        <v>0</v>
      </c>
      <c r="JL31" s="71">
        <v>1</v>
      </c>
      <c r="JM31" s="71">
        <v>3</v>
      </c>
      <c r="JN31" s="71">
        <v>1</v>
      </c>
      <c r="JO31" s="71">
        <v>1</v>
      </c>
      <c r="JP31" s="72">
        <v>6</v>
      </c>
      <c r="JQ31" s="73">
        <v>6</v>
      </c>
      <c r="JR31" s="70">
        <v>0</v>
      </c>
      <c r="JS31" s="71">
        <v>0</v>
      </c>
      <c r="JT31" s="72">
        <v>0</v>
      </c>
      <c r="JU31" s="244"/>
      <c r="JV31" s="71">
        <v>0</v>
      </c>
      <c r="JW31" s="71">
        <v>0</v>
      </c>
      <c r="JX31" s="71">
        <v>0</v>
      </c>
      <c r="JY31" s="71">
        <v>0</v>
      </c>
      <c r="JZ31" s="71">
        <v>0</v>
      </c>
      <c r="KA31" s="72">
        <v>0</v>
      </c>
      <c r="KB31" s="73">
        <v>0</v>
      </c>
      <c r="KC31" s="70">
        <v>1</v>
      </c>
      <c r="KD31" s="71">
        <v>2</v>
      </c>
      <c r="KE31" s="72">
        <v>3</v>
      </c>
      <c r="KF31" s="244"/>
      <c r="KG31" s="71">
        <v>6</v>
      </c>
      <c r="KH31" s="71">
        <v>5</v>
      </c>
      <c r="KI31" s="71">
        <v>5</v>
      </c>
      <c r="KJ31" s="71">
        <v>4</v>
      </c>
      <c r="KK31" s="71">
        <v>2</v>
      </c>
      <c r="KL31" s="72">
        <v>22</v>
      </c>
      <c r="KM31" s="73">
        <v>25</v>
      </c>
    </row>
    <row r="32" spans="2:299" ht="21" customHeight="1" x14ac:dyDescent="0.2">
      <c r="B32" s="126" t="s">
        <v>29</v>
      </c>
      <c r="C32" s="315">
        <v>1</v>
      </c>
      <c r="D32" s="82">
        <v>4</v>
      </c>
      <c r="E32" s="83">
        <v>5</v>
      </c>
      <c r="F32" s="241"/>
      <c r="G32" s="82">
        <v>8</v>
      </c>
      <c r="H32" s="82">
        <v>3</v>
      </c>
      <c r="I32" s="82">
        <v>4</v>
      </c>
      <c r="J32" s="82">
        <v>5</v>
      </c>
      <c r="K32" s="82">
        <v>0</v>
      </c>
      <c r="L32" s="84">
        <v>20</v>
      </c>
      <c r="M32" s="85">
        <v>25</v>
      </c>
      <c r="N32" s="70">
        <v>0</v>
      </c>
      <c r="O32" s="71">
        <v>0</v>
      </c>
      <c r="P32" s="72">
        <v>0</v>
      </c>
      <c r="Q32" s="244"/>
      <c r="R32" s="71">
        <v>0</v>
      </c>
      <c r="S32" s="71">
        <v>0</v>
      </c>
      <c r="T32" s="71">
        <v>1</v>
      </c>
      <c r="U32" s="71">
        <v>0</v>
      </c>
      <c r="V32" s="71">
        <v>0</v>
      </c>
      <c r="W32" s="72">
        <v>1</v>
      </c>
      <c r="X32" s="73">
        <v>1</v>
      </c>
      <c r="Y32" s="70">
        <v>0</v>
      </c>
      <c r="Z32" s="71">
        <v>0</v>
      </c>
      <c r="AA32" s="72">
        <v>0</v>
      </c>
      <c r="AB32" s="244"/>
      <c r="AC32" s="71">
        <v>0</v>
      </c>
      <c r="AD32" s="71">
        <v>1</v>
      </c>
      <c r="AE32" s="71">
        <v>0</v>
      </c>
      <c r="AF32" s="71">
        <v>1</v>
      </c>
      <c r="AG32" s="71">
        <v>0</v>
      </c>
      <c r="AH32" s="72">
        <v>2</v>
      </c>
      <c r="AI32" s="73">
        <v>2</v>
      </c>
      <c r="AJ32" s="70">
        <v>0</v>
      </c>
      <c r="AK32" s="71">
        <v>1</v>
      </c>
      <c r="AL32" s="72">
        <v>1</v>
      </c>
      <c r="AM32" s="244"/>
      <c r="AN32" s="71">
        <v>1</v>
      </c>
      <c r="AO32" s="71">
        <v>0</v>
      </c>
      <c r="AP32" s="71">
        <v>1</v>
      </c>
      <c r="AQ32" s="71">
        <v>0</v>
      </c>
      <c r="AR32" s="71">
        <v>0</v>
      </c>
      <c r="AS32" s="72">
        <v>2</v>
      </c>
      <c r="AT32" s="73">
        <v>3</v>
      </c>
      <c r="AU32" s="70">
        <v>0</v>
      </c>
      <c r="AV32" s="71">
        <v>1</v>
      </c>
      <c r="AW32" s="72">
        <v>1</v>
      </c>
      <c r="AX32" s="244"/>
      <c r="AY32" s="71">
        <v>3</v>
      </c>
      <c r="AZ32" s="71">
        <v>0</v>
      </c>
      <c r="BA32" s="71">
        <v>1</v>
      </c>
      <c r="BB32" s="71">
        <v>1</v>
      </c>
      <c r="BC32" s="71">
        <v>0</v>
      </c>
      <c r="BD32" s="72">
        <v>5</v>
      </c>
      <c r="BE32" s="73">
        <v>6</v>
      </c>
      <c r="BF32" s="70">
        <v>0</v>
      </c>
      <c r="BG32" s="71">
        <v>2</v>
      </c>
      <c r="BH32" s="72">
        <v>2</v>
      </c>
      <c r="BI32" s="244"/>
      <c r="BJ32" s="71">
        <v>2</v>
      </c>
      <c r="BK32" s="71">
        <v>0</v>
      </c>
      <c r="BL32" s="71">
        <v>0</v>
      </c>
      <c r="BM32" s="71">
        <v>1</v>
      </c>
      <c r="BN32" s="71">
        <v>0</v>
      </c>
      <c r="BO32" s="72">
        <v>3</v>
      </c>
      <c r="BP32" s="73">
        <v>5</v>
      </c>
      <c r="BQ32" s="70">
        <v>1</v>
      </c>
      <c r="BR32" s="71">
        <v>0</v>
      </c>
      <c r="BS32" s="72">
        <v>1</v>
      </c>
      <c r="BT32" s="244"/>
      <c r="BU32" s="71">
        <v>2</v>
      </c>
      <c r="BV32" s="71">
        <v>2</v>
      </c>
      <c r="BW32" s="71">
        <v>1</v>
      </c>
      <c r="BX32" s="71">
        <v>2</v>
      </c>
      <c r="BY32" s="71">
        <v>0</v>
      </c>
      <c r="BZ32" s="72">
        <v>7</v>
      </c>
      <c r="CA32" s="73">
        <v>8</v>
      </c>
      <c r="CB32" s="70">
        <v>0</v>
      </c>
      <c r="CC32" s="71">
        <v>0</v>
      </c>
      <c r="CD32" s="72">
        <v>0</v>
      </c>
      <c r="CE32" s="244"/>
      <c r="CF32" s="71">
        <v>0</v>
      </c>
      <c r="CG32" s="71">
        <v>0</v>
      </c>
      <c r="CH32" s="71">
        <v>0</v>
      </c>
      <c r="CI32" s="71">
        <v>0</v>
      </c>
      <c r="CJ32" s="71">
        <v>0</v>
      </c>
      <c r="CK32" s="72">
        <v>0</v>
      </c>
      <c r="CL32" s="73">
        <v>0</v>
      </c>
      <c r="CM32" s="70">
        <v>1</v>
      </c>
      <c r="CN32" s="71">
        <v>4</v>
      </c>
      <c r="CO32" s="72">
        <v>5</v>
      </c>
      <c r="CP32" s="244"/>
      <c r="CQ32" s="71">
        <v>8</v>
      </c>
      <c r="CR32" s="71">
        <v>3</v>
      </c>
      <c r="CS32" s="71">
        <v>4</v>
      </c>
      <c r="CT32" s="71">
        <v>5</v>
      </c>
      <c r="CU32" s="71">
        <v>0</v>
      </c>
      <c r="CV32" s="72">
        <v>20</v>
      </c>
      <c r="CW32" s="73">
        <v>25</v>
      </c>
      <c r="CX32" s="123">
        <v>2</v>
      </c>
      <c r="CY32" s="82">
        <v>0</v>
      </c>
      <c r="CZ32" s="83">
        <v>2</v>
      </c>
      <c r="DA32" s="241"/>
      <c r="DB32" s="82">
        <v>5</v>
      </c>
      <c r="DC32" s="82">
        <v>1</v>
      </c>
      <c r="DD32" s="82">
        <v>2</v>
      </c>
      <c r="DE32" s="82">
        <v>2</v>
      </c>
      <c r="DF32" s="82">
        <v>1</v>
      </c>
      <c r="DG32" s="84">
        <v>11</v>
      </c>
      <c r="DH32" s="85">
        <v>1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0</v>
      </c>
      <c r="EF32" s="71">
        <v>0</v>
      </c>
      <c r="EG32" s="72">
        <v>0</v>
      </c>
      <c r="EH32" s="244"/>
      <c r="EI32" s="71">
        <v>0</v>
      </c>
      <c r="EJ32" s="71">
        <v>0</v>
      </c>
      <c r="EK32" s="71">
        <v>0</v>
      </c>
      <c r="EL32" s="71">
        <v>0</v>
      </c>
      <c r="EM32" s="71">
        <v>0</v>
      </c>
      <c r="EN32" s="72">
        <v>0</v>
      </c>
      <c r="EO32" s="73">
        <v>0</v>
      </c>
      <c r="EP32" s="70">
        <v>2</v>
      </c>
      <c r="EQ32" s="71">
        <v>0</v>
      </c>
      <c r="ER32" s="72">
        <v>2</v>
      </c>
      <c r="ES32" s="244"/>
      <c r="ET32" s="71">
        <v>3</v>
      </c>
      <c r="EU32" s="71">
        <v>0</v>
      </c>
      <c r="EV32" s="71">
        <v>1</v>
      </c>
      <c r="EW32" s="71">
        <v>0</v>
      </c>
      <c r="EX32" s="71">
        <v>0</v>
      </c>
      <c r="EY32" s="72">
        <v>4</v>
      </c>
      <c r="EZ32" s="73">
        <v>6</v>
      </c>
      <c r="FA32" s="70">
        <v>0</v>
      </c>
      <c r="FB32" s="71">
        <v>0</v>
      </c>
      <c r="FC32" s="72">
        <v>0</v>
      </c>
      <c r="FD32" s="244"/>
      <c r="FE32" s="71">
        <v>1</v>
      </c>
      <c r="FF32" s="71">
        <v>0</v>
      </c>
      <c r="FG32" s="71">
        <v>0</v>
      </c>
      <c r="FH32" s="71">
        <v>0</v>
      </c>
      <c r="FI32" s="71">
        <v>1</v>
      </c>
      <c r="FJ32" s="72">
        <v>2</v>
      </c>
      <c r="FK32" s="73">
        <v>2</v>
      </c>
      <c r="FL32" s="70">
        <v>0</v>
      </c>
      <c r="FM32" s="71">
        <v>0</v>
      </c>
      <c r="FN32" s="72">
        <v>0</v>
      </c>
      <c r="FO32" s="244"/>
      <c r="FP32" s="71">
        <v>1</v>
      </c>
      <c r="FQ32" s="71">
        <v>1</v>
      </c>
      <c r="FR32" s="71">
        <v>1</v>
      </c>
      <c r="FS32" s="71">
        <v>2</v>
      </c>
      <c r="FT32" s="71">
        <v>0</v>
      </c>
      <c r="FU32" s="72">
        <v>5</v>
      </c>
      <c r="FV32" s="73">
        <v>5</v>
      </c>
      <c r="FW32" s="70">
        <v>0</v>
      </c>
      <c r="FX32" s="71">
        <v>0</v>
      </c>
      <c r="FY32" s="72">
        <v>0</v>
      </c>
      <c r="FZ32" s="244"/>
      <c r="GA32" s="71">
        <v>0</v>
      </c>
      <c r="GB32" s="71">
        <v>0</v>
      </c>
      <c r="GC32" s="71">
        <v>0</v>
      </c>
      <c r="GD32" s="71">
        <v>0</v>
      </c>
      <c r="GE32" s="71">
        <v>0</v>
      </c>
      <c r="GF32" s="72">
        <v>0</v>
      </c>
      <c r="GG32" s="73">
        <v>0</v>
      </c>
      <c r="GH32" s="70">
        <v>2</v>
      </c>
      <c r="GI32" s="71">
        <v>0</v>
      </c>
      <c r="GJ32" s="72">
        <v>2</v>
      </c>
      <c r="GK32" s="244"/>
      <c r="GL32" s="71">
        <v>5</v>
      </c>
      <c r="GM32" s="71">
        <v>1</v>
      </c>
      <c r="GN32" s="71">
        <v>2</v>
      </c>
      <c r="GO32" s="71">
        <v>2</v>
      </c>
      <c r="GP32" s="71">
        <v>1</v>
      </c>
      <c r="GQ32" s="72">
        <v>11</v>
      </c>
      <c r="GR32" s="73">
        <v>13</v>
      </c>
      <c r="GS32" s="123">
        <v>3</v>
      </c>
      <c r="GT32" s="82">
        <v>4</v>
      </c>
      <c r="GU32" s="83">
        <v>7</v>
      </c>
      <c r="GV32" s="241"/>
      <c r="GW32" s="82">
        <v>13</v>
      </c>
      <c r="GX32" s="82">
        <v>4</v>
      </c>
      <c r="GY32" s="82">
        <v>6</v>
      </c>
      <c r="GZ32" s="82">
        <v>7</v>
      </c>
      <c r="HA32" s="82">
        <v>1</v>
      </c>
      <c r="HB32" s="84">
        <v>31</v>
      </c>
      <c r="HC32" s="85">
        <v>38</v>
      </c>
      <c r="HD32" s="70">
        <v>0</v>
      </c>
      <c r="HE32" s="71">
        <v>0</v>
      </c>
      <c r="HF32" s="72">
        <v>0</v>
      </c>
      <c r="HG32" s="244"/>
      <c r="HH32" s="71">
        <v>0</v>
      </c>
      <c r="HI32" s="71">
        <v>0</v>
      </c>
      <c r="HJ32" s="71">
        <v>1</v>
      </c>
      <c r="HK32" s="71">
        <v>0</v>
      </c>
      <c r="HL32" s="71">
        <v>0</v>
      </c>
      <c r="HM32" s="72">
        <v>1</v>
      </c>
      <c r="HN32" s="73">
        <v>1</v>
      </c>
      <c r="HO32" s="70">
        <v>0</v>
      </c>
      <c r="HP32" s="71">
        <v>0</v>
      </c>
      <c r="HQ32" s="72">
        <v>0</v>
      </c>
      <c r="HR32" s="244"/>
      <c r="HS32" s="71">
        <v>0</v>
      </c>
      <c r="HT32" s="71">
        <v>1</v>
      </c>
      <c r="HU32" s="71">
        <v>0</v>
      </c>
      <c r="HV32" s="71">
        <v>1</v>
      </c>
      <c r="HW32" s="71">
        <v>0</v>
      </c>
      <c r="HX32" s="72">
        <v>2</v>
      </c>
      <c r="HY32" s="73">
        <v>2</v>
      </c>
      <c r="HZ32" s="70">
        <v>0</v>
      </c>
      <c r="IA32" s="71">
        <v>1</v>
      </c>
      <c r="IB32" s="72">
        <v>1</v>
      </c>
      <c r="IC32" s="244"/>
      <c r="ID32" s="71">
        <v>1</v>
      </c>
      <c r="IE32" s="71">
        <v>0</v>
      </c>
      <c r="IF32" s="71">
        <v>1</v>
      </c>
      <c r="IG32" s="71">
        <v>0</v>
      </c>
      <c r="IH32" s="71">
        <v>0</v>
      </c>
      <c r="II32" s="72">
        <v>2</v>
      </c>
      <c r="IJ32" s="73">
        <v>3</v>
      </c>
      <c r="IK32" s="70">
        <v>2</v>
      </c>
      <c r="IL32" s="71">
        <v>1</v>
      </c>
      <c r="IM32" s="72">
        <v>3</v>
      </c>
      <c r="IN32" s="244"/>
      <c r="IO32" s="71">
        <v>6</v>
      </c>
      <c r="IP32" s="71">
        <v>0</v>
      </c>
      <c r="IQ32" s="71">
        <v>2</v>
      </c>
      <c r="IR32" s="71">
        <v>1</v>
      </c>
      <c r="IS32" s="71">
        <v>0</v>
      </c>
      <c r="IT32" s="72">
        <v>9</v>
      </c>
      <c r="IU32" s="73">
        <v>12</v>
      </c>
      <c r="IV32" s="70">
        <v>0</v>
      </c>
      <c r="IW32" s="71">
        <v>2</v>
      </c>
      <c r="IX32" s="72">
        <v>2</v>
      </c>
      <c r="IY32" s="244"/>
      <c r="IZ32" s="71">
        <v>3</v>
      </c>
      <c r="JA32" s="71">
        <v>0</v>
      </c>
      <c r="JB32" s="71">
        <v>0</v>
      </c>
      <c r="JC32" s="71">
        <v>1</v>
      </c>
      <c r="JD32" s="71">
        <v>1</v>
      </c>
      <c r="JE32" s="72">
        <v>5</v>
      </c>
      <c r="JF32" s="73">
        <v>7</v>
      </c>
      <c r="JG32" s="70">
        <v>1</v>
      </c>
      <c r="JH32" s="71">
        <v>0</v>
      </c>
      <c r="JI32" s="72">
        <v>1</v>
      </c>
      <c r="JJ32" s="244"/>
      <c r="JK32" s="71">
        <v>3</v>
      </c>
      <c r="JL32" s="71">
        <v>3</v>
      </c>
      <c r="JM32" s="71">
        <v>2</v>
      </c>
      <c r="JN32" s="71">
        <v>4</v>
      </c>
      <c r="JO32" s="71">
        <v>0</v>
      </c>
      <c r="JP32" s="72">
        <v>12</v>
      </c>
      <c r="JQ32" s="73">
        <v>13</v>
      </c>
      <c r="JR32" s="70">
        <v>0</v>
      </c>
      <c r="JS32" s="71">
        <v>0</v>
      </c>
      <c r="JT32" s="72">
        <v>0</v>
      </c>
      <c r="JU32" s="244"/>
      <c r="JV32" s="71">
        <v>0</v>
      </c>
      <c r="JW32" s="71">
        <v>0</v>
      </c>
      <c r="JX32" s="71">
        <v>0</v>
      </c>
      <c r="JY32" s="71">
        <v>0</v>
      </c>
      <c r="JZ32" s="71">
        <v>0</v>
      </c>
      <c r="KA32" s="72">
        <v>0</v>
      </c>
      <c r="KB32" s="73">
        <v>0</v>
      </c>
      <c r="KC32" s="70">
        <v>3</v>
      </c>
      <c r="KD32" s="71">
        <v>4</v>
      </c>
      <c r="KE32" s="72">
        <v>7</v>
      </c>
      <c r="KF32" s="244"/>
      <c r="KG32" s="71">
        <v>13</v>
      </c>
      <c r="KH32" s="71">
        <v>4</v>
      </c>
      <c r="KI32" s="71">
        <v>6</v>
      </c>
      <c r="KJ32" s="71">
        <v>7</v>
      </c>
      <c r="KK32" s="71">
        <v>1</v>
      </c>
      <c r="KL32" s="72">
        <v>31</v>
      </c>
      <c r="KM32" s="73">
        <v>38</v>
      </c>
    </row>
    <row r="33" spans="2:299" ht="21" customHeight="1" x14ac:dyDescent="0.2">
      <c r="B33" s="126" t="s">
        <v>30</v>
      </c>
      <c r="C33" s="315">
        <v>2</v>
      </c>
      <c r="D33" s="82">
        <v>2</v>
      </c>
      <c r="E33" s="83">
        <v>4</v>
      </c>
      <c r="F33" s="241"/>
      <c r="G33" s="82">
        <v>6</v>
      </c>
      <c r="H33" s="82">
        <v>4</v>
      </c>
      <c r="I33" s="82">
        <v>2</v>
      </c>
      <c r="J33" s="82">
        <v>5</v>
      </c>
      <c r="K33" s="82">
        <v>1</v>
      </c>
      <c r="L33" s="84">
        <v>18</v>
      </c>
      <c r="M33" s="85">
        <v>22</v>
      </c>
      <c r="N33" s="70">
        <v>0</v>
      </c>
      <c r="O33" s="71">
        <v>0</v>
      </c>
      <c r="P33" s="72">
        <v>0</v>
      </c>
      <c r="Q33" s="244"/>
      <c r="R33" s="71">
        <v>0</v>
      </c>
      <c r="S33" s="71">
        <v>0</v>
      </c>
      <c r="T33" s="71">
        <v>0</v>
      </c>
      <c r="U33" s="71">
        <v>0</v>
      </c>
      <c r="V33" s="71">
        <v>0</v>
      </c>
      <c r="W33" s="72">
        <v>0</v>
      </c>
      <c r="X33" s="73">
        <v>0</v>
      </c>
      <c r="Y33" s="70">
        <v>0</v>
      </c>
      <c r="Z33" s="71">
        <v>0</v>
      </c>
      <c r="AA33" s="72">
        <v>0</v>
      </c>
      <c r="AB33" s="244"/>
      <c r="AC33" s="71">
        <v>1</v>
      </c>
      <c r="AD33" s="71">
        <v>0</v>
      </c>
      <c r="AE33" s="71">
        <v>0</v>
      </c>
      <c r="AF33" s="71">
        <v>1</v>
      </c>
      <c r="AG33" s="71">
        <v>0</v>
      </c>
      <c r="AH33" s="72">
        <v>2</v>
      </c>
      <c r="AI33" s="73">
        <v>2</v>
      </c>
      <c r="AJ33" s="70">
        <v>0</v>
      </c>
      <c r="AK33" s="71">
        <v>0</v>
      </c>
      <c r="AL33" s="72">
        <v>0</v>
      </c>
      <c r="AM33" s="244"/>
      <c r="AN33" s="71">
        <v>0</v>
      </c>
      <c r="AO33" s="71">
        <v>1</v>
      </c>
      <c r="AP33" s="71">
        <v>0</v>
      </c>
      <c r="AQ33" s="71">
        <v>0</v>
      </c>
      <c r="AR33" s="71">
        <v>0</v>
      </c>
      <c r="AS33" s="72">
        <v>1</v>
      </c>
      <c r="AT33" s="73">
        <v>1</v>
      </c>
      <c r="AU33" s="70">
        <v>0</v>
      </c>
      <c r="AV33" s="71">
        <v>1</v>
      </c>
      <c r="AW33" s="72">
        <v>1</v>
      </c>
      <c r="AX33" s="244"/>
      <c r="AY33" s="71">
        <v>1</v>
      </c>
      <c r="AZ33" s="71">
        <v>1</v>
      </c>
      <c r="BA33" s="71">
        <v>0</v>
      </c>
      <c r="BB33" s="71">
        <v>1</v>
      </c>
      <c r="BC33" s="71">
        <v>0</v>
      </c>
      <c r="BD33" s="72">
        <v>3</v>
      </c>
      <c r="BE33" s="73">
        <v>4</v>
      </c>
      <c r="BF33" s="70">
        <v>1</v>
      </c>
      <c r="BG33" s="71">
        <v>0</v>
      </c>
      <c r="BH33" s="72">
        <v>1</v>
      </c>
      <c r="BI33" s="244"/>
      <c r="BJ33" s="71">
        <v>2</v>
      </c>
      <c r="BK33" s="71">
        <v>1</v>
      </c>
      <c r="BL33" s="71">
        <v>1</v>
      </c>
      <c r="BM33" s="71">
        <v>2</v>
      </c>
      <c r="BN33" s="71">
        <v>1</v>
      </c>
      <c r="BO33" s="72">
        <v>7</v>
      </c>
      <c r="BP33" s="73">
        <v>8</v>
      </c>
      <c r="BQ33" s="70">
        <v>1</v>
      </c>
      <c r="BR33" s="71">
        <v>1</v>
      </c>
      <c r="BS33" s="72">
        <v>2</v>
      </c>
      <c r="BT33" s="244"/>
      <c r="BU33" s="71">
        <v>2</v>
      </c>
      <c r="BV33" s="71">
        <v>1</v>
      </c>
      <c r="BW33" s="71">
        <v>1</v>
      </c>
      <c r="BX33" s="71">
        <v>1</v>
      </c>
      <c r="BY33" s="71">
        <v>0</v>
      </c>
      <c r="BZ33" s="72">
        <v>5</v>
      </c>
      <c r="CA33" s="73">
        <v>7</v>
      </c>
      <c r="CB33" s="70">
        <v>0</v>
      </c>
      <c r="CC33" s="71">
        <v>0</v>
      </c>
      <c r="CD33" s="72">
        <v>0</v>
      </c>
      <c r="CE33" s="244"/>
      <c r="CF33" s="71">
        <v>0</v>
      </c>
      <c r="CG33" s="71">
        <v>0</v>
      </c>
      <c r="CH33" s="71">
        <v>0</v>
      </c>
      <c r="CI33" s="71">
        <v>0</v>
      </c>
      <c r="CJ33" s="71">
        <v>0</v>
      </c>
      <c r="CK33" s="72">
        <v>0</v>
      </c>
      <c r="CL33" s="73">
        <v>0</v>
      </c>
      <c r="CM33" s="70">
        <v>2</v>
      </c>
      <c r="CN33" s="71">
        <v>2</v>
      </c>
      <c r="CO33" s="72">
        <v>4</v>
      </c>
      <c r="CP33" s="244"/>
      <c r="CQ33" s="71">
        <v>6</v>
      </c>
      <c r="CR33" s="71">
        <v>4</v>
      </c>
      <c r="CS33" s="71">
        <v>2</v>
      </c>
      <c r="CT33" s="71">
        <v>5</v>
      </c>
      <c r="CU33" s="71">
        <v>1</v>
      </c>
      <c r="CV33" s="72">
        <v>18</v>
      </c>
      <c r="CW33" s="73">
        <v>22</v>
      </c>
      <c r="CX33" s="123">
        <v>2</v>
      </c>
      <c r="CY33" s="82">
        <v>0</v>
      </c>
      <c r="CZ33" s="83">
        <v>2</v>
      </c>
      <c r="DA33" s="241"/>
      <c r="DB33" s="82">
        <v>4</v>
      </c>
      <c r="DC33" s="82">
        <v>2</v>
      </c>
      <c r="DD33" s="82">
        <v>1</v>
      </c>
      <c r="DE33" s="82">
        <v>2</v>
      </c>
      <c r="DF33" s="82">
        <v>0</v>
      </c>
      <c r="DG33" s="84">
        <v>9</v>
      </c>
      <c r="DH33" s="85">
        <v>11</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0</v>
      </c>
      <c r="EA33" s="71">
        <v>0</v>
      </c>
      <c r="EB33" s="71">
        <v>0</v>
      </c>
      <c r="EC33" s="72">
        <v>0</v>
      </c>
      <c r="ED33" s="73">
        <v>0</v>
      </c>
      <c r="EE33" s="70">
        <v>0</v>
      </c>
      <c r="EF33" s="71">
        <v>0</v>
      </c>
      <c r="EG33" s="72">
        <v>0</v>
      </c>
      <c r="EH33" s="244"/>
      <c r="EI33" s="71">
        <v>0</v>
      </c>
      <c r="EJ33" s="71">
        <v>0</v>
      </c>
      <c r="EK33" s="71">
        <v>0</v>
      </c>
      <c r="EL33" s="71">
        <v>0</v>
      </c>
      <c r="EM33" s="71">
        <v>0</v>
      </c>
      <c r="EN33" s="72">
        <v>0</v>
      </c>
      <c r="EO33" s="73">
        <v>0</v>
      </c>
      <c r="EP33" s="70">
        <v>1</v>
      </c>
      <c r="EQ33" s="71">
        <v>0</v>
      </c>
      <c r="ER33" s="72">
        <v>1</v>
      </c>
      <c r="ES33" s="244"/>
      <c r="ET33" s="71">
        <v>0</v>
      </c>
      <c r="EU33" s="71">
        <v>0</v>
      </c>
      <c r="EV33" s="71">
        <v>0</v>
      </c>
      <c r="EW33" s="71">
        <v>1</v>
      </c>
      <c r="EX33" s="71">
        <v>0</v>
      </c>
      <c r="EY33" s="72">
        <v>1</v>
      </c>
      <c r="EZ33" s="73">
        <v>2</v>
      </c>
      <c r="FA33" s="70">
        <v>0</v>
      </c>
      <c r="FB33" s="71">
        <v>0</v>
      </c>
      <c r="FC33" s="72">
        <v>0</v>
      </c>
      <c r="FD33" s="244"/>
      <c r="FE33" s="71">
        <v>3</v>
      </c>
      <c r="FF33" s="71">
        <v>0</v>
      </c>
      <c r="FG33" s="71">
        <v>0</v>
      </c>
      <c r="FH33" s="71">
        <v>0</v>
      </c>
      <c r="FI33" s="71">
        <v>0</v>
      </c>
      <c r="FJ33" s="72">
        <v>3</v>
      </c>
      <c r="FK33" s="73">
        <v>3</v>
      </c>
      <c r="FL33" s="70">
        <v>1</v>
      </c>
      <c r="FM33" s="71">
        <v>0</v>
      </c>
      <c r="FN33" s="72">
        <v>1</v>
      </c>
      <c r="FO33" s="244"/>
      <c r="FP33" s="71">
        <v>1</v>
      </c>
      <c r="FQ33" s="71">
        <v>2</v>
      </c>
      <c r="FR33" s="71">
        <v>1</v>
      </c>
      <c r="FS33" s="71">
        <v>1</v>
      </c>
      <c r="FT33" s="71">
        <v>0</v>
      </c>
      <c r="FU33" s="72">
        <v>5</v>
      </c>
      <c r="FV33" s="73">
        <v>6</v>
      </c>
      <c r="FW33" s="70">
        <v>0</v>
      </c>
      <c r="FX33" s="71">
        <v>0</v>
      </c>
      <c r="FY33" s="72">
        <v>0</v>
      </c>
      <c r="FZ33" s="244"/>
      <c r="GA33" s="71">
        <v>0</v>
      </c>
      <c r="GB33" s="71">
        <v>0</v>
      </c>
      <c r="GC33" s="71">
        <v>0</v>
      </c>
      <c r="GD33" s="71">
        <v>0</v>
      </c>
      <c r="GE33" s="71">
        <v>0</v>
      </c>
      <c r="GF33" s="72">
        <v>0</v>
      </c>
      <c r="GG33" s="73">
        <v>0</v>
      </c>
      <c r="GH33" s="70">
        <v>2</v>
      </c>
      <c r="GI33" s="71">
        <v>0</v>
      </c>
      <c r="GJ33" s="72">
        <v>2</v>
      </c>
      <c r="GK33" s="244"/>
      <c r="GL33" s="71">
        <v>4</v>
      </c>
      <c r="GM33" s="71">
        <v>2</v>
      </c>
      <c r="GN33" s="71">
        <v>1</v>
      </c>
      <c r="GO33" s="71">
        <v>2</v>
      </c>
      <c r="GP33" s="71">
        <v>0</v>
      </c>
      <c r="GQ33" s="72">
        <v>9</v>
      </c>
      <c r="GR33" s="73">
        <v>11</v>
      </c>
      <c r="GS33" s="123">
        <v>4</v>
      </c>
      <c r="GT33" s="82">
        <v>2</v>
      </c>
      <c r="GU33" s="83">
        <v>6</v>
      </c>
      <c r="GV33" s="241"/>
      <c r="GW33" s="82">
        <v>10</v>
      </c>
      <c r="GX33" s="82">
        <v>6</v>
      </c>
      <c r="GY33" s="82">
        <v>3</v>
      </c>
      <c r="GZ33" s="82">
        <v>7</v>
      </c>
      <c r="HA33" s="82">
        <v>1</v>
      </c>
      <c r="HB33" s="84">
        <v>27</v>
      </c>
      <c r="HC33" s="85">
        <v>33</v>
      </c>
      <c r="HD33" s="70">
        <v>0</v>
      </c>
      <c r="HE33" s="71">
        <v>0</v>
      </c>
      <c r="HF33" s="72">
        <v>0</v>
      </c>
      <c r="HG33" s="244"/>
      <c r="HH33" s="71">
        <v>0</v>
      </c>
      <c r="HI33" s="71">
        <v>0</v>
      </c>
      <c r="HJ33" s="71">
        <v>0</v>
      </c>
      <c r="HK33" s="71">
        <v>0</v>
      </c>
      <c r="HL33" s="71">
        <v>0</v>
      </c>
      <c r="HM33" s="72">
        <v>0</v>
      </c>
      <c r="HN33" s="73">
        <v>0</v>
      </c>
      <c r="HO33" s="70">
        <v>0</v>
      </c>
      <c r="HP33" s="71">
        <v>0</v>
      </c>
      <c r="HQ33" s="72">
        <v>0</v>
      </c>
      <c r="HR33" s="244"/>
      <c r="HS33" s="71">
        <v>1</v>
      </c>
      <c r="HT33" s="71">
        <v>0</v>
      </c>
      <c r="HU33" s="71">
        <v>0</v>
      </c>
      <c r="HV33" s="71">
        <v>1</v>
      </c>
      <c r="HW33" s="71">
        <v>0</v>
      </c>
      <c r="HX33" s="72">
        <v>2</v>
      </c>
      <c r="HY33" s="73">
        <v>2</v>
      </c>
      <c r="HZ33" s="70">
        <v>0</v>
      </c>
      <c r="IA33" s="71">
        <v>0</v>
      </c>
      <c r="IB33" s="72">
        <v>0</v>
      </c>
      <c r="IC33" s="244"/>
      <c r="ID33" s="71">
        <v>0</v>
      </c>
      <c r="IE33" s="71">
        <v>1</v>
      </c>
      <c r="IF33" s="71">
        <v>0</v>
      </c>
      <c r="IG33" s="71">
        <v>0</v>
      </c>
      <c r="IH33" s="71">
        <v>0</v>
      </c>
      <c r="II33" s="72">
        <v>1</v>
      </c>
      <c r="IJ33" s="73">
        <v>1</v>
      </c>
      <c r="IK33" s="70">
        <v>1</v>
      </c>
      <c r="IL33" s="71">
        <v>1</v>
      </c>
      <c r="IM33" s="72">
        <v>2</v>
      </c>
      <c r="IN33" s="244"/>
      <c r="IO33" s="71">
        <v>1</v>
      </c>
      <c r="IP33" s="71">
        <v>1</v>
      </c>
      <c r="IQ33" s="71">
        <v>0</v>
      </c>
      <c r="IR33" s="71">
        <v>2</v>
      </c>
      <c r="IS33" s="71">
        <v>0</v>
      </c>
      <c r="IT33" s="72">
        <v>4</v>
      </c>
      <c r="IU33" s="73">
        <v>6</v>
      </c>
      <c r="IV33" s="70">
        <v>1</v>
      </c>
      <c r="IW33" s="71">
        <v>0</v>
      </c>
      <c r="IX33" s="72">
        <v>1</v>
      </c>
      <c r="IY33" s="244"/>
      <c r="IZ33" s="71">
        <v>5</v>
      </c>
      <c r="JA33" s="71">
        <v>1</v>
      </c>
      <c r="JB33" s="71">
        <v>1</v>
      </c>
      <c r="JC33" s="71">
        <v>2</v>
      </c>
      <c r="JD33" s="71">
        <v>1</v>
      </c>
      <c r="JE33" s="72">
        <v>10</v>
      </c>
      <c r="JF33" s="73">
        <v>11</v>
      </c>
      <c r="JG33" s="70">
        <v>2</v>
      </c>
      <c r="JH33" s="71">
        <v>1</v>
      </c>
      <c r="JI33" s="72">
        <v>3</v>
      </c>
      <c r="JJ33" s="244"/>
      <c r="JK33" s="71">
        <v>3</v>
      </c>
      <c r="JL33" s="71">
        <v>3</v>
      </c>
      <c r="JM33" s="71">
        <v>2</v>
      </c>
      <c r="JN33" s="71">
        <v>2</v>
      </c>
      <c r="JO33" s="71">
        <v>0</v>
      </c>
      <c r="JP33" s="72">
        <v>10</v>
      </c>
      <c r="JQ33" s="73">
        <v>13</v>
      </c>
      <c r="JR33" s="70">
        <v>0</v>
      </c>
      <c r="JS33" s="71">
        <v>0</v>
      </c>
      <c r="JT33" s="72">
        <v>0</v>
      </c>
      <c r="JU33" s="244"/>
      <c r="JV33" s="71">
        <v>0</v>
      </c>
      <c r="JW33" s="71">
        <v>0</v>
      </c>
      <c r="JX33" s="71">
        <v>0</v>
      </c>
      <c r="JY33" s="71">
        <v>0</v>
      </c>
      <c r="JZ33" s="71">
        <v>0</v>
      </c>
      <c r="KA33" s="72">
        <v>0</v>
      </c>
      <c r="KB33" s="73">
        <v>0</v>
      </c>
      <c r="KC33" s="70">
        <v>4</v>
      </c>
      <c r="KD33" s="71">
        <v>2</v>
      </c>
      <c r="KE33" s="72">
        <v>6</v>
      </c>
      <c r="KF33" s="244"/>
      <c r="KG33" s="71">
        <v>10</v>
      </c>
      <c r="KH33" s="71">
        <v>6</v>
      </c>
      <c r="KI33" s="71">
        <v>3</v>
      </c>
      <c r="KJ33" s="71">
        <v>7</v>
      </c>
      <c r="KK33" s="71">
        <v>1</v>
      </c>
      <c r="KL33" s="72">
        <v>27</v>
      </c>
      <c r="KM33" s="73">
        <v>33</v>
      </c>
    </row>
    <row r="34" spans="2:299" ht="21" customHeight="1" x14ac:dyDescent="0.2">
      <c r="B34" s="126" t="s">
        <v>31</v>
      </c>
      <c r="C34" s="315">
        <v>3</v>
      </c>
      <c r="D34" s="82">
        <v>5</v>
      </c>
      <c r="E34" s="83">
        <v>8</v>
      </c>
      <c r="F34" s="241"/>
      <c r="G34" s="82">
        <v>7</v>
      </c>
      <c r="H34" s="82">
        <v>6</v>
      </c>
      <c r="I34" s="82">
        <v>3</v>
      </c>
      <c r="J34" s="82">
        <v>2</v>
      </c>
      <c r="K34" s="82">
        <v>5</v>
      </c>
      <c r="L34" s="84">
        <v>23</v>
      </c>
      <c r="M34" s="85">
        <v>31</v>
      </c>
      <c r="N34" s="70">
        <v>0</v>
      </c>
      <c r="O34" s="71">
        <v>0</v>
      </c>
      <c r="P34" s="72">
        <v>0</v>
      </c>
      <c r="Q34" s="244"/>
      <c r="R34" s="71">
        <v>1</v>
      </c>
      <c r="S34" s="71">
        <v>1</v>
      </c>
      <c r="T34" s="71">
        <v>0</v>
      </c>
      <c r="U34" s="71">
        <v>0</v>
      </c>
      <c r="V34" s="71">
        <v>0</v>
      </c>
      <c r="W34" s="72">
        <v>2</v>
      </c>
      <c r="X34" s="73">
        <v>2</v>
      </c>
      <c r="Y34" s="70">
        <v>0</v>
      </c>
      <c r="Z34" s="71">
        <v>1</v>
      </c>
      <c r="AA34" s="72">
        <v>1</v>
      </c>
      <c r="AB34" s="244"/>
      <c r="AC34" s="71">
        <v>0</v>
      </c>
      <c r="AD34" s="71">
        <v>0</v>
      </c>
      <c r="AE34" s="71">
        <v>2</v>
      </c>
      <c r="AF34" s="71">
        <v>0</v>
      </c>
      <c r="AG34" s="71">
        <v>1</v>
      </c>
      <c r="AH34" s="72">
        <v>3</v>
      </c>
      <c r="AI34" s="73">
        <v>4</v>
      </c>
      <c r="AJ34" s="70">
        <v>0</v>
      </c>
      <c r="AK34" s="71">
        <v>0</v>
      </c>
      <c r="AL34" s="72">
        <v>0</v>
      </c>
      <c r="AM34" s="244"/>
      <c r="AN34" s="71">
        <v>0</v>
      </c>
      <c r="AO34" s="71">
        <v>0</v>
      </c>
      <c r="AP34" s="71">
        <v>0</v>
      </c>
      <c r="AQ34" s="71">
        <v>1</v>
      </c>
      <c r="AR34" s="71">
        <v>0</v>
      </c>
      <c r="AS34" s="72">
        <v>1</v>
      </c>
      <c r="AT34" s="73">
        <v>1</v>
      </c>
      <c r="AU34" s="70">
        <v>1</v>
      </c>
      <c r="AV34" s="71">
        <v>2</v>
      </c>
      <c r="AW34" s="72">
        <v>3</v>
      </c>
      <c r="AX34" s="244"/>
      <c r="AY34" s="71">
        <v>1</v>
      </c>
      <c r="AZ34" s="71">
        <v>0</v>
      </c>
      <c r="BA34" s="71">
        <v>1</v>
      </c>
      <c r="BB34" s="71">
        <v>0</v>
      </c>
      <c r="BC34" s="71">
        <v>0</v>
      </c>
      <c r="BD34" s="72">
        <v>2</v>
      </c>
      <c r="BE34" s="73">
        <v>5</v>
      </c>
      <c r="BF34" s="70">
        <v>2</v>
      </c>
      <c r="BG34" s="71">
        <v>2</v>
      </c>
      <c r="BH34" s="72">
        <v>4</v>
      </c>
      <c r="BI34" s="244"/>
      <c r="BJ34" s="71">
        <v>1</v>
      </c>
      <c r="BK34" s="71">
        <v>3</v>
      </c>
      <c r="BL34" s="71">
        <v>0</v>
      </c>
      <c r="BM34" s="71">
        <v>0</v>
      </c>
      <c r="BN34" s="71">
        <v>1</v>
      </c>
      <c r="BO34" s="72">
        <v>5</v>
      </c>
      <c r="BP34" s="73">
        <v>9</v>
      </c>
      <c r="BQ34" s="70">
        <v>0</v>
      </c>
      <c r="BR34" s="71">
        <v>0</v>
      </c>
      <c r="BS34" s="72">
        <v>0</v>
      </c>
      <c r="BT34" s="244"/>
      <c r="BU34" s="71">
        <v>4</v>
      </c>
      <c r="BV34" s="71">
        <v>2</v>
      </c>
      <c r="BW34" s="71">
        <v>0</v>
      </c>
      <c r="BX34" s="71">
        <v>1</v>
      </c>
      <c r="BY34" s="71">
        <v>3</v>
      </c>
      <c r="BZ34" s="72">
        <v>10</v>
      </c>
      <c r="CA34" s="73">
        <v>10</v>
      </c>
      <c r="CB34" s="70">
        <v>0</v>
      </c>
      <c r="CC34" s="71">
        <v>0</v>
      </c>
      <c r="CD34" s="72">
        <v>0</v>
      </c>
      <c r="CE34" s="244"/>
      <c r="CF34" s="71">
        <v>0</v>
      </c>
      <c r="CG34" s="71">
        <v>0</v>
      </c>
      <c r="CH34" s="71">
        <v>0</v>
      </c>
      <c r="CI34" s="71">
        <v>0</v>
      </c>
      <c r="CJ34" s="71">
        <v>0</v>
      </c>
      <c r="CK34" s="72">
        <v>0</v>
      </c>
      <c r="CL34" s="73">
        <v>0</v>
      </c>
      <c r="CM34" s="70">
        <v>3</v>
      </c>
      <c r="CN34" s="71">
        <v>5</v>
      </c>
      <c r="CO34" s="72">
        <v>8</v>
      </c>
      <c r="CP34" s="244"/>
      <c r="CQ34" s="71">
        <v>7</v>
      </c>
      <c r="CR34" s="71">
        <v>6</v>
      </c>
      <c r="CS34" s="71">
        <v>3</v>
      </c>
      <c r="CT34" s="71">
        <v>2</v>
      </c>
      <c r="CU34" s="71">
        <v>5</v>
      </c>
      <c r="CV34" s="72">
        <v>23</v>
      </c>
      <c r="CW34" s="73">
        <v>31</v>
      </c>
      <c r="CX34" s="123">
        <v>1</v>
      </c>
      <c r="CY34" s="82">
        <v>0</v>
      </c>
      <c r="CZ34" s="83">
        <v>1</v>
      </c>
      <c r="DA34" s="241"/>
      <c r="DB34" s="82">
        <v>2</v>
      </c>
      <c r="DC34" s="82">
        <v>0</v>
      </c>
      <c r="DD34" s="82">
        <v>3</v>
      </c>
      <c r="DE34" s="82">
        <v>1</v>
      </c>
      <c r="DF34" s="82">
        <v>1</v>
      </c>
      <c r="DG34" s="84">
        <v>7</v>
      </c>
      <c r="DH34" s="85">
        <v>8</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0</v>
      </c>
      <c r="EJ34" s="71">
        <v>0</v>
      </c>
      <c r="EK34" s="71">
        <v>2</v>
      </c>
      <c r="EL34" s="71">
        <v>0</v>
      </c>
      <c r="EM34" s="71">
        <v>0</v>
      </c>
      <c r="EN34" s="72">
        <v>2</v>
      </c>
      <c r="EO34" s="73">
        <v>2</v>
      </c>
      <c r="EP34" s="70">
        <v>1</v>
      </c>
      <c r="EQ34" s="71">
        <v>0</v>
      </c>
      <c r="ER34" s="72">
        <v>1</v>
      </c>
      <c r="ES34" s="244"/>
      <c r="ET34" s="71">
        <v>2</v>
      </c>
      <c r="EU34" s="71">
        <v>0</v>
      </c>
      <c r="EV34" s="71">
        <v>0</v>
      </c>
      <c r="EW34" s="71">
        <v>0</v>
      </c>
      <c r="EX34" s="71">
        <v>0</v>
      </c>
      <c r="EY34" s="72">
        <v>2</v>
      </c>
      <c r="EZ34" s="73">
        <v>3</v>
      </c>
      <c r="FA34" s="70">
        <v>0</v>
      </c>
      <c r="FB34" s="71">
        <v>0</v>
      </c>
      <c r="FC34" s="72">
        <v>0</v>
      </c>
      <c r="FD34" s="244"/>
      <c r="FE34" s="71">
        <v>0</v>
      </c>
      <c r="FF34" s="71">
        <v>0</v>
      </c>
      <c r="FG34" s="71">
        <v>0</v>
      </c>
      <c r="FH34" s="71">
        <v>0</v>
      </c>
      <c r="FI34" s="71">
        <v>0</v>
      </c>
      <c r="FJ34" s="72">
        <v>0</v>
      </c>
      <c r="FK34" s="73">
        <v>0</v>
      </c>
      <c r="FL34" s="70">
        <v>0</v>
      </c>
      <c r="FM34" s="71">
        <v>0</v>
      </c>
      <c r="FN34" s="72">
        <v>0</v>
      </c>
      <c r="FO34" s="244"/>
      <c r="FP34" s="71">
        <v>0</v>
      </c>
      <c r="FQ34" s="71">
        <v>0</v>
      </c>
      <c r="FR34" s="71">
        <v>1</v>
      </c>
      <c r="FS34" s="71">
        <v>1</v>
      </c>
      <c r="FT34" s="71">
        <v>1</v>
      </c>
      <c r="FU34" s="72">
        <v>3</v>
      </c>
      <c r="FV34" s="73">
        <v>3</v>
      </c>
      <c r="FW34" s="70">
        <v>0</v>
      </c>
      <c r="FX34" s="71">
        <v>0</v>
      </c>
      <c r="FY34" s="72">
        <v>0</v>
      </c>
      <c r="FZ34" s="244"/>
      <c r="GA34" s="71">
        <v>0</v>
      </c>
      <c r="GB34" s="71">
        <v>0</v>
      </c>
      <c r="GC34" s="71">
        <v>0</v>
      </c>
      <c r="GD34" s="71">
        <v>0</v>
      </c>
      <c r="GE34" s="71">
        <v>0</v>
      </c>
      <c r="GF34" s="72">
        <v>0</v>
      </c>
      <c r="GG34" s="73">
        <v>0</v>
      </c>
      <c r="GH34" s="70">
        <v>1</v>
      </c>
      <c r="GI34" s="71">
        <v>0</v>
      </c>
      <c r="GJ34" s="72">
        <v>1</v>
      </c>
      <c r="GK34" s="244"/>
      <c r="GL34" s="71">
        <v>2</v>
      </c>
      <c r="GM34" s="71">
        <v>0</v>
      </c>
      <c r="GN34" s="71">
        <v>3</v>
      </c>
      <c r="GO34" s="71">
        <v>1</v>
      </c>
      <c r="GP34" s="71">
        <v>1</v>
      </c>
      <c r="GQ34" s="72">
        <v>7</v>
      </c>
      <c r="GR34" s="73">
        <v>8</v>
      </c>
      <c r="GS34" s="123">
        <v>4</v>
      </c>
      <c r="GT34" s="82">
        <v>5</v>
      </c>
      <c r="GU34" s="83">
        <v>9</v>
      </c>
      <c r="GV34" s="241"/>
      <c r="GW34" s="82">
        <v>9</v>
      </c>
      <c r="GX34" s="82">
        <v>6</v>
      </c>
      <c r="GY34" s="82">
        <v>6</v>
      </c>
      <c r="GZ34" s="82">
        <v>3</v>
      </c>
      <c r="HA34" s="82">
        <v>6</v>
      </c>
      <c r="HB34" s="84">
        <v>30</v>
      </c>
      <c r="HC34" s="85">
        <v>39</v>
      </c>
      <c r="HD34" s="70">
        <v>0</v>
      </c>
      <c r="HE34" s="71">
        <v>0</v>
      </c>
      <c r="HF34" s="72">
        <v>0</v>
      </c>
      <c r="HG34" s="244"/>
      <c r="HH34" s="71">
        <v>1</v>
      </c>
      <c r="HI34" s="71">
        <v>1</v>
      </c>
      <c r="HJ34" s="71">
        <v>0</v>
      </c>
      <c r="HK34" s="71">
        <v>0</v>
      </c>
      <c r="HL34" s="71">
        <v>0</v>
      </c>
      <c r="HM34" s="72">
        <v>2</v>
      </c>
      <c r="HN34" s="73">
        <v>2</v>
      </c>
      <c r="HO34" s="70">
        <v>0</v>
      </c>
      <c r="HP34" s="71">
        <v>1</v>
      </c>
      <c r="HQ34" s="72">
        <v>1</v>
      </c>
      <c r="HR34" s="244"/>
      <c r="HS34" s="71">
        <v>0</v>
      </c>
      <c r="HT34" s="71">
        <v>0</v>
      </c>
      <c r="HU34" s="71">
        <v>2</v>
      </c>
      <c r="HV34" s="71">
        <v>0</v>
      </c>
      <c r="HW34" s="71">
        <v>1</v>
      </c>
      <c r="HX34" s="72">
        <v>3</v>
      </c>
      <c r="HY34" s="73">
        <v>4</v>
      </c>
      <c r="HZ34" s="70">
        <v>0</v>
      </c>
      <c r="IA34" s="71">
        <v>0</v>
      </c>
      <c r="IB34" s="72">
        <v>0</v>
      </c>
      <c r="IC34" s="244"/>
      <c r="ID34" s="71">
        <v>0</v>
      </c>
      <c r="IE34" s="71">
        <v>0</v>
      </c>
      <c r="IF34" s="71">
        <v>2</v>
      </c>
      <c r="IG34" s="71">
        <v>1</v>
      </c>
      <c r="IH34" s="71">
        <v>0</v>
      </c>
      <c r="II34" s="72">
        <v>3</v>
      </c>
      <c r="IJ34" s="73">
        <v>3</v>
      </c>
      <c r="IK34" s="70">
        <v>2</v>
      </c>
      <c r="IL34" s="71">
        <v>2</v>
      </c>
      <c r="IM34" s="72">
        <v>4</v>
      </c>
      <c r="IN34" s="244"/>
      <c r="IO34" s="71">
        <v>3</v>
      </c>
      <c r="IP34" s="71">
        <v>0</v>
      </c>
      <c r="IQ34" s="71">
        <v>1</v>
      </c>
      <c r="IR34" s="71">
        <v>0</v>
      </c>
      <c r="IS34" s="71">
        <v>0</v>
      </c>
      <c r="IT34" s="72">
        <v>4</v>
      </c>
      <c r="IU34" s="73">
        <v>8</v>
      </c>
      <c r="IV34" s="70">
        <v>2</v>
      </c>
      <c r="IW34" s="71">
        <v>2</v>
      </c>
      <c r="IX34" s="72">
        <v>4</v>
      </c>
      <c r="IY34" s="244"/>
      <c r="IZ34" s="71">
        <v>1</v>
      </c>
      <c r="JA34" s="71">
        <v>3</v>
      </c>
      <c r="JB34" s="71">
        <v>0</v>
      </c>
      <c r="JC34" s="71">
        <v>0</v>
      </c>
      <c r="JD34" s="71">
        <v>1</v>
      </c>
      <c r="JE34" s="72">
        <v>5</v>
      </c>
      <c r="JF34" s="73">
        <v>9</v>
      </c>
      <c r="JG34" s="70">
        <v>0</v>
      </c>
      <c r="JH34" s="71">
        <v>0</v>
      </c>
      <c r="JI34" s="72">
        <v>0</v>
      </c>
      <c r="JJ34" s="244"/>
      <c r="JK34" s="71">
        <v>4</v>
      </c>
      <c r="JL34" s="71">
        <v>2</v>
      </c>
      <c r="JM34" s="71">
        <v>1</v>
      </c>
      <c r="JN34" s="71">
        <v>2</v>
      </c>
      <c r="JO34" s="71">
        <v>4</v>
      </c>
      <c r="JP34" s="72">
        <v>13</v>
      </c>
      <c r="JQ34" s="73">
        <v>13</v>
      </c>
      <c r="JR34" s="70">
        <v>0</v>
      </c>
      <c r="JS34" s="71">
        <v>0</v>
      </c>
      <c r="JT34" s="72">
        <v>0</v>
      </c>
      <c r="JU34" s="244"/>
      <c r="JV34" s="71">
        <v>0</v>
      </c>
      <c r="JW34" s="71">
        <v>0</v>
      </c>
      <c r="JX34" s="71">
        <v>0</v>
      </c>
      <c r="JY34" s="71">
        <v>0</v>
      </c>
      <c r="JZ34" s="71">
        <v>0</v>
      </c>
      <c r="KA34" s="72">
        <v>0</v>
      </c>
      <c r="KB34" s="73">
        <v>0</v>
      </c>
      <c r="KC34" s="70">
        <v>4</v>
      </c>
      <c r="KD34" s="71">
        <v>5</v>
      </c>
      <c r="KE34" s="72">
        <v>9</v>
      </c>
      <c r="KF34" s="244"/>
      <c r="KG34" s="71">
        <v>9</v>
      </c>
      <c r="KH34" s="71">
        <v>6</v>
      </c>
      <c r="KI34" s="71">
        <v>6</v>
      </c>
      <c r="KJ34" s="71">
        <v>3</v>
      </c>
      <c r="KK34" s="71">
        <v>6</v>
      </c>
      <c r="KL34" s="72">
        <v>30</v>
      </c>
      <c r="KM34" s="73">
        <v>39</v>
      </c>
    </row>
    <row r="35" spans="2:299" ht="21" customHeight="1" x14ac:dyDescent="0.2">
      <c r="B35" s="126" t="s">
        <v>32</v>
      </c>
      <c r="C35" s="315">
        <v>4</v>
      </c>
      <c r="D35" s="82">
        <v>1</v>
      </c>
      <c r="E35" s="83">
        <v>5</v>
      </c>
      <c r="F35" s="241"/>
      <c r="G35" s="82">
        <v>6</v>
      </c>
      <c r="H35" s="82">
        <v>4</v>
      </c>
      <c r="I35" s="82">
        <v>4</v>
      </c>
      <c r="J35" s="82">
        <v>4</v>
      </c>
      <c r="K35" s="82">
        <v>5</v>
      </c>
      <c r="L35" s="84">
        <v>23</v>
      </c>
      <c r="M35" s="85">
        <v>28</v>
      </c>
      <c r="N35" s="70">
        <v>0</v>
      </c>
      <c r="O35" s="71">
        <v>0</v>
      </c>
      <c r="P35" s="72">
        <v>0</v>
      </c>
      <c r="Q35" s="244"/>
      <c r="R35" s="71">
        <v>0</v>
      </c>
      <c r="S35" s="71">
        <v>0</v>
      </c>
      <c r="T35" s="71">
        <v>0</v>
      </c>
      <c r="U35" s="71">
        <v>0</v>
      </c>
      <c r="V35" s="71">
        <v>0</v>
      </c>
      <c r="W35" s="72">
        <v>0</v>
      </c>
      <c r="X35" s="73">
        <v>0</v>
      </c>
      <c r="Y35" s="70">
        <v>2</v>
      </c>
      <c r="Z35" s="71">
        <v>0</v>
      </c>
      <c r="AA35" s="72">
        <v>2</v>
      </c>
      <c r="AB35" s="244"/>
      <c r="AC35" s="71">
        <v>0</v>
      </c>
      <c r="AD35" s="71">
        <v>1</v>
      </c>
      <c r="AE35" s="71">
        <v>0</v>
      </c>
      <c r="AF35" s="71">
        <v>1</v>
      </c>
      <c r="AG35" s="71">
        <v>0</v>
      </c>
      <c r="AH35" s="72">
        <v>2</v>
      </c>
      <c r="AI35" s="73">
        <v>4</v>
      </c>
      <c r="AJ35" s="70">
        <v>1</v>
      </c>
      <c r="AK35" s="71">
        <v>0</v>
      </c>
      <c r="AL35" s="72">
        <v>1</v>
      </c>
      <c r="AM35" s="244"/>
      <c r="AN35" s="71">
        <v>0</v>
      </c>
      <c r="AO35" s="71">
        <v>1</v>
      </c>
      <c r="AP35" s="71">
        <v>0</v>
      </c>
      <c r="AQ35" s="71">
        <v>0</v>
      </c>
      <c r="AR35" s="71">
        <v>2</v>
      </c>
      <c r="AS35" s="72">
        <v>3</v>
      </c>
      <c r="AT35" s="73">
        <v>4</v>
      </c>
      <c r="AU35" s="70">
        <v>0</v>
      </c>
      <c r="AV35" s="71">
        <v>1</v>
      </c>
      <c r="AW35" s="72">
        <v>1</v>
      </c>
      <c r="AX35" s="244"/>
      <c r="AY35" s="71">
        <v>3</v>
      </c>
      <c r="AZ35" s="71">
        <v>0</v>
      </c>
      <c r="BA35" s="71">
        <v>0</v>
      </c>
      <c r="BB35" s="71">
        <v>1</v>
      </c>
      <c r="BC35" s="71">
        <v>0</v>
      </c>
      <c r="BD35" s="72">
        <v>4</v>
      </c>
      <c r="BE35" s="73">
        <v>5</v>
      </c>
      <c r="BF35" s="70">
        <v>1</v>
      </c>
      <c r="BG35" s="71">
        <v>0</v>
      </c>
      <c r="BH35" s="72">
        <v>1</v>
      </c>
      <c r="BI35" s="244"/>
      <c r="BJ35" s="71">
        <v>2</v>
      </c>
      <c r="BK35" s="71">
        <v>0</v>
      </c>
      <c r="BL35" s="71">
        <v>3</v>
      </c>
      <c r="BM35" s="71">
        <v>1</v>
      </c>
      <c r="BN35" s="71">
        <v>2</v>
      </c>
      <c r="BO35" s="72">
        <v>8</v>
      </c>
      <c r="BP35" s="73">
        <v>9</v>
      </c>
      <c r="BQ35" s="70">
        <v>0</v>
      </c>
      <c r="BR35" s="71">
        <v>0</v>
      </c>
      <c r="BS35" s="72">
        <v>0</v>
      </c>
      <c r="BT35" s="244"/>
      <c r="BU35" s="71">
        <v>1</v>
      </c>
      <c r="BV35" s="71">
        <v>2</v>
      </c>
      <c r="BW35" s="71">
        <v>1</v>
      </c>
      <c r="BX35" s="71">
        <v>1</v>
      </c>
      <c r="BY35" s="71">
        <v>1</v>
      </c>
      <c r="BZ35" s="72">
        <v>6</v>
      </c>
      <c r="CA35" s="73">
        <v>6</v>
      </c>
      <c r="CB35" s="70">
        <v>0</v>
      </c>
      <c r="CC35" s="71">
        <v>0</v>
      </c>
      <c r="CD35" s="72">
        <v>0</v>
      </c>
      <c r="CE35" s="244"/>
      <c r="CF35" s="71">
        <v>0</v>
      </c>
      <c r="CG35" s="71">
        <v>0</v>
      </c>
      <c r="CH35" s="71">
        <v>0</v>
      </c>
      <c r="CI35" s="71">
        <v>0</v>
      </c>
      <c r="CJ35" s="71">
        <v>0</v>
      </c>
      <c r="CK35" s="72">
        <v>0</v>
      </c>
      <c r="CL35" s="73">
        <v>0</v>
      </c>
      <c r="CM35" s="70">
        <v>4</v>
      </c>
      <c r="CN35" s="71">
        <v>1</v>
      </c>
      <c r="CO35" s="72">
        <v>5</v>
      </c>
      <c r="CP35" s="244"/>
      <c r="CQ35" s="71">
        <v>6</v>
      </c>
      <c r="CR35" s="71">
        <v>4</v>
      </c>
      <c r="CS35" s="71">
        <v>4</v>
      </c>
      <c r="CT35" s="71">
        <v>4</v>
      </c>
      <c r="CU35" s="71">
        <v>5</v>
      </c>
      <c r="CV35" s="72">
        <v>23</v>
      </c>
      <c r="CW35" s="73">
        <v>28</v>
      </c>
      <c r="CX35" s="123">
        <v>0</v>
      </c>
      <c r="CY35" s="82">
        <v>1</v>
      </c>
      <c r="CZ35" s="83">
        <v>1</v>
      </c>
      <c r="DA35" s="241"/>
      <c r="DB35" s="82">
        <v>3</v>
      </c>
      <c r="DC35" s="82">
        <v>3</v>
      </c>
      <c r="DD35" s="82">
        <v>2</v>
      </c>
      <c r="DE35" s="82">
        <v>1</v>
      </c>
      <c r="DF35" s="82">
        <v>0</v>
      </c>
      <c r="DG35" s="84">
        <v>9</v>
      </c>
      <c r="DH35" s="85">
        <v>10</v>
      </c>
      <c r="DI35" s="70">
        <v>0</v>
      </c>
      <c r="DJ35" s="71">
        <v>0</v>
      </c>
      <c r="DK35" s="72">
        <v>0</v>
      </c>
      <c r="DL35" s="244"/>
      <c r="DM35" s="71">
        <v>0</v>
      </c>
      <c r="DN35" s="71">
        <v>0</v>
      </c>
      <c r="DO35" s="71">
        <v>0</v>
      </c>
      <c r="DP35" s="71">
        <v>0</v>
      </c>
      <c r="DQ35" s="71">
        <v>0</v>
      </c>
      <c r="DR35" s="72">
        <v>0</v>
      </c>
      <c r="DS35" s="73">
        <v>0</v>
      </c>
      <c r="DT35" s="70">
        <v>0</v>
      </c>
      <c r="DU35" s="71">
        <v>0</v>
      </c>
      <c r="DV35" s="72">
        <v>0</v>
      </c>
      <c r="DW35" s="244"/>
      <c r="DX35" s="71">
        <v>1</v>
      </c>
      <c r="DY35" s="71">
        <v>0</v>
      </c>
      <c r="DZ35" s="71">
        <v>0</v>
      </c>
      <c r="EA35" s="71">
        <v>0</v>
      </c>
      <c r="EB35" s="71">
        <v>0</v>
      </c>
      <c r="EC35" s="72">
        <v>1</v>
      </c>
      <c r="ED35" s="73">
        <v>1</v>
      </c>
      <c r="EE35" s="70">
        <v>0</v>
      </c>
      <c r="EF35" s="71">
        <v>1</v>
      </c>
      <c r="EG35" s="72">
        <v>1</v>
      </c>
      <c r="EH35" s="244"/>
      <c r="EI35" s="71">
        <v>0</v>
      </c>
      <c r="EJ35" s="71">
        <v>0</v>
      </c>
      <c r="EK35" s="71">
        <v>0</v>
      </c>
      <c r="EL35" s="71">
        <v>0</v>
      </c>
      <c r="EM35" s="71">
        <v>0</v>
      </c>
      <c r="EN35" s="72">
        <v>0</v>
      </c>
      <c r="EO35" s="73">
        <v>1</v>
      </c>
      <c r="EP35" s="70">
        <v>0</v>
      </c>
      <c r="EQ35" s="71">
        <v>0</v>
      </c>
      <c r="ER35" s="72">
        <v>0</v>
      </c>
      <c r="ES35" s="244"/>
      <c r="ET35" s="71">
        <v>0</v>
      </c>
      <c r="EU35" s="71">
        <v>0</v>
      </c>
      <c r="EV35" s="71">
        <v>0</v>
      </c>
      <c r="EW35" s="71">
        <v>0</v>
      </c>
      <c r="EX35" s="71">
        <v>0</v>
      </c>
      <c r="EY35" s="72">
        <v>0</v>
      </c>
      <c r="EZ35" s="73">
        <v>0</v>
      </c>
      <c r="FA35" s="70">
        <v>0</v>
      </c>
      <c r="FB35" s="71">
        <v>0</v>
      </c>
      <c r="FC35" s="72">
        <v>0</v>
      </c>
      <c r="FD35" s="244"/>
      <c r="FE35" s="71">
        <v>1</v>
      </c>
      <c r="FF35" s="71">
        <v>1</v>
      </c>
      <c r="FG35" s="71">
        <v>1</v>
      </c>
      <c r="FH35" s="71">
        <v>0</v>
      </c>
      <c r="FI35" s="71">
        <v>0</v>
      </c>
      <c r="FJ35" s="72">
        <v>3</v>
      </c>
      <c r="FK35" s="73">
        <v>3</v>
      </c>
      <c r="FL35" s="70">
        <v>0</v>
      </c>
      <c r="FM35" s="71">
        <v>0</v>
      </c>
      <c r="FN35" s="72">
        <v>0</v>
      </c>
      <c r="FO35" s="244"/>
      <c r="FP35" s="71">
        <v>1</v>
      </c>
      <c r="FQ35" s="71">
        <v>2</v>
      </c>
      <c r="FR35" s="71">
        <v>1</v>
      </c>
      <c r="FS35" s="71">
        <v>1</v>
      </c>
      <c r="FT35" s="71">
        <v>0</v>
      </c>
      <c r="FU35" s="72">
        <v>5</v>
      </c>
      <c r="FV35" s="73">
        <v>5</v>
      </c>
      <c r="FW35" s="70">
        <v>0</v>
      </c>
      <c r="FX35" s="71">
        <v>0</v>
      </c>
      <c r="FY35" s="72">
        <v>0</v>
      </c>
      <c r="FZ35" s="244"/>
      <c r="GA35" s="71">
        <v>0</v>
      </c>
      <c r="GB35" s="71">
        <v>0</v>
      </c>
      <c r="GC35" s="71">
        <v>0</v>
      </c>
      <c r="GD35" s="71">
        <v>0</v>
      </c>
      <c r="GE35" s="71">
        <v>0</v>
      </c>
      <c r="GF35" s="72">
        <v>0</v>
      </c>
      <c r="GG35" s="73">
        <v>0</v>
      </c>
      <c r="GH35" s="70">
        <v>0</v>
      </c>
      <c r="GI35" s="71">
        <v>1</v>
      </c>
      <c r="GJ35" s="72">
        <v>1</v>
      </c>
      <c r="GK35" s="244"/>
      <c r="GL35" s="71">
        <v>3</v>
      </c>
      <c r="GM35" s="71">
        <v>3</v>
      </c>
      <c r="GN35" s="71">
        <v>2</v>
      </c>
      <c r="GO35" s="71">
        <v>1</v>
      </c>
      <c r="GP35" s="71">
        <v>0</v>
      </c>
      <c r="GQ35" s="72">
        <v>9</v>
      </c>
      <c r="GR35" s="73">
        <v>10</v>
      </c>
      <c r="GS35" s="123">
        <v>4</v>
      </c>
      <c r="GT35" s="82">
        <v>2</v>
      </c>
      <c r="GU35" s="83">
        <v>6</v>
      </c>
      <c r="GV35" s="241"/>
      <c r="GW35" s="82">
        <v>9</v>
      </c>
      <c r="GX35" s="82">
        <v>7</v>
      </c>
      <c r="GY35" s="82">
        <v>6</v>
      </c>
      <c r="GZ35" s="82">
        <v>5</v>
      </c>
      <c r="HA35" s="82">
        <v>5</v>
      </c>
      <c r="HB35" s="84">
        <v>32</v>
      </c>
      <c r="HC35" s="85">
        <v>38</v>
      </c>
      <c r="HD35" s="70">
        <v>0</v>
      </c>
      <c r="HE35" s="71">
        <v>0</v>
      </c>
      <c r="HF35" s="72">
        <v>0</v>
      </c>
      <c r="HG35" s="244"/>
      <c r="HH35" s="71">
        <v>0</v>
      </c>
      <c r="HI35" s="71">
        <v>0</v>
      </c>
      <c r="HJ35" s="71">
        <v>0</v>
      </c>
      <c r="HK35" s="71">
        <v>0</v>
      </c>
      <c r="HL35" s="71">
        <v>0</v>
      </c>
      <c r="HM35" s="72">
        <v>0</v>
      </c>
      <c r="HN35" s="73">
        <v>0</v>
      </c>
      <c r="HO35" s="70">
        <v>2</v>
      </c>
      <c r="HP35" s="71">
        <v>0</v>
      </c>
      <c r="HQ35" s="72">
        <v>2</v>
      </c>
      <c r="HR35" s="244"/>
      <c r="HS35" s="71">
        <v>1</v>
      </c>
      <c r="HT35" s="71">
        <v>1</v>
      </c>
      <c r="HU35" s="71">
        <v>0</v>
      </c>
      <c r="HV35" s="71">
        <v>1</v>
      </c>
      <c r="HW35" s="71">
        <v>0</v>
      </c>
      <c r="HX35" s="72">
        <v>3</v>
      </c>
      <c r="HY35" s="73">
        <v>5</v>
      </c>
      <c r="HZ35" s="70">
        <v>1</v>
      </c>
      <c r="IA35" s="71">
        <v>1</v>
      </c>
      <c r="IB35" s="72">
        <v>2</v>
      </c>
      <c r="IC35" s="244"/>
      <c r="ID35" s="71">
        <v>0</v>
      </c>
      <c r="IE35" s="71">
        <v>1</v>
      </c>
      <c r="IF35" s="71">
        <v>0</v>
      </c>
      <c r="IG35" s="71">
        <v>0</v>
      </c>
      <c r="IH35" s="71">
        <v>2</v>
      </c>
      <c r="II35" s="72">
        <v>3</v>
      </c>
      <c r="IJ35" s="73">
        <v>5</v>
      </c>
      <c r="IK35" s="70">
        <v>0</v>
      </c>
      <c r="IL35" s="71">
        <v>1</v>
      </c>
      <c r="IM35" s="72">
        <v>1</v>
      </c>
      <c r="IN35" s="244"/>
      <c r="IO35" s="71">
        <v>3</v>
      </c>
      <c r="IP35" s="71">
        <v>0</v>
      </c>
      <c r="IQ35" s="71">
        <v>0</v>
      </c>
      <c r="IR35" s="71">
        <v>1</v>
      </c>
      <c r="IS35" s="71">
        <v>0</v>
      </c>
      <c r="IT35" s="72">
        <v>4</v>
      </c>
      <c r="IU35" s="73">
        <v>5</v>
      </c>
      <c r="IV35" s="70">
        <v>1</v>
      </c>
      <c r="IW35" s="71">
        <v>0</v>
      </c>
      <c r="IX35" s="72">
        <v>1</v>
      </c>
      <c r="IY35" s="244"/>
      <c r="IZ35" s="71">
        <v>3</v>
      </c>
      <c r="JA35" s="71">
        <v>1</v>
      </c>
      <c r="JB35" s="71">
        <v>4</v>
      </c>
      <c r="JC35" s="71">
        <v>1</v>
      </c>
      <c r="JD35" s="71">
        <v>2</v>
      </c>
      <c r="JE35" s="72">
        <v>11</v>
      </c>
      <c r="JF35" s="73">
        <v>12</v>
      </c>
      <c r="JG35" s="70">
        <v>0</v>
      </c>
      <c r="JH35" s="71">
        <v>0</v>
      </c>
      <c r="JI35" s="72">
        <v>0</v>
      </c>
      <c r="JJ35" s="244"/>
      <c r="JK35" s="71">
        <v>2</v>
      </c>
      <c r="JL35" s="71">
        <v>4</v>
      </c>
      <c r="JM35" s="71">
        <v>2</v>
      </c>
      <c r="JN35" s="71">
        <v>2</v>
      </c>
      <c r="JO35" s="71">
        <v>1</v>
      </c>
      <c r="JP35" s="72">
        <v>11</v>
      </c>
      <c r="JQ35" s="73">
        <v>11</v>
      </c>
      <c r="JR35" s="70">
        <v>0</v>
      </c>
      <c r="JS35" s="71">
        <v>0</v>
      </c>
      <c r="JT35" s="72">
        <v>0</v>
      </c>
      <c r="JU35" s="244"/>
      <c r="JV35" s="71">
        <v>0</v>
      </c>
      <c r="JW35" s="71">
        <v>0</v>
      </c>
      <c r="JX35" s="71">
        <v>0</v>
      </c>
      <c r="JY35" s="71">
        <v>0</v>
      </c>
      <c r="JZ35" s="71">
        <v>0</v>
      </c>
      <c r="KA35" s="72">
        <v>0</v>
      </c>
      <c r="KB35" s="73">
        <v>0</v>
      </c>
      <c r="KC35" s="70">
        <v>4</v>
      </c>
      <c r="KD35" s="71">
        <v>2</v>
      </c>
      <c r="KE35" s="72">
        <v>6</v>
      </c>
      <c r="KF35" s="244"/>
      <c r="KG35" s="71">
        <v>9</v>
      </c>
      <c r="KH35" s="71">
        <v>7</v>
      </c>
      <c r="KI35" s="71">
        <v>6</v>
      </c>
      <c r="KJ35" s="71">
        <v>5</v>
      </c>
      <c r="KK35" s="71">
        <v>5</v>
      </c>
      <c r="KL35" s="72">
        <v>32</v>
      </c>
      <c r="KM35" s="73">
        <v>38</v>
      </c>
    </row>
    <row r="36" spans="2:299" ht="21" customHeight="1" x14ac:dyDescent="0.2">
      <c r="B36" s="126" t="s">
        <v>33</v>
      </c>
      <c r="C36" s="315">
        <v>2</v>
      </c>
      <c r="D36" s="82">
        <v>1</v>
      </c>
      <c r="E36" s="83">
        <v>3</v>
      </c>
      <c r="F36" s="241"/>
      <c r="G36" s="82">
        <v>9</v>
      </c>
      <c r="H36" s="82">
        <v>1</v>
      </c>
      <c r="I36" s="82">
        <v>3</v>
      </c>
      <c r="J36" s="82">
        <v>3</v>
      </c>
      <c r="K36" s="82">
        <v>4</v>
      </c>
      <c r="L36" s="84">
        <v>20</v>
      </c>
      <c r="M36" s="85">
        <v>23</v>
      </c>
      <c r="N36" s="70">
        <v>0</v>
      </c>
      <c r="O36" s="71">
        <v>0</v>
      </c>
      <c r="P36" s="72">
        <v>0</v>
      </c>
      <c r="Q36" s="244"/>
      <c r="R36" s="71">
        <v>1</v>
      </c>
      <c r="S36" s="71">
        <v>0</v>
      </c>
      <c r="T36" s="71">
        <v>0</v>
      </c>
      <c r="U36" s="71">
        <v>0</v>
      </c>
      <c r="V36" s="71">
        <v>0</v>
      </c>
      <c r="W36" s="72">
        <v>1</v>
      </c>
      <c r="X36" s="73">
        <v>1</v>
      </c>
      <c r="Y36" s="70">
        <v>0</v>
      </c>
      <c r="Z36" s="71">
        <v>0</v>
      </c>
      <c r="AA36" s="72">
        <v>0</v>
      </c>
      <c r="AB36" s="244"/>
      <c r="AC36" s="71">
        <v>2</v>
      </c>
      <c r="AD36" s="71">
        <v>0</v>
      </c>
      <c r="AE36" s="71">
        <v>1</v>
      </c>
      <c r="AF36" s="71">
        <v>0</v>
      </c>
      <c r="AG36" s="71">
        <v>1</v>
      </c>
      <c r="AH36" s="72">
        <v>4</v>
      </c>
      <c r="AI36" s="73">
        <v>4</v>
      </c>
      <c r="AJ36" s="70">
        <v>0</v>
      </c>
      <c r="AK36" s="71">
        <v>0</v>
      </c>
      <c r="AL36" s="72">
        <v>0</v>
      </c>
      <c r="AM36" s="244"/>
      <c r="AN36" s="71">
        <v>2</v>
      </c>
      <c r="AO36" s="71">
        <v>0</v>
      </c>
      <c r="AP36" s="71">
        <v>0</v>
      </c>
      <c r="AQ36" s="71">
        <v>0</v>
      </c>
      <c r="AR36" s="71">
        <v>2</v>
      </c>
      <c r="AS36" s="72">
        <v>4</v>
      </c>
      <c r="AT36" s="73">
        <v>4</v>
      </c>
      <c r="AU36" s="70">
        <v>0</v>
      </c>
      <c r="AV36" s="71">
        <v>0</v>
      </c>
      <c r="AW36" s="72">
        <v>0</v>
      </c>
      <c r="AX36" s="244"/>
      <c r="AY36" s="71">
        <v>0</v>
      </c>
      <c r="AZ36" s="71">
        <v>1</v>
      </c>
      <c r="BA36" s="71">
        <v>0</v>
      </c>
      <c r="BB36" s="71">
        <v>1</v>
      </c>
      <c r="BC36" s="71">
        <v>0</v>
      </c>
      <c r="BD36" s="72">
        <v>2</v>
      </c>
      <c r="BE36" s="73">
        <v>2</v>
      </c>
      <c r="BF36" s="70">
        <v>1</v>
      </c>
      <c r="BG36" s="71">
        <v>0</v>
      </c>
      <c r="BH36" s="72">
        <v>1</v>
      </c>
      <c r="BI36" s="244"/>
      <c r="BJ36" s="71">
        <v>1</v>
      </c>
      <c r="BK36" s="71">
        <v>0</v>
      </c>
      <c r="BL36" s="71">
        <v>1</v>
      </c>
      <c r="BM36" s="71">
        <v>0</v>
      </c>
      <c r="BN36" s="71">
        <v>1</v>
      </c>
      <c r="BO36" s="72">
        <v>3</v>
      </c>
      <c r="BP36" s="73">
        <v>4</v>
      </c>
      <c r="BQ36" s="70">
        <v>1</v>
      </c>
      <c r="BR36" s="71">
        <v>1</v>
      </c>
      <c r="BS36" s="72">
        <v>2</v>
      </c>
      <c r="BT36" s="244"/>
      <c r="BU36" s="71">
        <v>3</v>
      </c>
      <c r="BV36" s="71">
        <v>0</v>
      </c>
      <c r="BW36" s="71">
        <v>1</v>
      </c>
      <c r="BX36" s="71">
        <v>2</v>
      </c>
      <c r="BY36" s="71">
        <v>0</v>
      </c>
      <c r="BZ36" s="72">
        <v>6</v>
      </c>
      <c r="CA36" s="73">
        <v>8</v>
      </c>
      <c r="CB36" s="70">
        <v>0</v>
      </c>
      <c r="CC36" s="71">
        <v>0</v>
      </c>
      <c r="CD36" s="72">
        <v>0</v>
      </c>
      <c r="CE36" s="244"/>
      <c r="CF36" s="71">
        <v>0</v>
      </c>
      <c r="CG36" s="71">
        <v>0</v>
      </c>
      <c r="CH36" s="71">
        <v>0</v>
      </c>
      <c r="CI36" s="71">
        <v>0</v>
      </c>
      <c r="CJ36" s="71">
        <v>0</v>
      </c>
      <c r="CK36" s="72">
        <v>0</v>
      </c>
      <c r="CL36" s="73">
        <v>0</v>
      </c>
      <c r="CM36" s="70">
        <v>2</v>
      </c>
      <c r="CN36" s="71">
        <v>1</v>
      </c>
      <c r="CO36" s="72">
        <v>3</v>
      </c>
      <c r="CP36" s="244"/>
      <c r="CQ36" s="71">
        <v>9</v>
      </c>
      <c r="CR36" s="71">
        <v>1</v>
      </c>
      <c r="CS36" s="71">
        <v>3</v>
      </c>
      <c r="CT36" s="71">
        <v>3</v>
      </c>
      <c r="CU36" s="71">
        <v>4</v>
      </c>
      <c r="CV36" s="72">
        <v>20</v>
      </c>
      <c r="CW36" s="73">
        <v>23</v>
      </c>
      <c r="CX36" s="123">
        <v>4</v>
      </c>
      <c r="CY36" s="82">
        <v>4</v>
      </c>
      <c r="CZ36" s="83">
        <v>8</v>
      </c>
      <c r="DA36" s="241"/>
      <c r="DB36" s="82">
        <v>4</v>
      </c>
      <c r="DC36" s="82">
        <v>1</v>
      </c>
      <c r="DD36" s="82">
        <v>5</v>
      </c>
      <c r="DE36" s="82">
        <v>2</v>
      </c>
      <c r="DF36" s="82">
        <v>1</v>
      </c>
      <c r="DG36" s="84">
        <v>13</v>
      </c>
      <c r="DH36" s="85">
        <v>21</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0</v>
      </c>
      <c r="DZ36" s="71">
        <v>0</v>
      </c>
      <c r="EA36" s="71">
        <v>0</v>
      </c>
      <c r="EB36" s="71">
        <v>0</v>
      </c>
      <c r="EC36" s="72">
        <v>0</v>
      </c>
      <c r="ED36" s="73">
        <v>0</v>
      </c>
      <c r="EE36" s="70">
        <v>0</v>
      </c>
      <c r="EF36" s="71">
        <v>1</v>
      </c>
      <c r="EG36" s="72">
        <v>1</v>
      </c>
      <c r="EH36" s="244"/>
      <c r="EI36" s="71">
        <v>0</v>
      </c>
      <c r="EJ36" s="71">
        <v>1</v>
      </c>
      <c r="EK36" s="71">
        <v>2</v>
      </c>
      <c r="EL36" s="71">
        <v>0</v>
      </c>
      <c r="EM36" s="71">
        <v>0</v>
      </c>
      <c r="EN36" s="72">
        <v>3</v>
      </c>
      <c r="EO36" s="73">
        <v>4</v>
      </c>
      <c r="EP36" s="70">
        <v>4</v>
      </c>
      <c r="EQ36" s="71">
        <v>0</v>
      </c>
      <c r="ER36" s="72">
        <v>4</v>
      </c>
      <c r="ES36" s="244"/>
      <c r="ET36" s="71">
        <v>0</v>
      </c>
      <c r="EU36" s="71">
        <v>0</v>
      </c>
      <c r="EV36" s="71">
        <v>1</v>
      </c>
      <c r="EW36" s="71">
        <v>0</v>
      </c>
      <c r="EX36" s="71">
        <v>0</v>
      </c>
      <c r="EY36" s="72">
        <v>1</v>
      </c>
      <c r="EZ36" s="73">
        <v>5</v>
      </c>
      <c r="FA36" s="70">
        <v>0</v>
      </c>
      <c r="FB36" s="71">
        <v>2</v>
      </c>
      <c r="FC36" s="72">
        <v>2</v>
      </c>
      <c r="FD36" s="244"/>
      <c r="FE36" s="71">
        <v>3</v>
      </c>
      <c r="FF36" s="71">
        <v>0</v>
      </c>
      <c r="FG36" s="71">
        <v>0</v>
      </c>
      <c r="FH36" s="71">
        <v>1</v>
      </c>
      <c r="FI36" s="71">
        <v>1</v>
      </c>
      <c r="FJ36" s="72">
        <v>5</v>
      </c>
      <c r="FK36" s="73">
        <v>7</v>
      </c>
      <c r="FL36" s="70">
        <v>0</v>
      </c>
      <c r="FM36" s="71">
        <v>1</v>
      </c>
      <c r="FN36" s="72">
        <v>1</v>
      </c>
      <c r="FO36" s="244"/>
      <c r="FP36" s="71">
        <v>1</v>
      </c>
      <c r="FQ36" s="71">
        <v>0</v>
      </c>
      <c r="FR36" s="71">
        <v>2</v>
      </c>
      <c r="FS36" s="71">
        <v>1</v>
      </c>
      <c r="FT36" s="71">
        <v>0</v>
      </c>
      <c r="FU36" s="72">
        <v>4</v>
      </c>
      <c r="FV36" s="73">
        <v>5</v>
      </c>
      <c r="FW36" s="70">
        <v>0</v>
      </c>
      <c r="FX36" s="71">
        <v>0</v>
      </c>
      <c r="FY36" s="72">
        <v>0</v>
      </c>
      <c r="FZ36" s="244"/>
      <c r="GA36" s="71">
        <v>0</v>
      </c>
      <c r="GB36" s="71">
        <v>0</v>
      </c>
      <c r="GC36" s="71">
        <v>0</v>
      </c>
      <c r="GD36" s="71">
        <v>0</v>
      </c>
      <c r="GE36" s="71">
        <v>0</v>
      </c>
      <c r="GF36" s="72">
        <v>0</v>
      </c>
      <c r="GG36" s="73">
        <v>0</v>
      </c>
      <c r="GH36" s="70">
        <v>4</v>
      </c>
      <c r="GI36" s="71">
        <v>4</v>
      </c>
      <c r="GJ36" s="72">
        <v>8</v>
      </c>
      <c r="GK36" s="244"/>
      <c r="GL36" s="71">
        <v>4</v>
      </c>
      <c r="GM36" s="71">
        <v>1</v>
      </c>
      <c r="GN36" s="71">
        <v>5</v>
      </c>
      <c r="GO36" s="71">
        <v>2</v>
      </c>
      <c r="GP36" s="71">
        <v>1</v>
      </c>
      <c r="GQ36" s="72">
        <v>13</v>
      </c>
      <c r="GR36" s="73">
        <v>21</v>
      </c>
      <c r="GS36" s="123">
        <v>6</v>
      </c>
      <c r="GT36" s="82">
        <v>5</v>
      </c>
      <c r="GU36" s="83">
        <v>11</v>
      </c>
      <c r="GV36" s="241"/>
      <c r="GW36" s="82">
        <v>13</v>
      </c>
      <c r="GX36" s="82">
        <v>2</v>
      </c>
      <c r="GY36" s="82">
        <v>8</v>
      </c>
      <c r="GZ36" s="82">
        <v>5</v>
      </c>
      <c r="HA36" s="82">
        <v>5</v>
      </c>
      <c r="HB36" s="84">
        <v>33</v>
      </c>
      <c r="HC36" s="85">
        <v>44</v>
      </c>
      <c r="HD36" s="70">
        <v>0</v>
      </c>
      <c r="HE36" s="71">
        <v>0</v>
      </c>
      <c r="HF36" s="72">
        <v>0</v>
      </c>
      <c r="HG36" s="244"/>
      <c r="HH36" s="71">
        <v>1</v>
      </c>
      <c r="HI36" s="71">
        <v>0</v>
      </c>
      <c r="HJ36" s="71">
        <v>0</v>
      </c>
      <c r="HK36" s="71">
        <v>0</v>
      </c>
      <c r="HL36" s="71">
        <v>0</v>
      </c>
      <c r="HM36" s="72">
        <v>1</v>
      </c>
      <c r="HN36" s="73">
        <v>1</v>
      </c>
      <c r="HO36" s="70">
        <v>0</v>
      </c>
      <c r="HP36" s="71">
        <v>0</v>
      </c>
      <c r="HQ36" s="72">
        <v>0</v>
      </c>
      <c r="HR36" s="244"/>
      <c r="HS36" s="71">
        <v>2</v>
      </c>
      <c r="HT36" s="71">
        <v>0</v>
      </c>
      <c r="HU36" s="71">
        <v>1</v>
      </c>
      <c r="HV36" s="71">
        <v>0</v>
      </c>
      <c r="HW36" s="71">
        <v>1</v>
      </c>
      <c r="HX36" s="72">
        <v>4</v>
      </c>
      <c r="HY36" s="73">
        <v>4</v>
      </c>
      <c r="HZ36" s="70">
        <v>0</v>
      </c>
      <c r="IA36" s="71">
        <v>1</v>
      </c>
      <c r="IB36" s="72">
        <v>1</v>
      </c>
      <c r="IC36" s="244"/>
      <c r="ID36" s="71">
        <v>2</v>
      </c>
      <c r="IE36" s="71">
        <v>1</v>
      </c>
      <c r="IF36" s="71">
        <v>2</v>
      </c>
      <c r="IG36" s="71">
        <v>0</v>
      </c>
      <c r="IH36" s="71">
        <v>2</v>
      </c>
      <c r="II36" s="72">
        <v>7</v>
      </c>
      <c r="IJ36" s="73">
        <v>8</v>
      </c>
      <c r="IK36" s="70">
        <v>4</v>
      </c>
      <c r="IL36" s="71">
        <v>0</v>
      </c>
      <c r="IM36" s="72">
        <v>4</v>
      </c>
      <c r="IN36" s="244"/>
      <c r="IO36" s="71">
        <v>0</v>
      </c>
      <c r="IP36" s="71">
        <v>1</v>
      </c>
      <c r="IQ36" s="71">
        <v>1</v>
      </c>
      <c r="IR36" s="71">
        <v>1</v>
      </c>
      <c r="IS36" s="71">
        <v>0</v>
      </c>
      <c r="IT36" s="72">
        <v>3</v>
      </c>
      <c r="IU36" s="73">
        <v>7</v>
      </c>
      <c r="IV36" s="70">
        <v>1</v>
      </c>
      <c r="IW36" s="71">
        <v>2</v>
      </c>
      <c r="IX36" s="72">
        <v>3</v>
      </c>
      <c r="IY36" s="244"/>
      <c r="IZ36" s="71">
        <v>4</v>
      </c>
      <c r="JA36" s="71">
        <v>0</v>
      </c>
      <c r="JB36" s="71">
        <v>1</v>
      </c>
      <c r="JC36" s="71">
        <v>1</v>
      </c>
      <c r="JD36" s="71">
        <v>2</v>
      </c>
      <c r="JE36" s="72">
        <v>8</v>
      </c>
      <c r="JF36" s="73">
        <v>11</v>
      </c>
      <c r="JG36" s="70">
        <v>1</v>
      </c>
      <c r="JH36" s="71">
        <v>2</v>
      </c>
      <c r="JI36" s="72">
        <v>3</v>
      </c>
      <c r="JJ36" s="244"/>
      <c r="JK36" s="71">
        <v>4</v>
      </c>
      <c r="JL36" s="71">
        <v>0</v>
      </c>
      <c r="JM36" s="71">
        <v>3</v>
      </c>
      <c r="JN36" s="71">
        <v>3</v>
      </c>
      <c r="JO36" s="71">
        <v>0</v>
      </c>
      <c r="JP36" s="72">
        <v>10</v>
      </c>
      <c r="JQ36" s="73">
        <v>13</v>
      </c>
      <c r="JR36" s="70">
        <v>0</v>
      </c>
      <c r="JS36" s="71">
        <v>0</v>
      </c>
      <c r="JT36" s="72">
        <v>0</v>
      </c>
      <c r="JU36" s="244"/>
      <c r="JV36" s="71">
        <v>0</v>
      </c>
      <c r="JW36" s="71">
        <v>0</v>
      </c>
      <c r="JX36" s="71">
        <v>0</v>
      </c>
      <c r="JY36" s="71">
        <v>0</v>
      </c>
      <c r="JZ36" s="71">
        <v>0</v>
      </c>
      <c r="KA36" s="72">
        <v>0</v>
      </c>
      <c r="KB36" s="73">
        <v>0</v>
      </c>
      <c r="KC36" s="70">
        <v>6</v>
      </c>
      <c r="KD36" s="71">
        <v>5</v>
      </c>
      <c r="KE36" s="72">
        <v>11</v>
      </c>
      <c r="KF36" s="244"/>
      <c r="KG36" s="71">
        <v>13</v>
      </c>
      <c r="KH36" s="71">
        <v>2</v>
      </c>
      <c r="KI36" s="71">
        <v>8</v>
      </c>
      <c r="KJ36" s="71">
        <v>5</v>
      </c>
      <c r="KK36" s="71">
        <v>5</v>
      </c>
      <c r="KL36" s="72">
        <v>33</v>
      </c>
      <c r="KM36" s="73">
        <v>44</v>
      </c>
    </row>
    <row r="37" spans="2:299" ht="21" customHeight="1" x14ac:dyDescent="0.2">
      <c r="B37" s="126" t="s">
        <v>34</v>
      </c>
      <c r="C37" s="315">
        <v>1</v>
      </c>
      <c r="D37" s="82">
        <v>1</v>
      </c>
      <c r="E37" s="83">
        <v>2</v>
      </c>
      <c r="F37" s="241"/>
      <c r="G37" s="82">
        <v>1</v>
      </c>
      <c r="H37" s="82">
        <v>4</v>
      </c>
      <c r="I37" s="82">
        <v>2</v>
      </c>
      <c r="J37" s="82">
        <v>0</v>
      </c>
      <c r="K37" s="82">
        <v>1</v>
      </c>
      <c r="L37" s="84">
        <v>8</v>
      </c>
      <c r="M37" s="85">
        <v>10</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1</v>
      </c>
      <c r="AL37" s="72">
        <v>1</v>
      </c>
      <c r="AM37" s="244"/>
      <c r="AN37" s="71">
        <v>0</v>
      </c>
      <c r="AO37" s="71">
        <v>1</v>
      </c>
      <c r="AP37" s="71">
        <v>0</v>
      </c>
      <c r="AQ37" s="71">
        <v>0</v>
      </c>
      <c r="AR37" s="71">
        <v>0</v>
      </c>
      <c r="AS37" s="72">
        <v>1</v>
      </c>
      <c r="AT37" s="73">
        <v>2</v>
      </c>
      <c r="AU37" s="70">
        <v>1</v>
      </c>
      <c r="AV37" s="71">
        <v>0</v>
      </c>
      <c r="AW37" s="72">
        <v>1</v>
      </c>
      <c r="AX37" s="244"/>
      <c r="AY37" s="71">
        <v>1</v>
      </c>
      <c r="AZ37" s="71">
        <v>0</v>
      </c>
      <c r="BA37" s="71">
        <v>0</v>
      </c>
      <c r="BB37" s="71">
        <v>0</v>
      </c>
      <c r="BC37" s="71">
        <v>0</v>
      </c>
      <c r="BD37" s="72">
        <v>1</v>
      </c>
      <c r="BE37" s="73">
        <v>2</v>
      </c>
      <c r="BF37" s="70">
        <v>0</v>
      </c>
      <c r="BG37" s="71">
        <v>0</v>
      </c>
      <c r="BH37" s="72">
        <v>0</v>
      </c>
      <c r="BI37" s="244"/>
      <c r="BJ37" s="71">
        <v>0</v>
      </c>
      <c r="BK37" s="71">
        <v>0</v>
      </c>
      <c r="BL37" s="71">
        <v>1</v>
      </c>
      <c r="BM37" s="71">
        <v>0</v>
      </c>
      <c r="BN37" s="71">
        <v>0</v>
      </c>
      <c r="BO37" s="72">
        <v>1</v>
      </c>
      <c r="BP37" s="73">
        <v>1</v>
      </c>
      <c r="BQ37" s="70">
        <v>0</v>
      </c>
      <c r="BR37" s="71">
        <v>0</v>
      </c>
      <c r="BS37" s="72">
        <v>0</v>
      </c>
      <c r="BT37" s="244"/>
      <c r="BU37" s="71">
        <v>0</v>
      </c>
      <c r="BV37" s="71">
        <v>2</v>
      </c>
      <c r="BW37" s="71">
        <v>1</v>
      </c>
      <c r="BX37" s="71">
        <v>0</v>
      </c>
      <c r="BY37" s="71">
        <v>1</v>
      </c>
      <c r="BZ37" s="72">
        <v>4</v>
      </c>
      <c r="CA37" s="73">
        <v>4</v>
      </c>
      <c r="CB37" s="70">
        <v>0</v>
      </c>
      <c r="CC37" s="71">
        <v>0</v>
      </c>
      <c r="CD37" s="72">
        <v>0</v>
      </c>
      <c r="CE37" s="244"/>
      <c r="CF37" s="71">
        <v>0</v>
      </c>
      <c r="CG37" s="71">
        <v>0</v>
      </c>
      <c r="CH37" s="71">
        <v>0</v>
      </c>
      <c r="CI37" s="71">
        <v>0</v>
      </c>
      <c r="CJ37" s="71">
        <v>0</v>
      </c>
      <c r="CK37" s="72">
        <v>0</v>
      </c>
      <c r="CL37" s="73">
        <v>0</v>
      </c>
      <c r="CM37" s="70">
        <v>1</v>
      </c>
      <c r="CN37" s="71">
        <v>1</v>
      </c>
      <c r="CO37" s="72">
        <v>2</v>
      </c>
      <c r="CP37" s="244"/>
      <c r="CQ37" s="71">
        <v>1</v>
      </c>
      <c r="CR37" s="71">
        <v>4</v>
      </c>
      <c r="CS37" s="71">
        <v>2</v>
      </c>
      <c r="CT37" s="71">
        <v>0</v>
      </c>
      <c r="CU37" s="71">
        <v>1</v>
      </c>
      <c r="CV37" s="72">
        <v>8</v>
      </c>
      <c r="CW37" s="73">
        <v>10</v>
      </c>
      <c r="CX37" s="123">
        <v>1</v>
      </c>
      <c r="CY37" s="82">
        <v>0</v>
      </c>
      <c r="CZ37" s="83">
        <v>1</v>
      </c>
      <c r="DA37" s="241"/>
      <c r="DB37" s="82">
        <v>1</v>
      </c>
      <c r="DC37" s="82">
        <v>1</v>
      </c>
      <c r="DD37" s="82">
        <v>1</v>
      </c>
      <c r="DE37" s="82">
        <v>0</v>
      </c>
      <c r="DF37" s="82">
        <v>0</v>
      </c>
      <c r="DG37" s="84">
        <v>3</v>
      </c>
      <c r="DH37" s="85">
        <v>4</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1</v>
      </c>
      <c r="EQ37" s="71">
        <v>0</v>
      </c>
      <c r="ER37" s="72">
        <v>1</v>
      </c>
      <c r="ES37" s="244"/>
      <c r="ET37" s="71">
        <v>0</v>
      </c>
      <c r="EU37" s="71">
        <v>0</v>
      </c>
      <c r="EV37" s="71">
        <v>0</v>
      </c>
      <c r="EW37" s="71">
        <v>0</v>
      </c>
      <c r="EX37" s="71">
        <v>0</v>
      </c>
      <c r="EY37" s="72">
        <v>0</v>
      </c>
      <c r="EZ37" s="73">
        <v>1</v>
      </c>
      <c r="FA37" s="70">
        <v>0</v>
      </c>
      <c r="FB37" s="71">
        <v>0</v>
      </c>
      <c r="FC37" s="72">
        <v>0</v>
      </c>
      <c r="FD37" s="244"/>
      <c r="FE37" s="71">
        <v>1</v>
      </c>
      <c r="FF37" s="71">
        <v>1</v>
      </c>
      <c r="FG37" s="71">
        <v>0</v>
      </c>
      <c r="FH37" s="71">
        <v>0</v>
      </c>
      <c r="FI37" s="71">
        <v>0</v>
      </c>
      <c r="FJ37" s="72">
        <v>2</v>
      </c>
      <c r="FK37" s="73">
        <v>2</v>
      </c>
      <c r="FL37" s="70">
        <v>0</v>
      </c>
      <c r="FM37" s="71">
        <v>0</v>
      </c>
      <c r="FN37" s="72">
        <v>0</v>
      </c>
      <c r="FO37" s="244"/>
      <c r="FP37" s="71">
        <v>0</v>
      </c>
      <c r="FQ37" s="71">
        <v>0</v>
      </c>
      <c r="FR37" s="71">
        <v>0</v>
      </c>
      <c r="FS37" s="71">
        <v>0</v>
      </c>
      <c r="FT37" s="71">
        <v>0</v>
      </c>
      <c r="FU37" s="72">
        <v>0</v>
      </c>
      <c r="FV37" s="73">
        <v>0</v>
      </c>
      <c r="FW37" s="70">
        <v>0</v>
      </c>
      <c r="FX37" s="71">
        <v>0</v>
      </c>
      <c r="FY37" s="72">
        <v>0</v>
      </c>
      <c r="FZ37" s="244"/>
      <c r="GA37" s="71">
        <v>0</v>
      </c>
      <c r="GB37" s="71">
        <v>0</v>
      </c>
      <c r="GC37" s="71">
        <v>0</v>
      </c>
      <c r="GD37" s="71">
        <v>0</v>
      </c>
      <c r="GE37" s="71">
        <v>0</v>
      </c>
      <c r="GF37" s="72">
        <v>0</v>
      </c>
      <c r="GG37" s="73">
        <v>0</v>
      </c>
      <c r="GH37" s="70">
        <v>1</v>
      </c>
      <c r="GI37" s="71">
        <v>0</v>
      </c>
      <c r="GJ37" s="72">
        <v>1</v>
      </c>
      <c r="GK37" s="244"/>
      <c r="GL37" s="71">
        <v>1</v>
      </c>
      <c r="GM37" s="71">
        <v>1</v>
      </c>
      <c r="GN37" s="71">
        <v>1</v>
      </c>
      <c r="GO37" s="71">
        <v>0</v>
      </c>
      <c r="GP37" s="71">
        <v>0</v>
      </c>
      <c r="GQ37" s="72">
        <v>3</v>
      </c>
      <c r="GR37" s="73">
        <v>4</v>
      </c>
      <c r="GS37" s="123">
        <v>2</v>
      </c>
      <c r="GT37" s="82">
        <v>1</v>
      </c>
      <c r="GU37" s="83">
        <v>3</v>
      </c>
      <c r="GV37" s="241"/>
      <c r="GW37" s="82">
        <v>2</v>
      </c>
      <c r="GX37" s="82">
        <v>5</v>
      </c>
      <c r="GY37" s="82">
        <v>3</v>
      </c>
      <c r="GZ37" s="82">
        <v>0</v>
      </c>
      <c r="HA37" s="82">
        <v>1</v>
      </c>
      <c r="HB37" s="84">
        <v>11</v>
      </c>
      <c r="HC37" s="85">
        <v>14</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1</v>
      </c>
      <c r="IB37" s="72">
        <v>1</v>
      </c>
      <c r="IC37" s="244"/>
      <c r="ID37" s="71">
        <v>0</v>
      </c>
      <c r="IE37" s="71">
        <v>1</v>
      </c>
      <c r="IF37" s="71">
        <v>1</v>
      </c>
      <c r="IG37" s="71">
        <v>0</v>
      </c>
      <c r="IH37" s="71">
        <v>0</v>
      </c>
      <c r="II37" s="72">
        <v>2</v>
      </c>
      <c r="IJ37" s="73">
        <v>3</v>
      </c>
      <c r="IK37" s="70">
        <v>2</v>
      </c>
      <c r="IL37" s="71">
        <v>0</v>
      </c>
      <c r="IM37" s="72">
        <v>2</v>
      </c>
      <c r="IN37" s="244"/>
      <c r="IO37" s="71">
        <v>1</v>
      </c>
      <c r="IP37" s="71">
        <v>0</v>
      </c>
      <c r="IQ37" s="71">
        <v>0</v>
      </c>
      <c r="IR37" s="71">
        <v>0</v>
      </c>
      <c r="IS37" s="71">
        <v>0</v>
      </c>
      <c r="IT37" s="72">
        <v>1</v>
      </c>
      <c r="IU37" s="73">
        <v>3</v>
      </c>
      <c r="IV37" s="70">
        <v>0</v>
      </c>
      <c r="IW37" s="71">
        <v>0</v>
      </c>
      <c r="IX37" s="72">
        <v>0</v>
      </c>
      <c r="IY37" s="244"/>
      <c r="IZ37" s="71">
        <v>1</v>
      </c>
      <c r="JA37" s="71">
        <v>1</v>
      </c>
      <c r="JB37" s="71">
        <v>1</v>
      </c>
      <c r="JC37" s="71">
        <v>0</v>
      </c>
      <c r="JD37" s="71">
        <v>0</v>
      </c>
      <c r="JE37" s="72">
        <v>3</v>
      </c>
      <c r="JF37" s="73">
        <v>3</v>
      </c>
      <c r="JG37" s="70">
        <v>0</v>
      </c>
      <c r="JH37" s="71">
        <v>0</v>
      </c>
      <c r="JI37" s="72">
        <v>0</v>
      </c>
      <c r="JJ37" s="244"/>
      <c r="JK37" s="71">
        <v>0</v>
      </c>
      <c r="JL37" s="71">
        <v>2</v>
      </c>
      <c r="JM37" s="71">
        <v>1</v>
      </c>
      <c r="JN37" s="71">
        <v>0</v>
      </c>
      <c r="JO37" s="71">
        <v>1</v>
      </c>
      <c r="JP37" s="72">
        <v>4</v>
      </c>
      <c r="JQ37" s="73">
        <v>4</v>
      </c>
      <c r="JR37" s="70">
        <v>0</v>
      </c>
      <c r="JS37" s="71">
        <v>0</v>
      </c>
      <c r="JT37" s="72">
        <v>0</v>
      </c>
      <c r="JU37" s="244"/>
      <c r="JV37" s="71">
        <v>0</v>
      </c>
      <c r="JW37" s="71">
        <v>0</v>
      </c>
      <c r="JX37" s="71">
        <v>0</v>
      </c>
      <c r="JY37" s="71">
        <v>0</v>
      </c>
      <c r="JZ37" s="71">
        <v>0</v>
      </c>
      <c r="KA37" s="72">
        <v>0</v>
      </c>
      <c r="KB37" s="73">
        <v>0</v>
      </c>
      <c r="KC37" s="70">
        <v>2</v>
      </c>
      <c r="KD37" s="71">
        <v>1</v>
      </c>
      <c r="KE37" s="72">
        <v>3</v>
      </c>
      <c r="KF37" s="244"/>
      <c r="KG37" s="71">
        <v>2</v>
      </c>
      <c r="KH37" s="71">
        <v>5</v>
      </c>
      <c r="KI37" s="71">
        <v>3</v>
      </c>
      <c r="KJ37" s="71">
        <v>0</v>
      </c>
      <c r="KK37" s="71">
        <v>1</v>
      </c>
      <c r="KL37" s="72">
        <v>11</v>
      </c>
      <c r="KM37" s="73">
        <v>14</v>
      </c>
    </row>
    <row r="38" spans="2:299" ht="21" customHeight="1" x14ac:dyDescent="0.2">
      <c r="B38" s="126" t="s">
        <v>35</v>
      </c>
      <c r="C38" s="315">
        <v>4</v>
      </c>
      <c r="D38" s="82">
        <v>11</v>
      </c>
      <c r="E38" s="83">
        <v>15</v>
      </c>
      <c r="F38" s="241"/>
      <c r="G38" s="82">
        <v>18</v>
      </c>
      <c r="H38" s="82">
        <v>7</v>
      </c>
      <c r="I38" s="82">
        <v>6</v>
      </c>
      <c r="J38" s="82">
        <v>7</v>
      </c>
      <c r="K38" s="82">
        <v>0</v>
      </c>
      <c r="L38" s="84">
        <v>38</v>
      </c>
      <c r="M38" s="85">
        <v>53</v>
      </c>
      <c r="N38" s="70">
        <v>0</v>
      </c>
      <c r="O38" s="71">
        <v>0</v>
      </c>
      <c r="P38" s="72">
        <v>0</v>
      </c>
      <c r="Q38" s="244"/>
      <c r="R38" s="71">
        <v>0</v>
      </c>
      <c r="S38" s="71">
        <v>0</v>
      </c>
      <c r="T38" s="71">
        <v>0</v>
      </c>
      <c r="U38" s="71">
        <v>2</v>
      </c>
      <c r="V38" s="71">
        <v>0</v>
      </c>
      <c r="W38" s="72">
        <v>2</v>
      </c>
      <c r="X38" s="73">
        <v>2</v>
      </c>
      <c r="Y38" s="70">
        <v>0</v>
      </c>
      <c r="Z38" s="71">
        <v>0</v>
      </c>
      <c r="AA38" s="72">
        <v>0</v>
      </c>
      <c r="AB38" s="244"/>
      <c r="AC38" s="71">
        <v>0</v>
      </c>
      <c r="AD38" s="71">
        <v>1</v>
      </c>
      <c r="AE38" s="71">
        <v>0</v>
      </c>
      <c r="AF38" s="71">
        <v>0</v>
      </c>
      <c r="AG38" s="71">
        <v>0</v>
      </c>
      <c r="AH38" s="72">
        <v>1</v>
      </c>
      <c r="AI38" s="73">
        <v>1</v>
      </c>
      <c r="AJ38" s="70">
        <v>0</v>
      </c>
      <c r="AK38" s="71">
        <v>2</v>
      </c>
      <c r="AL38" s="72">
        <v>2</v>
      </c>
      <c r="AM38" s="244"/>
      <c r="AN38" s="71">
        <v>5</v>
      </c>
      <c r="AO38" s="71">
        <v>1</v>
      </c>
      <c r="AP38" s="71">
        <v>3</v>
      </c>
      <c r="AQ38" s="71">
        <v>3</v>
      </c>
      <c r="AR38" s="71">
        <v>0</v>
      </c>
      <c r="AS38" s="72">
        <v>12</v>
      </c>
      <c r="AT38" s="73">
        <v>14</v>
      </c>
      <c r="AU38" s="70">
        <v>1</v>
      </c>
      <c r="AV38" s="71">
        <v>2</v>
      </c>
      <c r="AW38" s="72">
        <v>3</v>
      </c>
      <c r="AX38" s="244"/>
      <c r="AY38" s="71">
        <v>4</v>
      </c>
      <c r="AZ38" s="71">
        <v>2</v>
      </c>
      <c r="BA38" s="71">
        <v>0</v>
      </c>
      <c r="BB38" s="71">
        <v>0</v>
      </c>
      <c r="BC38" s="71">
        <v>0</v>
      </c>
      <c r="BD38" s="72">
        <v>6</v>
      </c>
      <c r="BE38" s="73">
        <v>9</v>
      </c>
      <c r="BF38" s="70">
        <v>0</v>
      </c>
      <c r="BG38" s="71">
        <v>4</v>
      </c>
      <c r="BH38" s="72">
        <v>4</v>
      </c>
      <c r="BI38" s="244"/>
      <c r="BJ38" s="71">
        <v>6</v>
      </c>
      <c r="BK38" s="71">
        <v>1</v>
      </c>
      <c r="BL38" s="71">
        <v>2</v>
      </c>
      <c r="BM38" s="71">
        <v>1</v>
      </c>
      <c r="BN38" s="71">
        <v>0</v>
      </c>
      <c r="BO38" s="72">
        <v>10</v>
      </c>
      <c r="BP38" s="73">
        <v>14</v>
      </c>
      <c r="BQ38" s="70">
        <v>3</v>
      </c>
      <c r="BR38" s="71">
        <v>3</v>
      </c>
      <c r="BS38" s="72">
        <v>6</v>
      </c>
      <c r="BT38" s="244"/>
      <c r="BU38" s="71">
        <v>3</v>
      </c>
      <c r="BV38" s="71">
        <v>2</v>
      </c>
      <c r="BW38" s="71">
        <v>1</v>
      </c>
      <c r="BX38" s="71">
        <v>1</v>
      </c>
      <c r="BY38" s="71">
        <v>0</v>
      </c>
      <c r="BZ38" s="72">
        <v>7</v>
      </c>
      <c r="CA38" s="73">
        <v>13</v>
      </c>
      <c r="CB38" s="70">
        <v>0</v>
      </c>
      <c r="CC38" s="71">
        <v>0</v>
      </c>
      <c r="CD38" s="72">
        <v>0</v>
      </c>
      <c r="CE38" s="244"/>
      <c r="CF38" s="71">
        <v>0</v>
      </c>
      <c r="CG38" s="71">
        <v>0</v>
      </c>
      <c r="CH38" s="71">
        <v>0</v>
      </c>
      <c r="CI38" s="71">
        <v>0</v>
      </c>
      <c r="CJ38" s="71">
        <v>0</v>
      </c>
      <c r="CK38" s="72">
        <v>0</v>
      </c>
      <c r="CL38" s="73">
        <v>0</v>
      </c>
      <c r="CM38" s="70">
        <v>4</v>
      </c>
      <c r="CN38" s="71">
        <v>11</v>
      </c>
      <c r="CO38" s="72">
        <v>15</v>
      </c>
      <c r="CP38" s="244"/>
      <c r="CQ38" s="71">
        <v>18</v>
      </c>
      <c r="CR38" s="71">
        <v>7</v>
      </c>
      <c r="CS38" s="71">
        <v>6</v>
      </c>
      <c r="CT38" s="71">
        <v>7</v>
      </c>
      <c r="CU38" s="71">
        <v>0</v>
      </c>
      <c r="CV38" s="72">
        <v>38</v>
      </c>
      <c r="CW38" s="73">
        <v>53</v>
      </c>
      <c r="CX38" s="123">
        <v>2</v>
      </c>
      <c r="CY38" s="82">
        <v>2</v>
      </c>
      <c r="CZ38" s="83">
        <v>4</v>
      </c>
      <c r="DA38" s="241"/>
      <c r="DB38" s="82">
        <v>5</v>
      </c>
      <c r="DC38" s="82">
        <v>4</v>
      </c>
      <c r="DD38" s="82">
        <v>2</v>
      </c>
      <c r="DE38" s="82">
        <v>9</v>
      </c>
      <c r="DF38" s="82">
        <v>0</v>
      </c>
      <c r="DG38" s="84">
        <v>20</v>
      </c>
      <c r="DH38" s="85">
        <v>24</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0</v>
      </c>
      <c r="EJ38" s="71">
        <v>1</v>
      </c>
      <c r="EK38" s="71">
        <v>0</v>
      </c>
      <c r="EL38" s="71">
        <v>0</v>
      </c>
      <c r="EM38" s="71">
        <v>0</v>
      </c>
      <c r="EN38" s="72">
        <v>1</v>
      </c>
      <c r="EO38" s="73">
        <v>1</v>
      </c>
      <c r="EP38" s="70">
        <v>1</v>
      </c>
      <c r="EQ38" s="71">
        <v>0</v>
      </c>
      <c r="ER38" s="72">
        <v>1</v>
      </c>
      <c r="ES38" s="244"/>
      <c r="ET38" s="71">
        <v>3</v>
      </c>
      <c r="EU38" s="71">
        <v>1</v>
      </c>
      <c r="EV38" s="71">
        <v>0</v>
      </c>
      <c r="EW38" s="71">
        <v>2</v>
      </c>
      <c r="EX38" s="71">
        <v>0</v>
      </c>
      <c r="EY38" s="72">
        <v>6</v>
      </c>
      <c r="EZ38" s="73">
        <v>7</v>
      </c>
      <c r="FA38" s="70">
        <v>1</v>
      </c>
      <c r="FB38" s="71">
        <v>1</v>
      </c>
      <c r="FC38" s="72">
        <v>2</v>
      </c>
      <c r="FD38" s="244"/>
      <c r="FE38" s="71">
        <v>2</v>
      </c>
      <c r="FF38" s="71">
        <v>2</v>
      </c>
      <c r="FG38" s="71">
        <v>0</v>
      </c>
      <c r="FH38" s="71">
        <v>1</v>
      </c>
      <c r="FI38" s="71">
        <v>0</v>
      </c>
      <c r="FJ38" s="72">
        <v>5</v>
      </c>
      <c r="FK38" s="73">
        <v>7</v>
      </c>
      <c r="FL38" s="70">
        <v>0</v>
      </c>
      <c r="FM38" s="71">
        <v>1</v>
      </c>
      <c r="FN38" s="72">
        <v>1</v>
      </c>
      <c r="FO38" s="244"/>
      <c r="FP38" s="71">
        <v>0</v>
      </c>
      <c r="FQ38" s="71">
        <v>0</v>
      </c>
      <c r="FR38" s="71">
        <v>1</v>
      </c>
      <c r="FS38" s="71">
        <v>6</v>
      </c>
      <c r="FT38" s="71">
        <v>0</v>
      </c>
      <c r="FU38" s="72">
        <v>7</v>
      </c>
      <c r="FV38" s="73">
        <v>8</v>
      </c>
      <c r="FW38" s="70">
        <v>0</v>
      </c>
      <c r="FX38" s="71">
        <v>0</v>
      </c>
      <c r="FY38" s="72">
        <v>0</v>
      </c>
      <c r="FZ38" s="244"/>
      <c r="GA38" s="71">
        <v>0</v>
      </c>
      <c r="GB38" s="71">
        <v>0</v>
      </c>
      <c r="GC38" s="71">
        <v>0</v>
      </c>
      <c r="GD38" s="71">
        <v>0</v>
      </c>
      <c r="GE38" s="71">
        <v>0</v>
      </c>
      <c r="GF38" s="72">
        <v>0</v>
      </c>
      <c r="GG38" s="73">
        <v>0</v>
      </c>
      <c r="GH38" s="70">
        <v>2</v>
      </c>
      <c r="GI38" s="71">
        <v>2</v>
      </c>
      <c r="GJ38" s="72">
        <v>4</v>
      </c>
      <c r="GK38" s="244"/>
      <c r="GL38" s="71">
        <v>5</v>
      </c>
      <c r="GM38" s="71">
        <v>4</v>
      </c>
      <c r="GN38" s="71">
        <v>2</v>
      </c>
      <c r="GO38" s="71">
        <v>9</v>
      </c>
      <c r="GP38" s="71">
        <v>0</v>
      </c>
      <c r="GQ38" s="72">
        <v>20</v>
      </c>
      <c r="GR38" s="73">
        <v>24</v>
      </c>
      <c r="GS38" s="123">
        <v>6</v>
      </c>
      <c r="GT38" s="82">
        <v>13</v>
      </c>
      <c r="GU38" s="83">
        <v>19</v>
      </c>
      <c r="GV38" s="241"/>
      <c r="GW38" s="82">
        <v>23</v>
      </c>
      <c r="GX38" s="82">
        <v>11</v>
      </c>
      <c r="GY38" s="82">
        <v>8</v>
      </c>
      <c r="GZ38" s="82">
        <v>16</v>
      </c>
      <c r="HA38" s="82">
        <v>0</v>
      </c>
      <c r="HB38" s="84">
        <v>58</v>
      </c>
      <c r="HC38" s="85">
        <v>77</v>
      </c>
      <c r="HD38" s="70">
        <v>0</v>
      </c>
      <c r="HE38" s="71">
        <v>0</v>
      </c>
      <c r="HF38" s="72">
        <v>0</v>
      </c>
      <c r="HG38" s="244"/>
      <c r="HH38" s="71">
        <v>0</v>
      </c>
      <c r="HI38" s="71">
        <v>0</v>
      </c>
      <c r="HJ38" s="71">
        <v>0</v>
      </c>
      <c r="HK38" s="71">
        <v>2</v>
      </c>
      <c r="HL38" s="71">
        <v>0</v>
      </c>
      <c r="HM38" s="72">
        <v>2</v>
      </c>
      <c r="HN38" s="73">
        <v>2</v>
      </c>
      <c r="HO38" s="70">
        <v>0</v>
      </c>
      <c r="HP38" s="71">
        <v>0</v>
      </c>
      <c r="HQ38" s="72">
        <v>0</v>
      </c>
      <c r="HR38" s="244"/>
      <c r="HS38" s="71">
        <v>0</v>
      </c>
      <c r="HT38" s="71">
        <v>1</v>
      </c>
      <c r="HU38" s="71">
        <v>1</v>
      </c>
      <c r="HV38" s="71">
        <v>0</v>
      </c>
      <c r="HW38" s="71">
        <v>0</v>
      </c>
      <c r="HX38" s="72">
        <v>2</v>
      </c>
      <c r="HY38" s="73">
        <v>2</v>
      </c>
      <c r="HZ38" s="70">
        <v>0</v>
      </c>
      <c r="IA38" s="71">
        <v>2</v>
      </c>
      <c r="IB38" s="72">
        <v>2</v>
      </c>
      <c r="IC38" s="244"/>
      <c r="ID38" s="71">
        <v>5</v>
      </c>
      <c r="IE38" s="71">
        <v>2</v>
      </c>
      <c r="IF38" s="71">
        <v>3</v>
      </c>
      <c r="IG38" s="71">
        <v>3</v>
      </c>
      <c r="IH38" s="71">
        <v>0</v>
      </c>
      <c r="II38" s="72">
        <v>13</v>
      </c>
      <c r="IJ38" s="73">
        <v>15</v>
      </c>
      <c r="IK38" s="70">
        <v>2</v>
      </c>
      <c r="IL38" s="71">
        <v>2</v>
      </c>
      <c r="IM38" s="72">
        <v>4</v>
      </c>
      <c r="IN38" s="244"/>
      <c r="IO38" s="71">
        <v>7</v>
      </c>
      <c r="IP38" s="71">
        <v>3</v>
      </c>
      <c r="IQ38" s="71">
        <v>0</v>
      </c>
      <c r="IR38" s="71">
        <v>2</v>
      </c>
      <c r="IS38" s="71">
        <v>0</v>
      </c>
      <c r="IT38" s="72">
        <v>12</v>
      </c>
      <c r="IU38" s="73">
        <v>16</v>
      </c>
      <c r="IV38" s="70">
        <v>1</v>
      </c>
      <c r="IW38" s="71">
        <v>5</v>
      </c>
      <c r="IX38" s="72">
        <v>6</v>
      </c>
      <c r="IY38" s="244"/>
      <c r="IZ38" s="71">
        <v>8</v>
      </c>
      <c r="JA38" s="71">
        <v>3</v>
      </c>
      <c r="JB38" s="71">
        <v>2</v>
      </c>
      <c r="JC38" s="71">
        <v>2</v>
      </c>
      <c r="JD38" s="71">
        <v>0</v>
      </c>
      <c r="JE38" s="72">
        <v>15</v>
      </c>
      <c r="JF38" s="73">
        <v>21</v>
      </c>
      <c r="JG38" s="70">
        <v>3</v>
      </c>
      <c r="JH38" s="71">
        <v>4</v>
      </c>
      <c r="JI38" s="72">
        <v>7</v>
      </c>
      <c r="JJ38" s="244"/>
      <c r="JK38" s="71">
        <v>3</v>
      </c>
      <c r="JL38" s="71">
        <v>2</v>
      </c>
      <c r="JM38" s="71">
        <v>2</v>
      </c>
      <c r="JN38" s="71">
        <v>7</v>
      </c>
      <c r="JO38" s="71">
        <v>0</v>
      </c>
      <c r="JP38" s="72">
        <v>14</v>
      </c>
      <c r="JQ38" s="73">
        <v>21</v>
      </c>
      <c r="JR38" s="70">
        <v>0</v>
      </c>
      <c r="JS38" s="71">
        <v>0</v>
      </c>
      <c r="JT38" s="72">
        <v>0</v>
      </c>
      <c r="JU38" s="244"/>
      <c r="JV38" s="71">
        <v>0</v>
      </c>
      <c r="JW38" s="71">
        <v>0</v>
      </c>
      <c r="JX38" s="71">
        <v>0</v>
      </c>
      <c r="JY38" s="71">
        <v>0</v>
      </c>
      <c r="JZ38" s="71">
        <v>0</v>
      </c>
      <c r="KA38" s="72">
        <v>0</v>
      </c>
      <c r="KB38" s="73">
        <v>0</v>
      </c>
      <c r="KC38" s="70">
        <v>6</v>
      </c>
      <c r="KD38" s="71">
        <v>13</v>
      </c>
      <c r="KE38" s="72">
        <v>19</v>
      </c>
      <c r="KF38" s="244"/>
      <c r="KG38" s="71">
        <v>23</v>
      </c>
      <c r="KH38" s="71">
        <v>11</v>
      </c>
      <c r="KI38" s="71">
        <v>8</v>
      </c>
      <c r="KJ38" s="71">
        <v>16</v>
      </c>
      <c r="KK38" s="71">
        <v>0</v>
      </c>
      <c r="KL38" s="72">
        <v>58</v>
      </c>
      <c r="KM38" s="73">
        <v>77</v>
      </c>
    </row>
    <row r="39" spans="2:299" ht="21" customHeight="1" x14ac:dyDescent="0.2">
      <c r="B39" s="126" t="s">
        <v>36</v>
      </c>
      <c r="C39" s="315">
        <v>4</v>
      </c>
      <c r="D39" s="82">
        <v>6</v>
      </c>
      <c r="E39" s="83">
        <v>10</v>
      </c>
      <c r="F39" s="241"/>
      <c r="G39" s="82">
        <v>6</v>
      </c>
      <c r="H39" s="82">
        <v>5</v>
      </c>
      <c r="I39" s="82">
        <v>2</v>
      </c>
      <c r="J39" s="82">
        <v>8</v>
      </c>
      <c r="K39" s="82">
        <v>4</v>
      </c>
      <c r="L39" s="84">
        <v>25</v>
      </c>
      <c r="M39" s="85">
        <v>35</v>
      </c>
      <c r="N39" s="70">
        <v>0</v>
      </c>
      <c r="O39" s="71">
        <v>0</v>
      </c>
      <c r="P39" s="72">
        <v>0</v>
      </c>
      <c r="Q39" s="244"/>
      <c r="R39" s="71">
        <v>0</v>
      </c>
      <c r="S39" s="71">
        <v>0</v>
      </c>
      <c r="T39" s="71">
        <v>0</v>
      </c>
      <c r="U39" s="71">
        <v>0</v>
      </c>
      <c r="V39" s="71">
        <v>0</v>
      </c>
      <c r="W39" s="72">
        <v>0</v>
      </c>
      <c r="X39" s="73">
        <v>0</v>
      </c>
      <c r="Y39" s="70">
        <v>0</v>
      </c>
      <c r="Z39" s="71">
        <v>0</v>
      </c>
      <c r="AA39" s="72">
        <v>0</v>
      </c>
      <c r="AB39" s="244"/>
      <c r="AC39" s="71">
        <v>0</v>
      </c>
      <c r="AD39" s="71">
        <v>2</v>
      </c>
      <c r="AE39" s="71">
        <v>0</v>
      </c>
      <c r="AF39" s="71">
        <v>1</v>
      </c>
      <c r="AG39" s="71">
        <v>0</v>
      </c>
      <c r="AH39" s="72">
        <v>3</v>
      </c>
      <c r="AI39" s="73">
        <v>3</v>
      </c>
      <c r="AJ39" s="70">
        <v>2</v>
      </c>
      <c r="AK39" s="71">
        <v>0</v>
      </c>
      <c r="AL39" s="72">
        <v>2</v>
      </c>
      <c r="AM39" s="244"/>
      <c r="AN39" s="71">
        <v>2</v>
      </c>
      <c r="AO39" s="71">
        <v>1</v>
      </c>
      <c r="AP39" s="71">
        <v>0</v>
      </c>
      <c r="AQ39" s="71">
        <v>0</v>
      </c>
      <c r="AR39" s="71">
        <v>2</v>
      </c>
      <c r="AS39" s="72">
        <v>5</v>
      </c>
      <c r="AT39" s="73">
        <v>7</v>
      </c>
      <c r="AU39" s="70">
        <v>0</v>
      </c>
      <c r="AV39" s="71">
        <v>3</v>
      </c>
      <c r="AW39" s="72">
        <v>3</v>
      </c>
      <c r="AX39" s="244"/>
      <c r="AY39" s="71">
        <v>3</v>
      </c>
      <c r="AZ39" s="71">
        <v>1</v>
      </c>
      <c r="BA39" s="71">
        <v>1</v>
      </c>
      <c r="BB39" s="71">
        <v>0</v>
      </c>
      <c r="BC39" s="71">
        <v>1</v>
      </c>
      <c r="BD39" s="72">
        <v>6</v>
      </c>
      <c r="BE39" s="73">
        <v>9</v>
      </c>
      <c r="BF39" s="70">
        <v>1</v>
      </c>
      <c r="BG39" s="71">
        <v>3</v>
      </c>
      <c r="BH39" s="72">
        <v>4</v>
      </c>
      <c r="BI39" s="244"/>
      <c r="BJ39" s="71">
        <v>0</v>
      </c>
      <c r="BK39" s="71">
        <v>0</v>
      </c>
      <c r="BL39" s="71">
        <v>0</v>
      </c>
      <c r="BM39" s="71">
        <v>3</v>
      </c>
      <c r="BN39" s="71">
        <v>0</v>
      </c>
      <c r="BO39" s="72">
        <v>3</v>
      </c>
      <c r="BP39" s="73">
        <v>7</v>
      </c>
      <c r="BQ39" s="70">
        <v>1</v>
      </c>
      <c r="BR39" s="71">
        <v>0</v>
      </c>
      <c r="BS39" s="72">
        <v>1</v>
      </c>
      <c r="BT39" s="244"/>
      <c r="BU39" s="71">
        <v>1</v>
      </c>
      <c r="BV39" s="71">
        <v>1</v>
      </c>
      <c r="BW39" s="71">
        <v>1</v>
      </c>
      <c r="BX39" s="71">
        <v>4</v>
      </c>
      <c r="BY39" s="71">
        <v>1</v>
      </c>
      <c r="BZ39" s="72">
        <v>8</v>
      </c>
      <c r="CA39" s="73">
        <v>9</v>
      </c>
      <c r="CB39" s="70">
        <v>0</v>
      </c>
      <c r="CC39" s="71">
        <v>0</v>
      </c>
      <c r="CD39" s="72">
        <v>0</v>
      </c>
      <c r="CE39" s="244"/>
      <c r="CF39" s="71">
        <v>0</v>
      </c>
      <c r="CG39" s="71">
        <v>0</v>
      </c>
      <c r="CH39" s="71">
        <v>0</v>
      </c>
      <c r="CI39" s="71">
        <v>0</v>
      </c>
      <c r="CJ39" s="71">
        <v>0</v>
      </c>
      <c r="CK39" s="72">
        <v>0</v>
      </c>
      <c r="CL39" s="73">
        <v>0</v>
      </c>
      <c r="CM39" s="70">
        <v>4</v>
      </c>
      <c r="CN39" s="71">
        <v>6</v>
      </c>
      <c r="CO39" s="72">
        <v>10</v>
      </c>
      <c r="CP39" s="244"/>
      <c r="CQ39" s="71">
        <v>6</v>
      </c>
      <c r="CR39" s="71">
        <v>5</v>
      </c>
      <c r="CS39" s="71">
        <v>2</v>
      </c>
      <c r="CT39" s="71">
        <v>8</v>
      </c>
      <c r="CU39" s="71">
        <v>4</v>
      </c>
      <c r="CV39" s="72">
        <v>25</v>
      </c>
      <c r="CW39" s="73">
        <v>35</v>
      </c>
      <c r="CX39" s="123">
        <v>3</v>
      </c>
      <c r="CY39" s="82">
        <v>4</v>
      </c>
      <c r="CZ39" s="83">
        <v>7</v>
      </c>
      <c r="DA39" s="241"/>
      <c r="DB39" s="82">
        <v>7</v>
      </c>
      <c r="DC39" s="82">
        <v>3</v>
      </c>
      <c r="DD39" s="82">
        <v>4</v>
      </c>
      <c r="DE39" s="82">
        <v>6</v>
      </c>
      <c r="DF39" s="82">
        <v>3</v>
      </c>
      <c r="DG39" s="84">
        <v>23</v>
      </c>
      <c r="DH39" s="85">
        <v>30</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2</v>
      </c>
      <c r="EG39" s="72">
        <v>2</v>
      </c>
      <c r="EH39" s="244"/>
      <c r="EI39" s="71">
        <v>1</v>
      </c>
      <c r="EJ39" s="71">
        <v>0</v>
      </c>
      <c r="EK39" s="71">
        <v>0</v>
      </c>
      <c r="EL39" s="71">
        <v>0</v>
      </c>
      <c r="EM39" s="71">
        <v>0</v>
      </c>
      <c r="EN39" s="72">
        <v>1</v>
      </c>
      <c r="EO39" s="73">
        <v>3</v>
      </c>
      <c r="EP39" s="70">
        <v>1</v>
      </c>
      <c r="EQ39" s="71">
        <v>1</v>
      </c>
      <c r="ER39" s="72">
        <v>2</v>
      </c>
      <c r="ES39" s="244"/>
      <c r="ET39" s="71">
        <v>1</v>
      </c>
      <c r="EU39" s="71">
        <v>0</v>
      </c>
      <c r="EV39" s="71">
        <v>0</v>
      </c>
      <c r="EW39" s="71">
        <v>1</v>
      </c>
      <c r="EX39" s="71">
        <v>0</v>
      </c>
      <c r="EY39" s="72">
        <v>2</v>
      </c>
      <c r="EZ39" s="73">
        <v>4</v>
      </c>
      <c r="FA39" s="70">
        <v>1</v>
      </c>
      <c r="FB39" s="71">
        <v>1</v>
      </c>
      <c r="FC39" s="72">
        <v>2</v>
      </c>
      <c r="FD39" s="244"/>
      <c r="FE39" s="71">
        <v>2</v>
      </c>
      <c r="FF39" s="71">
        <v>2</v>
      </c>
      <c r="FG39" s="71">
        <v>1</v>
      </c>
      <c r="FH39" s="71">
        <v>4</v>
      </c>
      <c r="FI39" s="71">
        <v>1</v>
      </c>
      <c r="FJ39" s="72">
        <v>10</v>
      </c>
      <c r="FK39" s="73">
        <v>12</v>
      </c>
      <c r="FL39" s="70">
        <v>1</v>
      </c>
      <c r="FM39" s="71">
        <v>0</v>
      </c>
      <c r="FN39" s="72">
        <v>1</v>
      </c>
      <c r="FO39" s="244"/>
      <c r="FP39" s="71">
        <v>3</v>
      </c>
      <c r="FQ39" s="71">
        <v>1</v>
      </c>
      <c r="FR39" s="71">
        <v>3</v>
      </c>
      <c r="FS39" s="71">
        <v>1</v>
      </c>
      <c r="FT39" s="71">
        <v>2</v>
      </c>
      <c r="FU39" s="72">
        <v>10</v>
      </c>
      <c r="FV39" s="73">
        <v>11</v>
      </c>
      <c r="FW39" s="70">
        <v>0</v>
      </c>
      <c r="FX39" s="71">
        <v>0</v>
      </c>
      <c r="FY39" s="72">
        <v>0</v>
      </c>
      <c r="FZ39" s="244"/>
      <c r="GA39" s="71">
        <v>0</v>
      </c>
      <c r="GB39" s="71">
        <v>0</v>
      </c>
      <c r="GC39" s="71">
        <v>0</v>
      </c>
      <c r="GD39" s="71">
        <v>0</v>
      </c>
      <c r="GE39" s="71">
        <v>0</v>
      </c>
      <c r="GF39" s="72">
        <v>0</v>
      </c>
      <c r="GG39" s="73">
        <v>0</v>
      </c>
      <c r="GH39" s="70">
        <v>3</v>
      </c>
      <c r="GI39" s="71">
        <v>4</v>
      </c>
      <c r="GJ39" s="72">
        <v>7</v>
      </c>
      <c r="GK39" s="244"/>
      <c r="GL39" s="71">
        <v>7</v>
      </c>
      <c r="GM39" s="71">
        <v>3</v>
      </c>
      <c r="GN39" s="71">
        <v>4</v>
      </c>
      <c r="GO39" s="71">
        <v>6</v>
      </c>
      <c r="GP39" s="71">
        <v>3</v>
      </c>
      <c r="GQ39" s="72">
        <v>23</v>
      </c>
      <c r="GR39" s="73">
        <v>30</v>
      </c>
      <c r="GS39" s="123">
        <v>7</v>
      </c>
      <c r="GT39" s="82">
        <v>10</v>
      </c>
      <c r="GU39" s="83">
        <v>17</v>
      </c>
      <c r="GV39" s="241"/>
      <c r="GW39" s="82">
        <v>13</v>
      </c>
      <c r="GX39" s="82">
        <v>8</v>
      </c>
      <c r="GY39" s="82">
        <v>6</v>
      </c>
      <c r="GZ39" s="82">
        <v>14</v>
      </c>
      <c r="HA39" s="82">
        <v>7</v>
      </c>
      <c r="HB39" s="84">
        <v>48</v>
      </c>
      <c r="HC39" s="85">
        <v>65</v>
      </c>
      <c r="HD39" s="70">
        <v>0</v>
      </c>
      <c r="HE39" s="71">
        <v>0</v>
      </c>
      <c r="HF39" s="72">
        <v>0</v>
      </c>
      <c r="HG39" s="244"/>
      <c r="HH39" s="71">
        <v>0</v>
      </c>
      <c r="HI39" s="71">
        <v>0</v>
      </c>
      <c r="HJ39" s="71">
        <v>0</v>
      </c>
      <c r="HK39" s="71">
        <v>0</v>
      </c>
      <c r="HL39" s="71">
        <v>0</v>
      </c>
      <c r="HM39" s="72">
        <v>0</v>
      </c>
      <c r="HN39" s="73">
        <v>0</v>
      </c>
      <c r="HO39" s="70">
        <v>0</v>
      </c>
      <c r="HP39" s="71">
        <v>0</v>
      </c>
      <c r="HQ39" s="72">
        <v>0</v>
      </c>
      <c r="HR39" s="244"/>
      <c r="HS39" s="71">
        <v>0</v>
      </c>
      <c r="HT39" s="71">
        <v>2</v>
      </c>
      <c r="HU39" s="71">
        <v>0</v>
      </c>
      <c r="HV39" s="71">
        <v>1</v>
      </c>
      <c r="HW39" s="71">
        <v>0</v>
      </c>
      <c r="HX39" s="72">
        <v>3</v>
      </c>
      <c r="HY39" s="73">
        <v>3</v>
      </c>
      <c r="HZ39" s="70">
        <v>2</v>
      </c>
      <c r="IA39" s="71">
        <v>2</v>
      </c>
      <c r="IB39" s="72">
        <v>4</v>
      </c>
      <c r="IC39" s="244"/>
      <c r="ID39" s="71">
        <v>3</v>
      </c>
      <c r="IE39" s="71">
        <v>1</v>
      </c>
      <c r="IF39" s="71">
        <v>0</v>
      </c>
      <c r="IG39" s="71">
        <v>0</v>
      </c>
      <c r="IH39" s="71">
        <v>2</v>
      </c>
      <c r="II39" s="72">
        <v>6</v>
      </c>
      <c r="IJ39" s="73">
        <v>10</v>
      </c>
      <c r="IK39" s="70">
        <v>1</v>
      </c>
      <c r="IL39" s="71">
        <v>4</v>
      </c>
      <c r="IM39" s="72">
        <v>5</v>
      </c>
      <c r="IN39" s="244"/>
      <c r="IO39" s="71">
        <v>4</v>
      </c>
      <c r="IP39" s="71">
        <v>1</v>
      </c>
      <c r="IQ39" s="71">
        <v>1</v>
      </c>
      <c r="IR39" s="71">
        <v>1</v>
      </c>
      <c r="IS39" s="71">
        <v>1</v>
      </c>
      <c r="IT39" s="72">
        <v>8</v>
      </c>
      <c r="IU39" s="73">
        <v>13</v>
      </c>
      <c r="IV39" s="70">
        <v>2</v>
      </c>
      <c r="IW39" s="71">
        <v>4</v>
      </c>
      <c r="IX39" s="72">
        <v>6</v>
      </c>
      <c r="IY39" s="244"/>
      <c r="IZ39" s="71">
        <v>2</v>
      </c>
      <c r="JA39" s="71">
        <v>2</v>
      </c>
      <c r="JB39" s="71">
        <v>1</v>
      </c>
      <c r="JC39" s="71">
        <v>7</v>
      </c>
      <c r="JD39" s="71">
        <v>1</v>
      </c>
      <c r="JE39" s="72">
        <v>13</v>
      </c>
      <c r="JF39" s="73">
        <v>19</v>
      </c>
      <c r="JG39" s="70">
        <v>2</v>
      </c>
      <c r="JH39" s="71">
        <v>0</v>
      </c>
      <c r="JI39" s="72">
        <v>2</v>
      </c>
      <c r="JJ39" s="244"/>
      <c r="JK39" s="71">
        <v>4</v>
      </c>
      <c r="JL39" s="71">
        <v>2</v>
      </c>
      <c r="JM39" s="71">
        <v>4</v>
      </c>
      <c r="JN39" s="71">
        <v>5</v>
      </c>
      <c r="JO39" s="71">
        <v>3</v>
      </c>
      <c r="JP39" s="72">
        <v>18</v>
      </c>
      <c r="JQ39" s="73">
        <v>20</v>
      </c>
      <c r="JR39" s="70">
        <v>0</v>
      </c>
      <c r="JS39" s="71">
        <v>0</v>
      </c>
      <c r="JT39" s="72">
        <v>0</v>
      </c>
      <c r="JU39" s="244"/>
      <c r="JV39" s="71">
        <v>0</v>
      </c>
      <c r="JW39" s="71">
        <v>0</v>
      </c>
      <c r="JX39" s="71">
        <v>0</v>
      </c>
      <c r="JY39" s="71">
        <v>0</v>
      </c>
      <c r="JZ39" s="71">
        <v>0</v>
      </c>
      <c r="KA39" s="72">
        <v>0</v>
      </c>
      <c r="KB39" s="73">
        <v>0</v>
      </c>
      <c r="KC39" s="70">
        <v>7</v>
      </c>
      <c r="KD39" s="71">
        <v>10</v>
      </c>
      <c r="KE39" s="72">
        <v>17</v>
      </c>
      <c r="KF39" s="244"/>
      <c r="KG39" s="71">
        <v>13</v>
      </c>
      <c r="KH39" s="71">
        <v>8</v>
      </c>
      <c r="KI39" s="71">
        <v>6</v>
      </c>
      <c r="KJ39" s="71">
        <v>14</v>
      </c>
      <c r="KK39" s="71">
        <v>7</v>
      </c>
      <c r="KL39" s="72">
        <v>48</v>
      </c>
      <c r="KM39" s="73">
        <v>65</v>
      </c>
    </row>
    <row r="40" spans="2:299" ht="21" customHeight="1" thickBot="1" x14ac:dyDescent="0.25">
      <c r="B40" s="127" t="s">
        <v>37</v>
      </c>
      <c r="C40" s="316">
        <v>0</v>
      </c>
      <c r="D40" s="87">
        <v>1</v>
      </c>
      <c r="E40" s="88">
        <v>1</v>
      </c>
      <c r="F40" s="242"/>
      <c r="G40" s="87">
        <v>0</v>
      </c>
      <c r="H40" s="87">
        <v>0</v>
      </c>
      <c r="I40" s="87">
        <v>0</v>
      </c>
      <c r="J40" s="87">
        <v>1</v>
      </c>
      <c r="K40" s="87">
        <v>0</v>
      </c>
      <c r="L40" s="89">
        <v>1</v>
      </c>
      <c r="M40" s="90">
        <v>2</v>
      </c>
      <c r="N40" s="74">
        <v>0</v>
      </c>
      <c r="O40" s="75">
        <v>0</v>
      </c>
      <c r="P40" s="76">
        <v>0</v>
      </c>
      <c r="Q40" s="245"/>
      <c r="R40" s="75">
        <v>0</v>
      </c>
      <c r="S40" s="75">
        <v>0</v>
      </c>
      <c r="T40" s="75">
        <v>0</v>
      </c>
      <c r="U40" s="75">
        <v>0</v>
      </c>
      <c r="V40" s="75">
        <v>0</v>
      </c>
      <c r="W40" s="76">
        <v>0</v>
      </c>
      <c r="X40" s="77">
        <v>0</v>
      </c>
      <c r="Y40" s="74">
        <v>0</v>
      </c>
      <c r="Z40" s="75">
        <v>1</v>
      </c>
      <c r="AA40" s="76">
        <v>1</v>
      </c>
      <c r="AB40" s="245"/>
      <c r="AC40" s="75">
        <v>0</v>
      </c>
      <c r="AD40" s="75">
        <v>0</v>
      </c>
      <c r="AE40" s="75">
        <v>0</v>
      </c>
      <c r="AF40" s="75">
        <v>0</v>
      </c>
      <c r="AG40" s="75">
        <v>0</v>
      </c>
      <c r="AH40" s="76">
        <v>0</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0</v>
      </c>
      <c r="BD40" s="76">
        <v>1</v>
      </c>
      <c r="BE40" s="77">
        <v>1</v>
      </c>
      <c r="BF40" s="74">
        <v>0</v>
      </c>
      <c r="BG40" s="75">
        <v>0</v>
      </c>
      <c r="BH40" s="76">
        <v>0</v>
      </c>
      <c r="BI40" s="245"/>
      <c r="BJ40" s="75">
        <v>0</v>
      </c>
      <c r="BK40" s="75">
        <v>0</v>
      </c>
      <c r="BL40" s="75">
        <v>0</v>
      </c>
      <c r="BM40" s="75">
        <v>0</v>
      </c>
      <c r="BN40" s="75">
        <v>0</v>
      </c>
      <c r="BO40" s="76">
        <v>0</v>
      </c>
      <c r="BP40" s="77">
        <v>0</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0</v>
      </c>
      <c r="CS40" s="75">
        <v>0</v>
      </c>
      <c r="CT40" s="75">
        <v>1</v>
      </c>
      <c r="CU40" s="75">
        <v>0</v>
      </c>
      <c r="CV40" s="76">
        <v>1</v>
      </c>
      <c r="CW40" s="77">
        <v>2</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0</v>
      </c>
      <c r="GT40" s="87">
        <v>1</v>
      </c>
      <c r="GU40" s="88">
        <v>1</v>
      </c>
      <c r="GV40" s="242"/>
      <c r="GW40" s="87">
        <v>0</v>
      </c>
      <c r="GX40" s="87">
        <v>0</v>
      </c>
      <c r="GY40" s="87">
        <v>0</v>
      </c>
      <c r="GZ40" s="87">
        <v>1</v>
      </c>
      <c r="HA40" s="87">
        <v>1</v>
      </c>
      <c r="HB40" s="89">
        <v>2</v>
      </c>
      <c r="HC40" s="90">
        <v>3</v>
      </c>
      <c r="HD40" s="74">
        <v>0</v>
      </c>
      <c r="HE40" s="75">
        <v>0</v>
      </c>
      <c r="HF40" s="76">
        <v>0</v>
      </c>
      <c r="HG40" s="245"/>
      <c r="HH40" s="75">
        <v>0</v>
      </c>
      <c r="HI40" s="75">
        <v>0</v>
      </c>
      <c r="HJ40" s="75">
        <v>0</v>
      </c>
      <c r="HK40" s="75">
        <v>0</v>
      </c>
      <c r="HL40" s="75">
        <v>0</v>
      </c>
      <c r="HM40" s="76">
        <v>0</v>
      </c>
      <c r="HN40" s="77">
        <v>0</v>
      </c>
      <c r="HO40" s="74">
        <v>0</v>
      </c>
      <c r="HP40" s="75">
        <v>1</v>
      </c>
      <c r="HQ40" s="76">
        <v>1</v>
      </c>
      <c r="HR40" s="245"/>
      <c r="HS40" s="75">
        <v>0</v>
      </c>
      <c r="HT40" s="75">
        <v>0</v>
      </c>
      <c r="HU40" s="75">
        <v>0</v>
      </c>
      <c r="HV40" s="75">
        <v>0</v>
      </c>
      <c r="HW40" s="75">
        <v>0</v>
      </c>
      <c r="HX40" s="76">
        <v>0</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0</v>
      </c>
      <c r="IT40" s="76">
        <v>1</v>
      </c>
      <c r="IU40" s="77">
        <v>1</v>
      </c>
      <c r="IV40" s="74">
        <v>0</v>
      </c>
      <c r="IW40" s="75">
        <v>0</v>
      </c>
      <c r="IX40" s="76">
        <v>0</v>
      </c>
      <c r="IY40" s="245"/>
      <c r="IZ40" s="75">
        <v>0</v>
      </c>
      <c r="JA40" s="75">
        <v>0</v>
      </c>
      <c r="JB40" s="75">
        <v>0</v>
      </c>
      <c r="JC40" s="75">
        <v>0</v>
      </c>
      <c r="JD40" s="75">
        <v>0</v>
      </c>
      <c r="JE40" s="76">
        <v>0</v>
      </c>
      <c r="JF40" s="77">
        <v>0</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0</v>
      </c>
      <c r="KI40" s="75">
        <v>0</v>
      </c>
      <c r="KJ40" s="75">
        <v>1</v>
      </c>
      <c r="KK40" s="75">
        <v>1</v>
      </c>
      <c r="KL40" s="76">
        <v>2</v>
      </c>
      <c r="KM40" s="77">
        <v>3</v>
      </c>
    </row>
    <row r="41" spans="2:299" ht="32.25" customHeight="1" x14ac:dyDescent="0.2">
      <c r="C41" s="310" t="s">
        <v>126</v>
      </c>
    </row>
  </sheetData>
  <mergeCells count="36">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 ref="IV5:JF5"/>
    <mergeCell ref="GS5:HC5"/>
    <mergeCell ref="HD5:HN5"/>
    <mergeCell ref="HO5:HY5"/>
    <mergeCell ref="JG5:JQ5"/>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8.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4</v>
      </c>
      <c r="F1" s="22"/>
      <c r="G1" s="524">
        <f>第１表!F2</f>
        <v>5</v>
      </c>
      <c r="H1" s="524"/>
      <c r="I1" s="248">
        <f>第１表!G2</f>
        <v>4</v>
      </c>
      <c r="J1" s="529">
        <f>IF(I1&lt;3,I1+12-2,I1-2)</f>
        <v>2</v>
      </c>
      <c r="K1" s="529"/>
    </row>
    <row r="2" spans="2:35" ht="24" customHeight="1" thickBot="1" x14ac:dyDescent="0.25">
      <c r="B2" s="291"/>
      <c r="J2" s="24"/>
      <c r="K2" s="24"/>
      <c r="L2" s="24"/>
      <c r="M2" s="24"/>
      <c r="N2" s="24"/>
      <c r="O2" s="24"/>
      <c r="P2" s="25"/>
      <c r="Q2" s="25"/>
      <c r="R2" s="25"/>
    </row>
    <row r="3" spans="2:35" s="44" customFormat="1" ht="21" customHeight="1" thickBot="1" x14ac:dyDescent="0.25">
      <c r="B3" s="54"/>
      <c r="C3" s="526" t="s">
        <v>53</v>
      </c>
      <c r="D3" s="527"/>
      <c r="E3" s="527"/>
      <c r="F3" s="527"/>
      <c r="G3" s="527"/>
      <c r="H3" s="527"/>
      <c r="I3" s="527"/>
      <c r="J3" s="527"/>
      <c r="K3" s="527"/>
      <c r="L3" s="527"/>
      <c r="M3" s="528"/>
      <c r="N3" s="526" t="s">
        <v>54</v>
      </c>
      <c r="O3" s="527"/>
      <c r="P3" s="527"/>
      <c r="Q3" s="527"/>
      <c r="R3" s="527"/>
      <c r="S3" s="527"/>
      <c r="T3" s="527"/>
      <c r="U3" s="527"/>
      <c r="V3" s="527"/>
      <c r="W3" s="527"/>
      <c r="X3" s="528"/>
      <c r="Y3" s="526" t="s">
        <v>55</v>
      </c>
      <c r="Z3" s="527"/>
      <c r="AA3" s="527"/>
      <c r="AB3" s="527"/>
      <c r="AC3" s="527"/>
      <c r="AD3" s="527"/>
      <c r="AE3" s="527"/>
      <c r="AF3" s="527"/>
      <c r="AG3" s="527"/>
      <c r="AH3" s="527"/>
      <c r="AI3" s="528"/>
    </row>
    <row r="4" spans="2:35" s="44" customFormat="1" ht="30"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21" customHeight="1" x14ac:dyDescent="0.2">
      <c r="B5" s="46" t="s">
        <v>4</v>
      </c>
      <c r="C5" s="215">
        <v>16318</v>
      </c>
      <c r="D5" s="216">
        <v>28802</v>
      </c>
      <c r="E5" s="217">
        <v>45120</v>
      </c>
      <c r="F5" s="212">
        <v>0</v>
      </c>
      <c r="G5" s="216">
        <v>59393</v>
      </c>
      <c r="H5" s="216">
        <v>59931</v>
      </c>
      <c r="I5" s="216">
        <v>35217</v>
      </c>
      <c r="J5" s="216">
        <v>27211</v>
      </c>
      <c r="K5" s="216">
        <v>16204</v>
      </c>
      <c r="L5" s="217">
        <v>197956</v>
      </c>
      <c r="M5" s="218">
        <v>243076</v>
      </c>
      <c r="N5" s="219">
        <v>294</v>
      </c>
      <c r="O5" s="216">
        <v>801</v>
      </c>
      <c r="P5" s="217">
        <v>1095</v>
      </c>
      <c r="Q5" s="212">
        <v>0</v>
      </c>
      <c r="R5" s="216">
        <v>1068</v>
      </c>
      <c r="S5" s="216">
        <v>1884</v>
      </c>
      <c r="T5" s="216">
        <v>972</v>
      </c>
      <c r="U5" s="216">
        <v>814</v>
      </c>
      <c r="V5" s="216">
        <v>772</v>
      </c>
      <c r="W5" s="217">
        <v>5510</v>
      </c>
      <c r="X5" s="218">
        <v>6605</v>
      </c>
      <c r="Y5" s="215">
        <v>16612</v>
      </c>
      <c r="Z5" s="216">
        <v>29603</v>
      </c>
      <c r="AA5" s="217">
        <v>46215</v>
      </c>
      <c r="AB5" s="212">
        <v>0</v>
      </c>
      <c r="AC5" s="216">
        <v>60461</v>
      </c>
      <c r="AD5" s="216">
        <v>61815</v>
      </c>
      <c r="AE5" s="216">
        <v>36189</v>
      </c>
      <c r="AF5" s="216">
        <v>28025</v>
      </c>
      <c r="AG5" s="216">
        <v>16976</v>
      </c>
      <c r="AH5" s="217">
        <v>203466</v>
      </c>
      <c r="AI5" s="218">
        <v>249681</v>
      </c>
    </row>
    <row r="6" spans="2:35" ht="21" customHeight="1" x14ac:dyDescent="0.2">
      <c r="B6" s="49" t="s">
        <v>5</v>
      </c>
      <c r="C6" s="220">
        <v>6052</v>
      </c>
      <c r="D6" s="221">
        <v>12631</v>
      </c>
      <c r="E6" s="222">
        <v>18683</v>
      </c>
      <c r="F6" s="213">
        <v>0</v>
      </c>
      <c r="G6" s="221">
        <v>15972</v>
      </c>
      <c r="H6" s="221">
        <v>22338</v>
      </c>
      <c r="I6" s="221">
        <v>11491</v>
      </c>
      <c r="J6" s="221">
        <v>9121</v>
      </c>
      <c r="K6" s="221">
        <v>5412</v>
      </c>
      <c r="L6" s="222">
        <v>64334</v>
      </c>
      <c r="M6" s="223">
        <v>83017</v>
      </c>
      <c r="N6" s="224">
        <v>108</v>
      </c>
      <c r="O6" s="221">
        <v>334</v>
      </c>
      <c r="P6" s="222">
        <v>442</v>
      </c>
      <c r="Q6" s="213">
        <v>0</v>
      </c>
      <c r="R6" s="221">
        <v>237</v>
      </c>
      <c r="S6" s="221">
        <v>764</v>
      </c>
      <c r="T6" s="221">
        <v>366</v>
      </c>
      <c r="U6" s="221">
        <v>285</v>
      </c>
      <c r="V6" s="221">
        <v>288</v>
      </c>
      <c r="W6" s="222">
        <v>1940</v>
      </c>
      <c r="X6" s="223">
        <v>2382</v>
      </c>
      <c r="Y6" s="220">
        <v>6160</v>
      </c>
      <c r="Z6" s="221">
        <v>12965</v>
      </c>
      <c r="AA6" s="222">
        <v>19125</v>
      </c>
      <c r="AB6" s="213">
        <v>0</v>
      </c>
      <c r="AC6" s="221">
        <v>16209</v>
      </c>
      <c r="AD6" s="221">
        <v>23102</v>
      </c>
      <c r="AE6" s="221">
        <v>11857</v>
      </c>
      <c r="AF6" s="221">
        <v>9406</v>
      </c>
      <c r="AG6" s="221">
        <v>5700</v>
      </c>
      <c r="AH6" s="222">
        <v>66274</v>
      </c>
      <c r="AI6" s="223">
        <v>85399</v>
      </c>
    </row>
    <row r="7" spans="2:35" ht="21" customHeight="1" x14ac:dyDescent="0.2">
      <c r="B7" s="49" t="s">
        <v>6</v>
      </c>
      <c r="C7" s="220">
        <v>2233</v>
      </c>
      <c r="D7" s="221">
        <v>3474</v>
      </c>
      <c r="E7" s="222">
        <v>5707</v>
      </c>
      <c r="F7" s="213">
        <v>0</v>
      </c>
      <c r="G7" s="221">
        <v>10715</v>
      </c>
      <c r="H7" s="221">
        <v>8567</v>
      </c>
      <c r="I7" s="221">
        <v>5781</v>
      </c>
      <c r="J7" s="221">
        <v>4610</v>
      </c>
      <c r="K7" s="221">
        <v>2889</v>
      </c>
      <c r="L7" s="222">
        <v>32562</v>
      </c>
      <c r="M7" s="223">
        <v>38269</v>
      </c>
      <c r="N7" s="224">
        <v>56</v>
      </c>
      <c r="O7" s="221">
        <v>98</v>
      </c>
      <c r="P7" s="222">
        <v>154</v>
      </c>
      <c r="Q7" s="213">
        <v>0</v>
      </c>
      <c r="R7" s="221">
        <v>234</v>
      </c>
      <c r="S7" s="221">
        <v>271</v>
      </c>
      <c r="T7" s="221">
        <v>159</v>
      </c>
      <c r="U7" s="221">
        <v>153</v>
      </c>
      <c r="V7" s="221">
        <v>150</v>
      </c>
      <c r="W7" s="222">
        <v>967</v>
      </c>
      <c r="X7" s="223">
        <v>1121</v>
      </c>
      <c r="Y7" s="220">
        <v>2289</v>
      </c>
      <c r="Z7" s="221">
        <v>3572</v>
      </c>
      <c r="AA7" s="222">
        <v>5861</v>
      </c>
      <c r="AB7" s="213">
        <v>0</v>
      </c>
      <c r="AC7" s="221">
        <v>10949</v>
      </c>
      <c r="AD7" s="221">
        <v>8838</v>
      </c>
      <c r="AE7" s="221">
        <v>5940</v>
      </c>
      <c r="AF7" s="221">
        <v>4763</v>
      </c>
      <c r="AG7" s="221">
        <v>3039</v>
      </c>
      <c r="AH7" s="222">
        <v>33529</v>
      </c>
      <c r="AI7" s="223">
        <v>39390</v>
      </c>
    </row>
    <row r="8" spans="2:35" ht="21" customHeight="1" x14ac:dyDescent="0.2">
      <c r="B8" s="49" t="s">
        <v>14</v>
      </c>
      <c r="C8" s="220">
        <v>1124</v>
      </c>
      <c r="D8" s="221">
        <v>2703</v>
      </c>
      <c r="E8" s="222">
        <v>3827</v>
      </c>
      <c r="F8" s="213">
        <v>0</v>
      </c>
      <c r="G8" s="221">
        <v>4350</v>
      </c>
      <c r="H8" s="221">
        <v>5535</v>
      </c>
      <c r="I8" s="221">
        <v>3470</v>
      </c>
      <c r="J8" s="221">
        <v>2270</v>
      </c>
      <c r="K8" s="221">
        <v>1289</v>
      </c>
      <c r="L8" s="222">
        <v>16914</v>
      </c>
      <c r="M8" s="223">
        <v>20741</v>
      </c>
      <c r="N8" s="224">
        <v>15</v>
      </c>
      <c r="O8" s="221">
        <v>100</v>
      </c>
      <c r="P8" s="222">
        <v>115</v>
      </c>
      <c r="Q8" s="213">
        <v>0</v>
      </c>
      <c r="R8" s="221">
        <v>55</v>
      </c>
      <c r="S8" s="221">
        <v>175</v>
      </c>
      <c r="T8" s="221">
        <v>82</v>
      </c>
      <c r="U8" s="221">
        <v>73</v>
      </c>
      <c r="V8" s="221">
        <v>73</v>
      </c>
      <c r="W8" s="222">
        <v>458</v>
      </c>
      <c r="X8" s="223">
        <v>573</v>
      </c>
      <c r="Y8" s="220">
        <v>1139</v>
      </c>
      <c r="Z8" s="221">
        <v>2803</v>
      </c>
      <c r="AA8" s="222">
        <v>3942</v>
      </c>
      <c r="AB8" s="213">
        <v>0</v>
      </c>
      <c r="AC8" s="221">
        <v>4405</v>
      </c>
      <c r="AD8" s="221">
        <v>5710</v>
      </c>
      <c r="AE8" s="221">
        <v>3552</v>
      </c>
      <c r="AF8" s="221">
        <v>2343</v>
      </c>
      <c r="AG8" s="221">
        <v>1362</v>
      </c>
      <c r="AH8" s="222">
        <v>17372</v>
      </c>
      <c r="AI8" s="223">
        <v>21314</v>
      </c>
    </row>
    <row r="9" spans="2:35" ht="21" customHeight="1" x14ac:dyDescent="0.2">
      <c r="B9" s="49" t="s">
        <v>7</v>
      </c>
      <c r="C9" s="220">
        <v>546</v>
      </c>
      <c r="D9" s="221">
        <v>841</v>
      </c>
      <c r="E9" s="222">
        <v>1387</v>
      </c>
      <c r="F9" s="213">
        <v>0</v>
      </c>
      <c r="G9" s="221">
        <v>4995</v>
      </c>
      <c r="H9" s="221">
        <v>3437</v>
      </c>
      <c r="I9" s="221">
        <v>1970</v>
      </c>
      <c r="J9" s="221">
        <v>1560</v>
      </c>
      <c r="K9" s="221">
        <v>832</v>
      </c>
      <c r="L9" s="222">
        <v>12794</v>
      </c>
      <c r="M9" s="223">
        <v>14181</v>
      </c>
      <c r="N9" s="224">
        <v>9</v>
      </c>
      <c r="O9" s="221">
        <v>11</v>
      </c>
      <c r="P9" s="222">
        <v>20</v>
      </c>
      <c r="Q9" s="213">
        <v>0</v>
      </c>
      <c r="R9" s="221">
        <v>95</v>
      </c>
      <c r="S9" s="221">
        <v>97</v>
      </c>
      <c r="T9" s="221">
        <v>47</v>
      </c>
      <c r="U9" s="221">
        <v>34</v>
      </c>
      <c r="V9" s="221">
        <v>29</v>
      </c>
      <c r="W9" s="222">
        <v>302</v>
      </c>
      <c r="X9" s="223">
        <v>322</v>
      </c>
      <c r="Y9" s="220">
        <v>555</v>
      </c>
      <c r="Z9" s="221">
        <v>852</v>
      </c>
      <c r="AA9" s="222">
        <v>1407</v>
      </c>
      <c r="AB9" s="213">
        <v>0</v>
      </c>
      <c r="AC9" s="221">
        <v>5090</v>
      </c>
      <c r="AD9" s="221">
        <v>3534</v>
      </c>
      <c r="AE9" s="221">
        <v>2017</v>
      </c>
      <c r="AF9" s="221">
        <v>1594</v>
      </c>
      <c r="AG9" s="221">
        <v>861</v>
      </c>
      <c r="AH9" s="222">
        <v>13096</v>
      </c>
      <c r="AI9" s="223">
        <v>14503</v>
      </c>
    </row>
    <row r="10" spans="2:35" ht="21" customHeight="1" x14ac:dyDescent="0.2">
      <c r="B10" s="49" t="s">
        <v>8</v>
      </c>
      <c r="C10" s="220">
        <v>577</v>
      </c>
      <c r="D10" s="221">
        <v>646</v>
      </c>
      <c r="E10" s="222">
        <v>1223</v>
      </c>
      <c r="F10" s="213">
        <v>0</v>
      </c>
      <c r="G10" s="221">
        <v>2037</v>
      </c>
      <c r="H10" s="221">
        <v>2105</v>
      </c>
      <c r="I10" s="221">
        <v>1252</v>
      </c>
      <c r="J10" s="221">
        <v>865</v>
      </c>
      <c r="K10" s="221">
        <v>505</v>
      </c>
      <c r="L10" s="222">
        <v>6764</v>
      </c>
      <c r="M10" s="223">
        <v>7987</v>
      </c>
      <c r="N10" s="224">
        <v>5</v>
      </c>
      <c r="O10" s="221">
        <v>25</v>
      </c>
      <c r="P10" s="222">
        <v>30</v>
      </c>
      <c r="Q10" s="213">
        <v>0</v>
      </c>
      <c r="R10" s="221">
        <v>28</v>
      </c>
      <c r="S10" s="221">
        <v>78</v>
      </c>
      <c r="T10" s="221">
        <v>32</v>
      </c>
      <c r="U10" s="221">
        <v>25</v>
      </c>
      <c r="V10" s="221">
        <v>16</v>
      </c>
      <c r="W10" s="222">
        <v>179</v>
      </c>
      <c r="X10" s="223">
        <v>209</v>
      </c>
      <c r="Y10" s="220">
        <v>582</v>
      </c>
      <c r="Z10" s="221">
        <v>671</v>
      </c>
      <c r="AA10" s="222">
        <v>1253</v>
      </c>
      <c r="AB10" s="213">
        <v>0</v>
      </c>
      <c r="AC10" s="221">
        <v>2065</v>
      </c>
      <c r="AD10" s="221">
        <v>2183</v>
      </c>
      <c r="AE10" s="221">
        <v>1284</v>
      </c>
      <c r="AF10" s="221">
        <v>890</v>
      </c>
      <c r="AG10" s="221">
        <v>521</v>
      </c>
      <c r="AH10" s="222">
        <v>6943</v>
      </c>
      <c r="AI10" s="223">
        <v>8196</v>
      </c>
    </row>
    <row r="11" spans="2:35" ht="21" customHeight="1" x14ac:dyDescent="0.2">
      <c r="B11" s="49" t="s">
        <v>9</v>
      </c>
      <c r="C11" s="220">
        <v>488</v>
      </c>
      <c r="D11" s="221">
        <v>578</v>
      </c>
      <c r="E11" s="222">
        <v>1066</v>
      </c>
      <c r="F11" s="213">
        <v>0</v>
      </c>
      <c r="G11" s="221">
        <v>1959</v>
      </c>
      <c r="H11" s="221">
        <v>1501</v>
      </c>
      <c r="I11" s="221">
        <v>979</v>
      </c>
      <c r="J11" s="221">
        <v>846</v>
      </c>
      <c r="K11" s="221">
        <v>542</v>
      </c>
      <c r="L11" s="222">
        <v>5827</v>
      </c>
      <c r="M11" s="223">
        <v>6893</v>
      </c>
      <c r="N11" s="224">
        <v>1</v>
      </c>
      <c r="O11" s="221">
        <v>11</v>
      </c>
      <c r="P11" s="222">
        <v>12</v>
      </c>
      <c r="Q11" s="213">
        <v>0</v>
      </c>
      <c r="R11" s="221">
        <v>31</v>
      </c>
      <c r="S11" s="221">
        <v>35</v>
      </c>
      <c r="T11" s="221">
        <v>22</v>
      </c>
      <c r="U11" s="221">
        <v>17</v>
      </c>
      <c r="V11" s="221">
        <v>14</v>
      </c>
      <c r="W11" s="222">
        <v>119</v>
      </c>
      <c r="X11" s="223">
        <v>131</v>
      </c>
      <c r="Y11" s="220">
        <v>489</v>
      </c>
      <c r="Z11" s="221">
        <v>589</v>
      </c>
      <c r="AA11" s="222">
        <v>1078</v>
      </c>
      <c r="AB11" s="213">
        <v>0</v>
      </c>
      <c r="AC11" s="221">
        <v>1990</v>
      </c>
      <c r="AD11" s="221">
        <v>1536</v>
      </c>
      <c r="AE11" s="221">
        <v>1001</v>
      </c>
      <c r="AF11" s="221">
        <v>863</v>
      </c>
      <c r="AG11" s="221">
        <v>556</v>
      </c>
      <c r="AH11" s="222">
        <v>5946</v>
      </c>
      <c r="AI11" s="223">
        <v>7024</v>
      </c>
    </row>
    <row r="12" spans="2:35" ht="21" customHeight="1" x14ac:dyDescent="0.2">
      <c r="B12" s="49" t="s">
        <v>10</v>
      </c>
      <c r="C12" s="220">
        <v>1283</v>
      </c>
      <c r="D12" s="221">
        <v>1637</v>
      </c>
      <c r="E12" s="222">
        <v>2920</v>
      </c>
      <c r="F12" s="213">
        <v>0</v>
      </c>
      <c r="G12" s="221">
        <v>3954</v>
      </c>
      <c r="H12" s="221">
        <v>2374</v>
      </c>
      <c r="I12" s="221">
        <v>1580</v>
      </c>
      <c r="J12" s="221">
        <v>1274</v>
      </c>
      <c r="K12" s="221">
        <v>874</v>
      </c>
      <c r="L12" s="222">
        <v>10056</v>
      </c>
      <c r="M12" s="223">
        <v>12976</v>
      </c>
      <c r="N12" s="224">
        <v>30</v>
      </c>
      <c r="O12" s="221">
        <v>36</v>
      </c>
      <c r="P12" s="222">
        <v>66</v>
      </c>
      <c r="Q12" s="213">
        <v>0</v>
      </c>
      <c r="R12" s="221">
        <v>95</v>
      </c>
      <c r="S12" s="221">
        <v>67</v>
      </c>
      <c r="T12" s="221">
        <v>44</v>
      </c>
      <c r="U12" s="221">
        <v>32</v>
      </c>
      <c r="V12" s="221">
        <v>42</v>
      </c>
      <c r="W12" s="222">
        <v>280</v>
      </c>
      <c r="X12" s="223">
        <v>346</v>
      </c>
      <c r="Y12" s="220">
        <v>1313</v>
      </c>
      <c r="Z12" s="221">
        <v>1673</v>
      </c>
      <c r="AA12" s="222">
        <v>2986</v>
      </c>
      <c r="AB12" s="213">
        <v>0</v>
      </c>
      <c r="AC12" s="221">
        <v>4049</v>
      </c>
      <c r="AD12" s="221">
        <v>2441</v>
      </c>
      <c r="AE12" s="221">
        <v>1624</v>
      </c>
      <c r="AF12" s="221">
        <v>1306</v>
      </c>
      <c r="AG12" s="221">
        <v>916</v>
      </c>
      <c r="AH12" s="222">
        <v>10336</v>
      </c>
      <c r="AI12" s="223">
        <v>13322</v>
      </c>
    </row>
    <row r="13" spans="2:35" ht="21" customHeight="1" x14ac:dyDescent="0.2">
      <c r="B13" s="49" t="s">
        <v>11</v>
      </c>
      <c r="C13" s="220">
        <v>531</v>
      </c>
      <c r="D13" s="221">
        <v>576</v>
      </c>
      <c r="E13" s="222">
        <v>1107</v>
      </c>
      <c r="F13" s="213">
        <v>0</v>
      </c>
      <c r="G13" s="221">
        <v>2129</v>
      </c>
      <c r="H13" s="221">
        <v>1336</v>
      </c>
      <c r="I13" s="221">
        <v>941</v>
      </c>
      <c r="J13" s="221">
        <v>753</v>
      </c>
      <c r="K13" s="221">
        <v>376</v>
      </c>
      <c r="L13" s="222">
        <v>5535</v>
      </c>
      <c r="M13" s="223">
        <v>6642</v>
      </c>
      <c r="N13" s="224">
        <v>10</v>
      </c>
      <c r="O13" s="221">
        <v>8</v>
      </c>
      <c r="P13" s="222">
        <v>18</v>
      </c>
      <c r="Q13" s="213">
        <v>0</v>
      </c>
      <c r="R13" s="221">
        <v>44</v>
      </c>
      <c r="S13" s="221">
        <v>31</v>
      </c>
      <c r="T13" s="221">
        <v>22</v>
      </c>
      <c r="U13" s="221">
        <v>17</v>
      </c>
      <c r="V13" s="221">
        <v>16</v>
      </c>
      <c r="W13" s="222">
        <v>130</v>
      </c>
      <c r="X13" s="223">
        <v>148</v>
      </c>
      <c r="Y13" s="220">
        <v>541</v>
      </c>
      <c r="Z13" s="221">
        <v>584</v>
      </c>
      <c r="AA13" s="222">
        <v>1125</v>
      </c>
      <c r="AB13" s="213">
        <v>0</v>
      </c>
      <c r="AC13" s="221">
        <v>2173</v>
      </c>
      <c r="AD13" s="221">
        <v>1367</v>
      </c>
      <c r="AE13" s="221">
        <v>963</v>
      </c>
      <c r="AF13" s="221">
        <v>770</v>
      </c>
      <c r="AG13" s="221">
        <v>392</v>
      </c>
      <c r="AH13" s="222">
        <v>5665</v>
      </c>
      <c r="AI13" s="223">
        <v>6790</v>
      </c>
    </row>
    <row r="14" spans="2:35" ht="21" customHeight="1" x14ac:dyDescent="0.2">
      <c r="B14" s="49" t="s">
        <v>12</v>
      </c>
      <c r="C14" s="220">
        <v>751</v>
      </c>
      <c r="D14" s="221">
        <v>1028</v>
      </c>
      <c r="E14" s="222">
        <v>1779</v>
      </c>
      <c r="F14" s="213">
        <v>0</v>
      </c>
      <c r="G14" s="221">
        <v>1627</v>
      </c>
      <c r="H14" s="221">
        <v>1431</v>
      </c>
      <c r="I14" s="221">
        <v>956</v>
      </c>
      <c r="J14" s="221">
        <v>858</v>
      </c>
      <c r="K14" s="221">
        <v>496</v>
      </c>
      <c r="L14" s="222">
        <v>5368</v>
      </c>
      <c r="M14" s="223">
        <v>7147</v>
      </c>
      <c r="N14" s="224">
        <v>14</v>
      </c>
      <c r="O14" s="221">
        <v>27</v>
      </c>
      <c r="P14" s="222">
        <v>41</v>
      </c>
      <c r="Q14" s="213">
        <v>0</v>
      </c>
      <c r="R14" s="221">
        <v>20</v>
      </c>
      <c r="S14" s="221">
        <v>29</v>
      </c>
      <c r="T14" s="221">
        <v>15</v>
      </c>
      <c r="U14" s="221">
        <v>25</v>
      </c>
      <c r="V14" s="221">
        <v>14</v>
      </c>
      <c r="W14" s="222">
        <v>103</v>
      </c>
      <c r="X14" s="223">
        <v>144</v>
      </c>
      <c r="Y14" s="220">
        <v>765</v>
      </c>
      <c r="Z14" s="221">
        <v>1055</v>
      </c>
      <c r="AA14" s="222">
        <v>1820</v>
      </c>
      <c r="AB14" s="213">
        <v>0</v>
      </c>
      <c r="AC14" s="221">
        <v>1647</v>
      </c>
      <c r="AD14" s="221">
        <v>1460</v>
      </c>
      <c r="AE14" s="221">
        <v>971</v>
      </c>
      <c r="AF14" s="221">
        <v>883</v>
      </c>
      <c r="AG14" s="221">
        <v>510</v>
      </c>
      <c r="AH14" s="222">
        <v>5471</v>
      </c>
      <c r="AI14" s="223">
        <v>7291</v>
      </c>
    </row>
    <row r="15" spans="2:35" ht="21" customHeight="1" x14ac:dyDescent="0.2">
      <c r="B15" s="49" t="s">
        <v>13</v>
      </c>
      <c r="C15" s="220">
        <v>122</v>
      </c>
      <c r="D15" s="221">
        <v>208</v>
      </c>
      <c r="E15" s="222">
        <v>330</v>
      </c>
      <c r="F15" s="213">
        <v>0</v>
      </c>
      <c r="G15" s="221">
        <v>652</v>
      </c>
      <c r="H15" s="221">
        <v>604</v>
      </c>
      <c r="I15" s="221">
        <v>386</v>
      </c>
      <c r="J15" s="221">
        <v>323</v>
      </c>
      <c r="K15" s="221">
        <v>200</v>
      </c>
      <c r="L15" s="222">
        <v>2165</v>
      </c>
      <c r="M15" s="223">
        <v>2495</v>
      </c>
      <c r="N15" s="224">
        <v>0</v>
      </c>
      <c r="O15" s="221">
        <v>2</v>
      </c>
      <c r="P15" s="222">
        <v>2</v>
      </c>
      <c r="Q15" s="213">
        <v>0</v>
      </c>
      <c r="R15" s="221">
        <v>11</v>
      </c>
      <c r="S15" s="221">
        <v>10</v>
      </c>
      <c r="T15" s="221">
        <v>11</v>
      </c>
      <c r="U15" s="221">
        <v>6</v>
      </c>
      <c r="V15" s="221">
        <v>10</v>
      </c>
      <c r="W15" s="222">
        <v>48</v>
      </c>
      <c r="X15" s="223">
        <v>50</v>
      </c>
      <c r="Y15" s="220">
        <v>122</v>
      </c>
      <c r="Z15" s="221">
        <v>210</v>
      </c>
      <c r="AA15" s="222">
        <v>332</v>
      </c>
      <c r="AB15" s="213">
        <v>0</v>
      </c>
      <c r="AC15" s="221">
        <v>663</v>
      </c>
      <c r="AD15" s="221">
        <v>614</v>
      </c>
      <c r="AE15" s="221">
        <v>397</v>
      </c>
      <c r="AF15" s="221">
        <v>329</v>
      </c>
      <c r="AG15" s="221">
        <v>210</v>
      </c>
      <c r="AH15" s="222">
        <v>2213</v>
      </c>
      <c r="AI15" s="223">
        <v>2545</v>
      </c>
    </row>
    <row r="16" spans="2:35" ht="21" customHeight="1" x14ac:dyDescent="0.2">
      <c r="B16" s="49" t="s">
        <v>15</v>
      </c>
      <c r="C16" s="220">
        <v>88</v>
      </c>
      <c r="D16" s="221">
        <v>182</v>
      </c>
      <c r="E16" s="222">
        <v>270</v>
      </c>
      <c r="F16" s="213">
        <v>0</v>
      </c>
      <c r="G16" s="221">
        <v>499</v>
      </c>
      <c r="H16" s="221">
        <v>560</v>
      </c>
      <c r="I16" s="221">
        <v>305</v>
      </c>
      <c r="J16" s="221">
        <v>228</v>
      </c>
      <c r="K16" s="221">
        <v>112</v>
      </c>
      <c r="L16" s="222">
        <v>1704</v>
      </c>
      <c r="M16" s="223">
        <v>1974</v>
      </c>
      <c r="N16" s="224">
        <v>0</v>
      </c>
      <c r="O16" s="221">
        <v>5</v>
      </c>
      <c r="P16" s="222">
        <v>5</v>
      </c>
      <c r="Q16" s="213">
        <v>0</v>
      </c>
      <c r="R16" s="221">
        <v>7</v>
      </c>
      <c r="S16" s="221">
        <v>13</v>
      </c>
      <c r="T16" s="221">
        <v>0</v>
      </c>
      <c r="U16" s="221">
        <v>1</v>
      </c>
      <c r="V16" s="221">
        <v>6</v>
      </c>
      <c r="W16" s="222">
        <v>27</v>
      </c>
      <c r="X16" s="223">
        <v>32</v>
      </c>
      <c r="Y16" s="220">
        <v>88</v>
      </c>
      <c r="Z16" s="221">
        <v>187</v>
      </c>
      <c r="AA16" s="222">
        <v>275</v>
      </c>
      <c r="AB16" s="213">
        <v>0</v>
      </c>
      <c r="AC16" s="221">
        <v>506</v>
      </c>
      <c r="AD16" s="221">
        <v>573</v>
      </c>
      <c r="AE16" s="221">
        <v>305</v>
      </c>
      <c r="AF16" s="221">
        <v>229</v>
      </c>
      <c r="AG16" s="221">
        <v>118</v>
      </c>
      <c r="AH16" s="222">
        <v>1731</v>
      </c>
      <c r="AI16" s="223">
        <v>2006</v>
      </c>
    </row>
    <row r="17" spans="2:35" ht="21" customHeight="1" x14ac:dyDescent="0.2">
      <c r="B17" s="49" t="s">
        <v>16</v>
      </c>
      <c r="C17" s="220">
        <v>247</v>
      </c>
      <c r="D17" s="221">
        <v>410</v>
      </c>
      <c r="E17" s="222">
        <v>657</v>
      </c>
      <c r="F17" s="213">
        <v>0</v>
      </c>
      <c r="G17" s="221">
        <v>1002</v>
      </c>
      <c r="H17" s="221">
        <v>1308</v>
      </c>
      <c r="I17" s="221">
        <v>698</v>
      </c>
      <c r="J17" s="221">
        <v>552</v>
      </c>
      <c r="K17" s="221">
        <v>337</v>
      </c>
      <c r="L17" s="222">
        <v>3897</v>
      </c>
      <c r="M17" s="223">
        <v>4554</v>
      </c>
      <c r="N17" s="224">
        <v>7</v>
      </c>
      <c r="O17" s="221">
        <v>13</v>
      </c>
      <c r="P17" s="222">
        <v>20</v>
      </c>
      <c r="Q17" s="213">
        <v>0</v>
      </c>
      <c r="R17" s="221">
        <v>16</v>
      </c>
      <c r="S17" s="221">
        <v>45</v>
      </c>
      <c r="T17" s="221">
        <v>23</v>
      </c>
      <c r="U17" s="221">
        <v>12</v>
      </c>
      <c r="V17" s="221">
        <v>15</v>
      </c>
      <c r="W17" s="222">
        <v>111</v>
      </c>
      <c r="X17" s="223">
        <v>131</v>
      </c>
      <c r="Y17" s="220">
        <v>254</v>
      </c>
      <c r="Z17" s="221">
        <v>423</v>
      </c>
      <c r="AA17" s="222">
        <v>677</v>
      </c>
      <c r="AB17" s="213">
        <v>0</v>
      </c>
      <c r="AC17" s="221">
        <v>1018</v>
      </c>
      <c r="AD17" s="221">
        <v>1353</v>
      </c>
      <c r="AE17" s="221">
        <v>721</v>
      </c>
      <c r="AF17" s="221">
        <v>564</v>
      </c>
      <c r="AG17" s="221">
        <v>352</v>
      </c>
      <c r="AH17" s="222">
        <v>4008</v>
      </c>
      <c r="AI17" s="223">
        <v>4685</v>
      </c>
    </row>
    <row r="18" spans="2:35" ht="21" customHeight="1" x14ac:dyDescent="0.2">
      <c r="B18" s="49" t="s">
        <v>17</v>
      </c>
      <c r="C18" s="220">
        <v>304</v>
      </c>
      <c r="D18" s="221">
        <v>594</v>
      </c>
      <c r="E18" s="222">
        <v>898</v>
      </c>
      <c r="F18" s="213">
        <v>0</v>
      </c>
      <c r="G18" s="221">
        <v>1110</v>
      </c>
      <c r="H18" s="221">
        <v>1642</v>
      </c>
      <c r="I18" s="221">
        <v>957</v>
      </c>
      <c r="J18" s="221">
        <v>723</v>
      </c>
      <c r="K18" s="221">
        <v>475</v>
      </c>
      <c r="L18" s="222">
        <v>4907</v>
      </c>
      <c r="M18" s="223">
        <v>5805</v>
      </c>
      <c r="N18" s="224">
        <v>3</v>
      </c>
      <c r="O18" s="221">
        <v>28</v>
      </c>
      <c r="P18" s="222">
        <v>31</v>
      </c>
      <c r="Q18" s="213">
        <v>0</v>
      </c>
      <c r="R18" s="221">
        <v>17</v>
      </c>
      <c r="S18" s="221">
        <v>61</v>
      </c>
      <c r="T18" s="221">
        <v>31</v>
      </c>
      <c r="U18" s="221">
        <v>27</v>
      </c>
      <c r="V18" s="221">
        <v>23</v>
      </c>
      <c r="W18" s="222">
        <v>159</v>
      </c>
      <c r="X18" s="223">
        <v>190</v>
      </c>
      <c r="Y18" s="220">
        <v>307</v>
      </c>
      <c r="Z18" s="221">
        <v>622</v>
      </c>
      <c r="AA18" s="222">
        <v>929</v>
      </c>
      <c r="AB18" s="213">
        <v>0</v>
      </c>
      <c r="AC18" s="221">
        <v>1127</v>
      </c>
      <c r="AD18" s="221">
        <v>1703</v>
      </c>
      <c r="AE18" s="221">
        <v>988</v>
      </c>
      <c r="AF18" s="221">
        <v>750</v>
      </c>
      <c r="AG18" s="221">
        <v>498</v>
      </c>
      <c r="AH18" s="222">
        <v>5066</v>
      </c>
      <c r="AI18" s="223">
        <v>5995</v>
      </c>
    </row>
    <row r="19" spans="2:35" ht="21" customHeight="1" x14ac:dyDescent="0.2">
      <c r="B19" s="49" t="s">
        <v>18</v>
      </c>
      <c r="C19" s="220">
        <v>334</v>
      </c>
      <c r="D19" s="221">
        <v>642</v>
      </c>
      <c r="E19" s="222">
        <v>976</v>
      </c>
      <c r="F19" s="213">
        <v>0</v>
      </c>
      <c r="G19" s="221">
        <v>1799</v>
      </c>
      <c r="H19" s="221">
        <v>1707</v>
      </c>
      <c r="I19" s="221">
        <v>1073</v>
      </c>
      <c r="J19" s="221">
        <v>734</v>
      </c>
      <c r="K19" s="221">
        <v>459</v>
      </c>
      <c r="L19" s="222">
        <v>5772</v>
      </c>
      <c r="M19" s="223">
        <v>6748</v>
      </c>
      <c r="N19" s="224">
        <v>11</v>
      </c>
      <c r="O19" s="221">
        <v>19</v>
      </c>
      <c r="P19" s="222">
        <v>30</v>
      </c>
      <c r="Q19" s="213">
        <v>0</v>
      </c>
      <c r="R19" s="221">
        <v>53</v>
      </c>
      <c r="S19" s="221">
        <v>47</v>
      </c>
      <c r="T19" s="221">
        <v>29</v>
      </c>
      <c r="U19" s="221">
        <v>35</v>
      </c>
      <c r="V19" s="221">
        <v>25</v>
      </c>
      <c r="W19" s="222">
        <v>189</v>
      </c>
      <c r="X19" s="223">
        <v>219</v>
      </c>
      <c r="Y19" s="220">
        <v>345</v>
      </c>
      <c r="Z19" s="221">
        <v>661</v>
      </c>
      <c r="AA19" s="222">
        <v>1006</v>
      </c>
      <c r="AB19" s="213">
        <v>0</v>
      </c>
      <c r="AC19" s="221">
        <v>1852</v>
      </c>
      <c r="AD19" s="221">
        <v>1754</v>
      </c>
      <c r="AE19" s="221">
        <v>1102</v>
      </c>
      <c r="AF19" s="221">
        <v>769</v>
      </c>
      <c r="AG19" s="221">
        <v>484</v>
      </c>
      <c r="AH19" s="222">
        <v>5961</v>
      </c>
      <c r="AI19" s="223">
        <v>6967</v>
      </c>
    </row>
    <row r="20" spans="2:35" ht="21" customHeight="1" x14ac:dyDescent="0.2">
      <c r="B20" s="49" t="s">
        <v>19</v>
      </c>
      <c r="C20" s="220">
        <v>201</v>
      </c>
      <c r="D20" s="221">
        <v>308</v>
      </c>
      <c r="E20" s="222">
        <v>509</v>
      </c>
      <c r="F20" s="213">
        <v>0</v>
      </c>
      <c r="G20" s="221">
        <v>804</v>
      </c>
      <c r="H20" s="221">
        <v>714</v>
      </c>
      <c r="I20" s="221">
        <v>429</v>
      </c>
      <c r="J20" s="221">
        <v>296</v>
      </c>
      <c r="K20" s="221">
        <v>204</v>
      </c>
      <c r="L20" s="222">
        <v>2447</v>
      </c>
      <c r="M20" s="223">
        <v>2956</v>
      </c>
      <c r="N20" s="224">
        <v>5</v>
      </c>
      <c r="O20" s="221">
        <v>9</v>
      </c>
      <c r="P20" s="222">
        <v>14</v>
      </c>
      <c r="Q20" s="213">
        <v>0</v>
      </c>
      <c r="R20" s="221">
        <v>15</v>
      </c>
      <c r="S20" s="221">
        <v>19</v>
      </c>
      <c r="T20" s="221">
        <v>13</v>
      </c>
      <c r="U20" s="221">
        <v>8</v>
      </c>
      <c r="V20" s="221">
        <v>10</v>
      </c>
      <c r="W20" s="222">
        <v>65</v>
      </c>
      <c r="X20" s="223">
        <v>79</v>
      </c>
      <c r="Y20" s="220">
        <v>206</v>
      </c>
      <c r="Z20" s="221">
        <v>317</v>
      </c>
      <c r="AA20" s="222">
        <v>523</v>
      </c>
      <c r="AB20" s="213">
        <v>0</v>
      </c>
      <c r="AC20" s="221">
        <v>819</v>
      </c>
      <c r="AD20" s="221">
        <v>733</v>
      </c>
      <c r="AE20" s="221">
        <v>442</v>
      </c>
      <c r="AF20" s="221">
        <v>304</v>
      </c>
      <c r="AG20" s="221">
        <v>214</v>
      </c>
      <c r="AH20" s="222">
        <v>2512</v>
      </c>
      <c r="AI20" s="223">
        <v>3035</v>
      </c>
    </row>
    <row r="21" spans="2:35" ht="21" customHeight="1" x14ac:dyDescent="0.2">
      <c r="B21" s="49" t="s">
        <v>20</v>
      </c>
      <c r="C21" s="220">
        <v>216</v>
      </c>
      <c r="D21" s="221">
        <v>424</v>
      </c>
      <c r="E21" s="222">
        <v>640</v>
      </c>
      <c r="F21" s="213">
        <v>0</v>
      </c>
      <c r="G21" s="221">
        <v>1124</v>
      </c>
      <c r="H21" s="221">
        <v>701</v>
      </c>
      <c r="I21" s="221">
        <v>497</v>
      </c>
      <c r="J21" s="221">
        <v>338</v>
      </c>
      <c r="K21" s="221">
        <v>156</v>
      </c>
      <c r="L21" s="222">
        <v>2816</v>
      </c>
      <c r="M21" s="223">
        <v>3456</v>
      </c>
      <c r="N21" s="224">
        <v>3</v>
      </c>
      <c r="O21" s="221">
        <v>24</v>
      </c>
      <c r="P21" s="222">
        <v>27</v>
      </c>
      <c r="Q21" s="213">
        <v>0</v>
      </c>
      <c r="R21" s="221">
        <v>28</v>
      </c>
      <c r="S21" s="221">
        <v>23</v>
      </c>
      <c r="T21" s="221">
        <v>12</v>
      </c>
      <c r="U21" s="221">
        <v>16</v>
      </c>
      <c r="V21" s="221">
        <v>4</v>
      </c>
      <c r="W21" s="222">
        <v>83</v>
      </c>
      <c r="X21" s="223">
        <v>110</v>
      </c>
      <c r="Y21" s="220">
        <v>219</v>
      </c>
      <c r="Z21" s="221">
        <v>448</v>
      </c>
      <c r="AA21" s="222">
        <v>667</v>
      </c>
      <c r="AB21" s="213">
        <v>0</v>
      </c>
      <c r="AC21" s="221">
        <v>1152</v>
      </c>
      <c r="AD21" s="221">
        <v>724</v>
      </c>
      <c r="AE21" s="221">
        <v>509</v>
      </c>
      <c r="AF21" s="221">
        <v>354</v>
      </c>
      <c r="AG21" s="221">
        <v>160</v>
      </c>
      <c r="AH21" s="222">
        <v>2899</v>
      </c>
      <c r="AI21" s="223">
        <v>3566</v>
      </c>
    </row>
    <row r="22" spans="2:35" ht="21" customHeight="1" x14ac:dyDescent="0.2">
      <c r="B22" s="49" t="s">
        <v>21</v>
      </c>
      <c r="C22" s="220">
        <v>273</v>
      </c>
      <c r="D22" s="221">
        <v>414</v>
      </c>
      <c r="E22" s="222">
        <v>687</v>
      </c>
      <c r="F22" s="213">
        <v>0</v>
      </c>
      <c r="G22" s="221">
        <v>950</v>
      </c>
      <c r="H22" s="221">
        <v>1035</v>
      </c>
      <c r="I22" s="221">
        <v>608</v>
      </c>
      <c r="J22" s="221">
        <v>403</v>
      </c>
      <c r="K22" s="221">
        <v>242</v>
      </c>
      <c r="L22" s="222">
        <v>3238</v>
      </c>
      <c r="M22" s="223">
        <v>3925</v>
      </c>
      <c r="N22" s="224">
        <v>7</v>
      </c>
      <c r="O22" s="221">
        <v>17</v>
      </c>
      <c r="P22" s="222">
        <v>24</v>
      </c>
      <c r="Q22" s="213">
        <v>0</v>
      </c>
      <c r="R22" s="221">
        <v>10</v>
      </c>
      <c r="S22" s="221">
        <v>42</v>
      </c>
      <c r="T22" s="221">
        <v>19</v>
      </c>
      <c r="U22" s="221">
        <v>13</v>
      </c>
      <c r="V22" s="221">
        <v>8</v>
      </c>
      <c r="W22" s="222">
        <v>92</v>
      </c>
      <c r="X22" s="223">
        <v>116</v>
      </c>
      <c r="Y22" s="220">
        <v>280</v>
      </c>
      <c r="Z22" s="221">
        <v>431</v>
      </c>
      <c r="AA22" s="222">
        <v>711</v>
      </c>
      <c r="AB22" s="213">
        <v>0</v>
      </c>
      <c r="AC22" s="221">
        <v>960</v>
      </c>
      <c r="AD22" s="221">
        <v>1077</v>
      </c>
      <c r="AE22" s="221">
        <v>627</v>
      </c>
      <c r="AF22" s="221">
        <v>416</v>
      </c>
      <c r="AG22" s="221">
        <v>250</v>
      </c>
      <c r="AH22" s="222">
        <v>3330</v>
      </c>
      <c r="AI22" s="223">
        <v>4041</v>
      </c>
    </row>
    <row r="23" spans="2:35" ht="21" customHeight="1" x14ac:dyDescent="0.2">
      <c r="B23" s="49" t="s">
        <v>22</v>
      </c>
      <c r="C23" s="220">
        <v>64</v>
      </c>
      <c r="D23" s="221">
        <v>160</v>
      </c>
      <c r="E23" s="222">
        <v>224</v>
      </c>
      <c r="F23" s="213">
        <v>0</v>
      </c>
      <c r="G23" s="221">
        <v>407</v>
      </c>
      <c r="H23" s="221">
        <v>379</v>
      </c>
      <c r="I23" s="221">
        <v>202</v>
      </c>
      <c r="J23" s="221">
        <v>146</v>
      </c>
      <c r="K23" s="221">
        <v>89</v>
      </c>
      <c r="L23" s="222">
        <v>1223</v>
      </c>
      <c r="M23" s="223">
        <v>1447</v>
      </c>
      <c r="N23" s="224">
        <v>0</v>
      </c>
      <c r="O23" s="221">
        <v>4</v>
      </c>
      <c r="P23" s="222">
        <v>4</v>
      </c>
      <c r="Q23" s="213">
        <v>0</v>
      </c>
      <c r="R23" s="221">
        <v>12</v>
      </c>
      <c r="S23" s="221">
        <v>5</v>
      </c>
      <c r="T23" s="221">
        <v>6</v>
      </c>
      <c r="U23" s="221">
        <v>5</v>
      </c>
      <c r="V23" s="221">
        <v>1</v>
      </c>
      <c r="W23" s="222">
        <v>29</v>
      </c>
      <c r="X23" s="223">
        <v>33</v>
      </c>
      <c r="Y23" s="220">
        <v>64</v>
      </c>
      <c r="Z23" s="221">
        <v>164</v>
      </c>
      <c r="AA23" s="222">
        <v>228</v>
      </c>
      <c r="AB23" s="213">
        <v>0</v>
      </c>
      <c r="AC23" s="221">
        <v>419</v>
      </c>
      <c r="AD23" s="221">
        <v>384</v>
      </c>
      <c r="AE23" s="221">
        <v>208</v>
      </c>
      <c r="AF23" s="221">
        <v>151</v>
      </c>
      <c r="AG23" s="221">
        <v>90</v>
      </c>
      <c r="AH23" s="222">
        <v>1252</v>
      </c>
      <c r="AI23" s="223">
        <v>1480</v>
      </c>
    </row>
    <row r="24" spans="2:35" ht="21" customHeight="1" x14ac:dyDescent="0.2">
      <c r="B24" s="49" t="s">
        <v>23</v>
      </c>
      <c r="C24" s="220">
        <v>133</v>
      </c>
      <c r="D24" s="221">
        <v>255</v>
      </c>
      <c r="E24" s="222">
        <v>388</v>
      </c>
      <c r="F24" s="213">
        <v>0</v>
      </c>
      <c r="G24" s="221">
        <v>629</v>
      </c>
      <c r="H24" s="221">
        <v>529</v>
      </c>
      <c r="I24" s="221">
        <v>289</v>
      </c>
      <c r="J24" s="221">
        <v>278</v>
      </c>
      <c r="K24" s="221">
        <v>150</v>
      </c>
      <c r="L24" s="222">
        <v>1875</v>
      </c>
      <c r="M24" s="223">
        <v>2263</v>
      </c>
      <c r="N24" s="224">
        <v>3</v>
      </c>
      <c r="O24" s="221">
        <v>7</v>
      </c>
      <c r="P24" s="222">
        <v>10</v>
      </c>
      <c r="Q24" s="213">
        <v>0</v>
      </c>
      <c r="R24" s="221">
        <v>6</v>
      </c>
      <c r="S24" s="221">
        <v>17</v>
      </c>
      <c r="T24" s="221">
        <v>10</v>
      </c>
      <c r="U24" s="221">
        <v>7</v>
      </c>
      <c r="V24" s="221">
        <v>4</v>
      </c>
      <c r="W24" s="222">
        <v>44</v>
      </c>
      <c r="X24" s="223">
        <v>54</v>
      </c>
      <c r="Y24" s="220">
        <v>136</v>
      </c>
      <c r="Z24" s="221">
        <v>262</v>
      </c>
      <c r="AA24" s="222">
        <v>398</v>
      </c>
      <c r="AB24" s="213">
        <v>0</v>
      </c>
      <c r="AC24" s="221">
        <v>635</v>
      </c>
      <c r="AD24" s="221">
        <v>546</v>
      </c>
      <c r="AE24" s="221">
        <v>299</v>
      </c>
      <c r="AF24" s="221">
        <v>285</v>
      </c>
      <c r="AG24" s="221">
        <v>154</v>
      </c>
      <c r="AH24" s="222">
        <v>1919</v>
      </c>
      <c r="AI24" s="223">
        <v>2317</v>
      </c>
    </row>
    <row r="25" spans="2:35" ht="21" customHeight="1" x14ac:dyDescent="0.2">
      <c r="B25" s="49" t="s">
        <v>24</v>
      </c>
      <c r="C25" s="220">
        <v>118</v>
      </c>
      <c r="D25" s="221">
        <v>117</v>
      </c>
      <c r="E25" s="222">
        <v>235</v>
      </c>
      <c r="F25" s="213">
        <v>0</v>
      </c>
      <c r="G25" s="221">
        <v>320</v>
      </c>
      <c r="H25" s="221">
        <v>240</v>
      </c>
      <c r="I25" s="221">
        <v>163</v>
      </c>
      <c r="J25" s="221">
        <v>121</v>
      </c>
      <c r="K25" s="221">
        <v>87</v>
      </c>
      <c r="L25" s="222">
        <v>931</v>
      </c>
      <c r="M25" s="223">
        <v>1166</v>
      </c>
      <c r="N25" s="224">
        <v>2</v>
      </c>
      <c r="O25" s="221">
        <v>1</v>
      </c>
      <c r="P25" s="222">
        <v>3</v>
      </c>
      <c r="Q25" s="213">
        <v>0</v>
      </c>
      <c r="R25" s="221">
        <v>4</v>
      </c>
      <c r="S25" s="221">
        <v>7</v>
      </c>
      <c r="T25" s="221">
        <v>4</v>
      </c>
      <c r="U25" s="221">
        <v>1</v>
      </c>
      <c r="V25" s="221">
        <v>3</v>
      </c>
      <c r="W25" s="222">
        <v>19</v>
      </c>
      <c r="X25" s="223">
        <v>22</v>
      </c>
      <c r="Y25" s="220">
        <v>120</v>
      </c>
      <c r="Z25" s="221">
        <v>118</v>
      </c>
      <c r="AA25" s="222">
        <v>238</v>
      </c>
      <c r="AB25" s="213">
        <v>0</v>
      </c>
      <c r="AC25" s="221">
        <v>324</v>
      </c>
      <c r="AD25" s="221">
        <v>247</v>
      </c>
      <c r="AE25" s="221">
        <v>167</v>
      </c>
      <c r="AF25" s="221">
        <v>122</v>
      </c>
      <c r="AG25" s="221">
        <v>90</v>
      </c>
      <c r="AH25" s="222">
        <v>950</v>
      </c>
      <c r="AI25" s="223">
        <v>1188</v>
      </c>
    </row>
    <row r="26" spans="2:35" ht="21" customHeight="1" x14ac:dyDescent="0.2">
      <c r="B26" s="49" t="s">
        <v>25</v>
      </c>
      <c r="C26" s="220">
        <v>94</v>
      </c>
      <c r="D26" s="221">
        <v>169</v>
      </c>
      <c r="E26" s="222">
        <v>263</v>
      </c>
      <c r="F26" s="213">
        <v>0</v>
      </c>
      <c r="G26" s="221">
        <v>358</v>
      </c>
      <c r="H26" s="221">
        <v>296</v>
      </c>
      <c r="I26" s="221">
        <v>166</v>
      </c>
      <c r="J26" s="221">
        <v>142</v>
      </c>
      <c r="K26" s="221">
        <v>62</v>
      </c>
      <c r="L26" s="222">
        <v>1024</v>
      </c>
      <c r="M26" s="223">
        <v>1287</v>
      </c>
      <c r="N26" s="224">
        <v>1</v>
      </c>
      <c r="O26" s="221">
        <v>6</v>
      </c>
      <c r="P26" s="222">
        <v>7</v>
      </c>
      <c r="Q26" s="213">
        <v>0</v>
      </c>
      <c r="R26" s="221">
        <v>6</v>
      </c>
      <c r="S26" s="221">
        <v>13</v>
      </c>
      <c r="T26" s="221">
        <v>3</v>
      </c>
      <c r="U26" s="221">
        <v>2</v>
      </c>
      <c r="V26" s="221">
        <v>2</v>
      </c>
      <c r="W26" s="222">
        <v>26</v>
      </c>
      <c r="X26" s="223">
        <v>33</v>
      </c>
      <c r="Y26" s="220">
        <v>95</v>
      </c>
      <c r="Z26" s="221">
        <v>175</v>
      </c>
      <c r="AA26" s="222">
        <v>270</v>
      </c>
      <c r="AB26" s="213">
        <v>0</v>
      </c>
      <c r="AC26" s="221">
        <v>364</v>
      </c>
      <c r="AD26" s="221">
        <v>309</v>
      </c>
      <c r="AE26" s="221">
        <v>169</v>
      </c>
      <c r="AF26" s="221">
        <v>144</v>
      </c>
      <c r="AG26" s="221">
        <v>64</v>
      </c>
      <c r="AH26" s="222">
        <v>1050</v>
      </c>
      <c r="AI26" s="223">
        <v>1320</v>
      </c>
    </row>
    <row r="27" spans="2:35" ht="21" customHeight="1" x14ac:dyDescent="0.2">
      <c r="B27" s="49" t="s">
        <v>26</v>
      </c>
      <c r="C27" s="220">
        <v>78</v>
      </c>
      <c r="D27" s="221">
        <v>109</v>
      </c>
      <c r="E27" s="222">
        <v>187</v>
      </c>
      <c r="F27" s="213">
        <v>0</v>
      </c>
      <c r="G27" s="221">
        <v>299</v>
      </c>
      <c r="H27" s="221">
        <v>251</v>
      </c>
      <c r="I27" s="221">
        <v>175</v>
      </c>
      <c r="J27" s="221">
        <v>108</v>
      </c>
      <c r="K27" s="221">
        <v>73</v>
      </c>
      <c r="L27" s="222">
        <v>906</v>
      </c>
      <c r="M27" s="223">
        <v>1093</v>
      </c>
      <c r="N27" s="224">
        <v>0</v>
      </c>
      <c r="O27" s="221">
        <v>0</v>
      </c>
      <c r="P27" s="222">
        <v>0</v>
      </c>
      <c r="Q27" s="213">
        <v>0</v>
      </c>
      <c r="R27" s="221">
        <v>8</v>
      </c>
      <c r="S27" s="221">
        <v>6</v>
      </c>
      <c r="T27" s="221">
        <v>2</v>
      </c>
      <c r="U27" s="221">
        <v>4</v>
      </c>
      <c r="V27" s="221">
        <v>1</v>
      </c>
      <c r="W27" s="222">
        <v>21</v>
      </c>
      <c r="X27" s="223">
        <v>21</v>
      </c>
      <c r="Y27" s="220">
        <v>78</v>
      </c>
      <c r="Z27" s="221">
        <v>109</v>
      </c>
      <c r="AA27" s="222">
        <v>187</v>
      </c>
      <c r="AB27" s="213">
        <v>0</v>
      </c>
      <c r="AC27" s="221">
        <v>307</v>
      </c>
      <c r="AD27" s="221">
        <v>257</v>
      </c>
      <c r="AE27" s="221">
        <v>177</v>
      </c>
      <c r="AF27" s="221">
        <v>112</v>
      </c>
      <c r="AG27" s="221">
        <v>74</v>
      </c>
      <c r="AH27" s="222">
        <v>927</v>
      </c>
      <c r="AI27" s="223">
        <v>1114</v>
      </c>
    </row>
    <row r="28" spans="2:35" ht="21" customHeight="1" x14ac:dyDescent="0.2">
      <c r="B28" s="49" t="s">
        <v>27</v>
      </c>
      <c r="C28" s="220">
        <v>127</v>
      </c>
      <c r="D28" s="221">
        <v>186</v>
      </c>
      <c r="E28" s="222">
        <v>313</v>
      </c>
      <c r="F28" s="213">
        <v>0</v>
      </c>
      <c r="G28" s="221">
        <v>256</v>
      </c>
      <c r="H28" s="221">
        <v>187</v>
      </c>
      <c r="I28" s="221">
        <v>158</v>
      </c>
      <c r="J28" s="221">
        <v>110</v>
      </c>
      <c r="K28" s="221">
        <v>62</v>
      </c>
      <c r="L28" s="222">
        <v>773</v>
      </c>
      <c r="M28" s="223">
        <v>1086</v>
      </c>
      <c r="N28" s="224">
        <v>2</v>
      </c>
      <c r="O28" s="221">
        <v>3</v>
      </c>
      <c r="P28" s="222">
        <v>5</v>
      </c>
      <c r="Q28" s="213">
        <v>0</v>
      </c>
      <c r="R28" s="221">
        <v>5</v>
      </c>
      <c r="S28" s="221">
        <v>4</v>
      </c>
      <c r="T28" s="221">
        <v>3</v>
      </c>
      <c r="U28" s="221">
        <v>1</v>
      </c>
      <c r="V28" s="221">
        <v>3</v>
      </c>
      <c r="W28" s="222">
        <v>16</v>
      </c>
      <c r="X28" s="223">
        <v>21</v>
      </c>
      <c r="Y28" s="220">
        <v>129</v>
      </c>
      <c r="Z28" s="221">
        <v>189</v>
      </c>
      <c r="AA28" s="222">
        <v>318</v>
      </c>
      <c r="AB28" s="213">
        <v>0</v>
      </c>
      <c r="AC28" s="221">
        <v>261</v>
      </c>
      <c r="AD28" s="221">
        <v>191</v>
      </c>
      <c r="AE28" s="221">
        <v>161</v>
      </c>
      <c r="AF28" s="221">
        <v>111</v>
      </c>
      <c r="AG28" s="221">
        <v>65</v>
      </c>
      <c r="AH28" s="222">
        <v>789</v>
      </c>
      <c r="AI28" s="223">
        <v>1107</v>
      </c>
    </row>
    <row r="29" spans="2:35" ht="21" customHeight="1" x14ac:dyDescent="0.2">
      <c r="B29" s="49" t="s">
        <v>28</v>
      </c>
      <c r="C29" s="220">
        <v>10</v>
      </c>
      <c r="D29" s="221">
        <v>19</v>
      </c>
      <c r="E29" s="222">
        <v>29</v>
      </c>
      <c r="F29" s="213">
        <v>0</v>
      </c>
      <c r="G29" s="221">
        <v>76</v>
      </c>
      <c r="H29" s="221">
        <v>95</v>
      </c>
      <c r="I29" s="221">
        <v>55</v>
      </c>
      <c r="J29" s="221">
        <v>42</v>
      </c>
      <c r="K29" s="221">
        <v>18</v>
      </c>
      <c r="L29" s="222">
        <v>286</v>
      </c>
      <c r="M29" s="223">
        <v>315</v>
      </c>
      <c r="N29" s="224">
        <v>0</v>
      </c>
      <c r="O29" s="221">
        <v>1</v>
      </c>
      <c r="P29" s="222">
        <v>1</v>
      </c>
      <c r="Q29" s="213">
        <v>0</v>
      </c>
      <c r="R29" s="221">
        <v>0</v>
      </c>
      <c r="S29" s="221">
        <v>1</v>
      </c>
      <c r="T29" s="221">
        <v>0</v>
      </c>
      <c r="U29" s="221">
        <v>1</v>
      </c>
      <c r="V29" s="221">
        <v>3</v>
      </c>
      <c r="W29" s="222">
        <v>5</v>
      </c>
      <c r="X29" s="223">
        <v>6</v>
      </c>
      <c r="Y29" s="220">
        <v>10</v>
      </c>
      <c r="Z29" s="221">
        <v>20</v>
      </c>
      <c r="AA29" s="222">
        <v>30</v>
      </c>
      <c r="AB29" s="213">
        <v>0</v>
      </c>
      <c r="AC29" s="221">
        <v>76</v>
      </c>
      <c r="AD29" s="221">
        <v>96</v>
      </c>
      <c r="AE29" s="221">
        <v>55</v>
      </c>
      <c r="AF29" s="221">
        <v>43</v>
      </c>
      <c r="AG29" s="221">
        <v>21</v>
      </c>
      <c r="AH29" s="222">
        <v>291</v>
      </c>
      <c r="AI29" s="223">
        <v>321</v>
      </c>
    </row>
    <row r="30" spans="2:35" ht="21" customHeight="1" x14ac:dyDescent="0.2">
      <c r="B30" s="49" t="s">
        <v>29</v>
      </c>
      <c r="C30" s="220">
        <v>30</v>
      </c>
      <c r="D30" s="221">
        <v>36</v>
      </c>
      <c r="E30" s="222">
        <v>66</v>
      </c>
      <c r="F30" s="213">
        <v>0</v>
      </c>
      <c r="G30" s="221">
        <v>102</v>
      </c>
      <c r="H30" s="221">
        <v>99</v>
      </c>
      <c r="I30" s="221">
        <v>67</v>
      </c>
      <c r="J30" s="221">
        <v>46</v>
      </c>
      <c r="K30" s="221">
        <v>29</v>
      </c>
      <c r="L30" s="222">
        <v>343</v>
      </c>
      <c r="M30" s="223">
        <v>409</v>
      </c>
      <c r="N30" s="224">
        <v>1</v>
      </c>
      <c r="O30" s="221">
        <v>3</v>
      </c>
      <c r="P30" s="222">
        <v>4</v>
      </c>
      <c r="Q30" s="213">
        <v>0</v>
      </c>
      <c r="R30" s="221">
        <v>3</v>
      </c>
      <c r="S30" s="221">
        <v>4</v>
      </c>
      <c r="T30" s="221">
        <v>2</v>
      </c>
      <c r="U30" s="221">
        <v>1</v>
      </c>
      <c r="V30" s="221">
        <v>0</v>
      </c>
      <c r="W30" s="222">
        <v>10</v>
      </c>
      <c r="X30" s="223">
        <v>14</v>
      </c>
      <c r="Y30" s="220">
        <v>31</v>
      </c>
      <c r="Z30" s="221">
        <v>39</v>
      </c>
      <c r="AA30" s="222">
        <v>70</v>
      </c>
      <c r="AB30" s="213">
        <v>0</v>
      </c>
      <c r="AC30" s="221">
        <v>105</v>
      </c>
      <c r="AD30" s="221">
        <v>103</v>
      </c>
      <c r="AE30" s="221">
        <v>69</v>
      </c>
      <c r="AF30" s="221">
        <v>47</v>
      </c>
      <c r="AG30" s="221">
        <v>29</v>
      </c>
      <c r="AH30" s="222">
        <v>353</v>
      </c>
      <c r="AI30" s="223">
        <v>423</v>
      </c>
    </row>
    <row r="31" spans="2:35" ht="21" customHeight="1" x14ac:dyDescent="0.2">
      <c r="B31" s="49" t="s">
        <v>30</v>
      </c>
      <c r="C31" s="220">
        <v>41</v>
      </c>
      <c r="D31" s="221">
        <v>28</v>
      </c>
      <c r="E31" s="222">
        <v>69</v>
      </c>
      <c r="F31" s="213">
        <v>0</v>
      </c>
      <c r="G31" s="221">
        <v>99</v>
      </c>
      <c r="H31" s="221">
        <v>79</v>
      </c>
      <c r="I31" s="221">
        <v>63</v>
      </c>
      <c r="J31" s="221">
        <v>47</v>
      </c>
      <c r="K31" s="221">
        <v>19</v>
      </c>
      <c r="L31" s="222">
        <v>307</v>
      </c>
      <c r="M31" s="223">
        <v>376</v>
      </c>
      <c r="N31" s="224">
        <v>0</v>
      </c>
      <c r="O31" s="221">
        <v>0</v>
      </c>
      <c r="P31" s="222">
        <v>0</v>
      </c>
      <c r="Q31" s="213">
        <v>0</v>
      </c>
      <c r="R31" s="221">
        <v>1</v>
      </c>
      <c r="S31" s="221">
        <v>0</v>
      </c>
      <c r="T31" s="221">
        <v>3</v>
      </c>
      <c r="U31" s="221">
        <v>1</v>
      </c>
      <c r="V31" s="221">
        <v>0</v>
      </c>
      <c r="W31" s="222">
        <v>5</v>
      </c>
      <c r="X31" s="223">
        <v>5</v>
      </c>
      <c r="Y31" s="220">
        <v>41</v>
      </c>
      <c r="Z31" s="221">
        <v>28</v>
      </c>
      <c r="AA31" s="222">
        <v>69</v>
      </c>
      <c r="AB31" s="213">
        <v>0</v>
      </c>
      <c r="AC31" s="221">
        <v>100</v>
      </c>
      <c r="AD31" s="221">
        <v>79</v>
      </c>
      <c r="AE31" s="221">
        <v>66</v>
      </c>
      <c r="AF31" s="221">
        <v>48</v>
      </c>
      <c r="AG31" s="221">
        <v>19</v>
      </c>
      <c r="AH31" s="222">
        <v>312</v>
      </c>
      <c r="AI31" s="223">
        <v>381</v>
      </c>
    </row>
    <row r="32" spans="2:35" ht="21" customHeight="1" x14ac:dyDescent="0.2">
      <c r="B32" s="49" t="s">
        <v>31</v>
      </c>
      <c r="C32" s="220">
        <v>26</v>
      </c>
      <c r="D32" s="221">
        <v>57</v>
      </c>
      <c r="E32" s="222">
        <v>83</v>
      </c>
      <c r="F32" s="213">
        <v>0</v>
      </c>
      <c r="G32" s="221">
        <v>111</v>
      </c>
      <c r="H32" s="221">
        <v>98</v>
      </c>
      <c r="I32" s="221">
        <v>56</v>
      </c>
      <c r="J32" s="221">
        <v>35</v>
      </c>
      <c r="K32" s="221">
        <v>19</v>
      </c>
      <c r="L32" s="222">
        <v>319</v>
      </c>
      <c r="M32" s="223">
        <v>402</v>
      </c>
      <c r="N32" s="224">
        <v>0</v>
      </c>
      <c r="O32" s="221">
        <v>2</v>
      </c>
      <c r="P32" s="222">
        <v>2</v>
      </c>
      <c r="Q32" s="213">
        <v>0</v>
      </c>
      <c r="R32" s="221">
        <v>3</v>
      </c>
      <c r="S32" s="221">
        <v>0</v>
      </c>
      <c r="T32" s="221">
        <v>0</v>
      </c>
      <c r="U32" s="221">
        <v>2</v>
      </c>
      <c r="V32" s="221">
        <v>2</v>
      </c>
      <c r="W32" s="222">
        <v>7</v>
      </c>
      <c r="X32" s="223">
        <v>9</v>
      </c>
      <c r="Y32" s="220">
        <v>26</v>
      </c>
      <c r="Z32" s="221">
        <v>59</v>
      </c>
      <c r="AA32" s="222">
        <v>85</v>
      </c>
      <c r="AB32" s="213">
        <v>0</v>
      </c>
      <c r="AC32" s="221">
        <v>114</v>
      </c>
      <c r="AD32" s="221">
        <v>98</v>
      </c>
      <c r="AE32" s="221">
        <v>56</v>
      </c>
      <c r="AF32" s="221">
        <v>37</v>
      </c>
      <c r="AG32" s="221">
        <v>21</v>
      </c>
      <c r="AH32" s="222">
        <v>326</v>
      </c>
      <c r="AI32" s="223">
        <v>411</v>
      </c>
    </row>
    <row r="33" spans="2:35" ht="21" customHeight="1" x14ac:dyDescent="0.2">
      <c r="B33" s="49" t="s">
        <v>32</v>
      </c>
      <c r="C33" s="220">
        <v>27</v>
      </c>
      <c r="D33" s="221">
        <v>48</v>
      </c>
      <c r="E33" s="222">
        <v>75</v>
      </c>
      <c r="F33" s="213">
        <v>0</v>
      </c>
      <c r="G33" s="221">
        <v>138</v>
      </c>
      <c r="H33" s="221">
        <v>117</v>
      </c>
      <c r="I33" s="221">
        <v>69</v>
      </c>
      <c r="J33" s="221">
        <v>54</v>
      </c>
      <c r="K33" s="221">
        <v>31</v>
      </c>
      <c r="L33" s="222">
        <v>409</v>
      </c>
      <c r="M33" s="223">
        <v>484</v>
      </c>
      <c r="N33" s="224">
        <v>0</v>
      </c>
      <c r="O33" s="221">
        <v>1</v>
      </c>
      <c r="P33" s="222">
        <v>1</v>
      </c>
      <c r="Q33" s="213">
        <v>0</v>
      </c>
      <c r="R33" s="221">
        <v>7</v>
      </c>
      <c r="S33" s="221">
        <v>6</v>
      </c>
      <c r="T33" s="221">
        <v>2</v>
      </c>
      <c r="U33" s="221">
        <v>2</v>
      </c>
      <c r="V33" s="221">
        <v>3</v>
      </c>
      <c r="W33" s="222">
        <v>20</v>
      </c>
      <c r="X33" s="223">
        <v>21</v>
      </c>
      <c r="Y33" s="220">
        <v>27</v>
      </c>
      <c r="Z33" s="221">
        <v>49</v>
      </c>
      <c r="AA33" s="222">
        <v>76</v>
      </c>
      <c r="AB33" s="213">
        <v>0</v>
      </c>
      <c r="AC33" s="221">
        <v>145</v>
      </c>
      <c r="AD33" s="221">
        <v>123</v>
      </c>
      <c r="AE33" s="221">
        <v>71</v>
      </c>
      <c r="AF33" s="221">
        <v>56</v>
      </c>
      <c r="AG33" s="221">
        <v>34</v>
      </c>
      <c r="AH33" s="222">
        <v>429</v>
      </c>
      <c r="AI33" s="223">
        <v>505</v>
      </c>
    </row>
    <row r="34" spans="2:35" ht="21" customHeight="1" x14ac:dyDescent="0.2">
      <c r="B34" s="49" t="s">
        <v>33</v>
      </c>
      <c r="C34" s="220">
        <v>40</v>
      </c>
      <c r="D34" s="221">
        <v>63</v>
      </c>
      <c r="E34" s="222">
        <v>103</v>
      </c>
      <c r="F34" s="213">
        <v>0</v>
      </c>
      <c r="G34" s="221">
        <v>133</v>
      </c>
      <c r="H34" s="221">
        <v>92</v>
      </c>
      <c r="I34" s="221">
        <v>56</v>
      </c>
      <c r="J34" s="221">
        <v>33</v>
      </c>
      <c r="K34" s="221">
        <v>24</v>
      </c>
      <c r="L34" s="222">
        <v>338</v>
      </c>
      <c r="M34" s="223">
        <v>441</v>
      </c>
      <c r="N34" s="224">
        <v>0</v>
      </c>
      <c r="O34" s="221">
        <v>0</v>
      </c>
      <c r="P34" s="222">
        <v>0</v>
      </c>
      <c r="Q34" s="213">
        <v>0</v>
      </c>
      <c r="R34" s="221">
        <v>2</v>
      </c>
      <c r="S34" s="221">
        <v>1</v>
      </c>
      <c r="T34" s="221">
        <v>0</v>
      </c>
      <c r="U34" s="221">
        <v>1</v>
      </c>
      <c r="V34" s="221">
        <v>2</v>
      </c>
      <c r="W34" s="222">
        <v>6</v>
      </c>
      <c r="X34" s="223">
        <v>6</v>
      </c>
      <c r="Y34" s="220">
        <v>40</v>
      </c>
      <c r="Z34" s="221">
        <v>63</v>
      </c>
      <c r="AA34" s="222">
        <v>103</v>
      </c>
      <c r="AB34" s="213">
        <v>0</v>
      </c>
      <c r="AC34" s="221">
        <v>135</v>
      </c>
      <c r="AD34" s="221">
        <v>93</v>
      </c>
      <c r="AE34" s="221">
        <v>56</v>
      </c>
      <c r="AF34" s="221">
        <v>34</v>
      </c>
      <c r="AG34" s="221">
        <v>26</v>
      </c>
      <c r="AH34" s="222">
        <v>344</v>
      </c>
      <c r="AI34" s="223">
        <v>447</v>
      </c>
    </row>
    <row r="35" spans="2:35" ht="21" customHeight="1" x14ac:dyDescent="0.2">
      <c r="B35" s="49" t="s">
        <v>34</v>
      </c>
      <c r="C35" s="220">
        <v>21</v>
      </c>
      <c r="D35" s="221">
        <v>25</v>
      </c>
      <c r="E35" s="222">
        <v>46</v>
      </c>
      <c r="F35" s="213">
        <v>0</v>
      </c>
      <c r="G35" s="221">
        <v>98</v>
      </c>
      <c r="H35" s="221">
        <v>67</v>
      </c>
      <c r="I35" s="221">
        <v>31</v>
      </c>
      <c r="J35" s="221">
        <v>36</v>
      </c>
      <c r="K35" s="221">
        <v>16</v>
      </c>
      <c r="L35" s="222">
        <v>248</v>
      </c>
      <c r="M35" s="223">
        <v>294</v>
      </c>
      <c r="N35" s="224">
        <v>0</v>
      </c>
      <c r="O35" s="221">
        <v>0</v>
      </c>
      <c r="P35" s="222">
        <v>0</v>
      </c>
      <c r="Q35" s="213">
        <v>0</v>
      </c>
      <c r="R35" s="221">
        <v>4</v>
      </c>
      <c r="S35" s="221">
        <v>2</v>
      </c>
      <c r="T35" s="221">
        <v>1</v>
      </c>
      <c r="U35" s="221">
        <v>1</v>
      </c>
      <c r="V35" s="221">
        <v>1</v>
      </c>
      <c r="W35" s="222">
        <v>9</v>
      </c>
      <c r="X35" s="223">
        <v>9</v>
      </c>
      <c r="Y35" s="220">
        <v>21</v>
      </c>
      <c r="Z35" s="221">
        <v>25</v>
      </c>
      <c r="AA35" s="222">
        <v>46</v>
      </c>
      <c r="AB35" s="213">
        <v>0</v>
      </c>
      <c r="AC35" s="221">
        <v>102</v>
      </c>
      <c r="AD35" s="221">
        <v>69</v>
      </c>
      <c r="AE35" s="221">
        <v>32</v>
      </c>
      <c r="AF35" s="221">
        <v>37</v>
      </c>
      <c r="AG35" s="221">
        <v>17</v>
      </c>
      <c r="AH35" s="222">
        <v>257</v>
      </c>
      <c r="AI35" s="223">
        <v>303</v>
      </c>
    </row>
    <row r="36" spans="2:35" ht="21" customHeight="1" x14ac:dyDescent="0.2">
      <c r="B36" s="49" t="s">
        <v>35</v>
      </c>
      <c r="C36" s="220">
        <v>78</v>
      </c>
      <c r="D36" s="221">
        <v>109</v>
      </c>
      <c r="E36" s="222">
        <v>187</v>
      </c>
      <c r="F36" s="213">
        <v>0</v>
      </c>
      <c r="G36" s="221">
        <v>388</v>
      </c>
      <c r="H36" s="221">
        <v>229</v>
      </c>
      <c r="I36" s="221">
        <v>128</v>
      </c>
      <c r="J36" s="221">
        <v>133</v>
      </c>
      <c r="K36" s="221">
        <v>51</v>
      </c>
      <c r="L36" s="222">
        <v>929</v>
      </c>
      <c r="M36" s="223">
        <v>1116</v>
      </c>
      <c r="N36" s="224">
        <v>0</v>
      </c>
      <c r="O36" s="221">
        <v>1</v>
      </c>
      <c r="P36" s="222">
        <v>1</v>
      </c>
      <c r="Q36" s="213">
        <v>0</v>
      </c>
      <c r="R36" s="221">
        <v>2</v>
      </c>
      <c r="S36" s="221">
        <v>5</v>
      </c>
      <c r="T36" s="221">
        <v>2</v>
      </c>
      <c r="U36" s="221">
        <v>2</v>
      </c>
      <c r="V36" s="221">
        <v>1</v>
      </c>
      <c r="W36" s="222">
        <v>12</v>
      </c>
      <c r="X36" s="223">
        <v>13</v>
      </c>
      <c r="Y36" s="220">
        <v>78</v>
      </c>
      <c r="Z36" s="221">
        <v>110</v>
      </c>
      <c r="AA36" s="222">
        <v>188</v>
      </c>
      <c r="AB36" s="213">
        <v>0</v>
      </c>
      <c r="AC36" s="221">
        <v>390</v>
      </c>
      <c r="AD36" s="221">
        <v>234</v>
      </c>
      <c r="AE36" s="221">
        <v>130</v>
      </c>
      <c r="AF36" s="221">
        <v>135</v>
      </c>
      <c r="AG36" s="221">
        <v>52</v>
      </c>
      <c r="AH36" s="222">
        <v>941</v>
      </c>
      <c r="AI36" s="223">
        <v>1129</v>
      </c>
    </row>
    <row r="37" spans="2:35" ht="21" customHeight="1" x14ac:dyDescent="0.2">
      <c r="B37" s="49" t="s">
        <v>36</v>
      </c>
      <c r="C37" s="220">
        <v>48</v>
      </c>
      <c r="D37" s="221">
        <v>117</v>
      </c>
      <c r="E37" s="222">
        <v>165</v>
      </c>
      <c r="F37" s="213">
        <v>0</v>
      </c>
      <c r="G37" s="221">
        <v>278</v>
      </c>
      <c r="H37" s="221">
        <v>262</v>
      </c>
      <c r="I37" s="221">
        <v>142</v>
      </c>
      <c r="J37" s="221">
        <v>117</v>
      </c>
      <c r="K37" s="221">
        <v>70</v>
      </c>
      <c r="L37" s="222">
        <v>869</v>
      </c>
      <c r="M37" s="223">
        <v>1034</v>
      </c>
      <c r="N37" s="224">
        <v>1</v>
      </c>
      <c r="O37" s="221">
        <v>5</v>
      </c>
      <c r="P37" s="222">
        <v>6</v>
      </c>
      <c r="Q37" s="213">
        <v>0</v>
      </c>
      <c r="R37" s="221">
        <v>8</v>
      </c>
      <c r="S37" s="221">
        <v>5</v>
      </c>
      <c r="T37" s="221">
        <v>6</v>
      </c>
      <c r="U37" s="221">
        <v>2</v>
      </c>
      <c r="V37" s="221">
        <v>3</v>
      </c>
      <c r="W37" s="222">
        <v>24</v>
      </c>
      <c r="X37" s="223">
        <v>30</v>
      </c>
      <c r="Y37" s="220">
        <v>49</v>
      </c>
      <c r="Z37" s="221">
        <v>122</v>
      </c>
      <c r="AA37" s="222">
        <v>171</v>
      </c>
      <c r="AB37" s="213">
        <v>0</v>
      </c>
      <c r="AC37" s="221">
        <v>286</v>
      </c>
      <c r="AD37" s="221">
        <v>267</v>
      </c>
      <c r="AE37" s="221">
        <v>148</v>
      </c>
      <c r="AF37" s="221">
        <v>119</v>
      </c>
      <c r="AG37" s="221">
        <v>73</v>
      </c>
      <c r="AH37" s="222">
        <v>893</v>
      </c>
      <c r="AI37" s="223">
        <v>1064</v>
      </c>
    </row>
    <row r="38" spans="2:35" ht="21" customHeight="1" thickBot="1" x14ac:dyDescent="0.25">
      <c r="B38" s="50" t="s">
        <v>37</v>
      </c>
      <c r="C38" s="225">
        <v>13</v>
      </c>
      <c r="D38" s="226">
        <v>8</v>
      </c>
      <c r="E38" s="227">
        <v>21</v>
      </c>
      <c r="F38" s="214">
        <v>0</v>
      </c>
      <c r="G38" s="226">
        <v>23</v>
      </c>
      <c r="H38" s="226">
        <v>16</v>
      </c>
      <c r="I38" s="226">
        <v>24</v>
      </c>
      <c r="J38" s="226">
        <v>9</v>
      </c>
      <c r="K38" s="226">
        <v>4</v>
      </c>
      <c r="L38" s="227">
        <v>76</v>
      </c>
      <c r="M38" s="228">
        <v>97</v>
      </c>
      <c r="N38" s="229">
        <v>0</v>
      </c>
      <c r="O38" s="226">
        <v>0</v>
      </c>
      <c r="P38" s="227">
        <v>0</v>
      </c>
      <c r="Q38" s="214">
        <v>0</v>
      </c>
      <c r="R38" s="226">
        <v>1</v>
      </c>
      <c r="S38" s="226">
        <v>1</v>
      </c>
      <c r="T38" s="226">
        <v>1</v>
      </c>
      <c r="U38" s="226">
        <v>2</v>
      </c>
      <c r="V38" s="226">
        <v>0</v>
      </c>
      <c r="W38" s="227">
        <v>5</v>
      </c>
      <c r="X38" s="228">
        <v>5</v>
      </c>
      <c r="Y38" s="225">
        <v>13</v>
      </c>
      <c r="Z38" s="226">
        <v>8</v>
      </c>
      <c r="AA38" s="227">
        <v>21</v>
      </c>
      <c r="AB38" s="214">
        <v>0</v>
      </c>
      <c r="AC38" s="226">
        <v>24</v>
      </c>
      <c r="AD38" s="226">
        <v>17</v>
      </c>
      <c r="AE38" s="226">
        <v>25</v>
      </c>
      <c r="AF38" s="226">
        <v>11</v>
      </c>
      <c r="AG38" s="226">
        <v>4</v>
      </c>
      <c r="AH38" s="227">
        <v>81</v>
      </c>
      <c r="AI38" s="228">
        <v>102</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f>第１表!F2</f>
        <v>5</v>
      </c>
      <c r="J1" s="524"/>
      <c r="K1" s="248">
        <f>第１表!G2</f>
        <v>4</v>
      </c>
      <c r="L1" s="529">
        <f>IF(K1&lt;3,K1+12-2,K1-2)</f>
        <v>2</v>
      </c>
      <c r="M1" s="529"/>
    </row>
    <row r="2" spans="2:156" ht="24" customHeight="1" thickBot="1" x14ac:dyDescent="0.25">
      <c r="B2" s="290" t="s">
        <v>138</v>
      </c>
      <c r="G2" s="247"/>
      <c r="H2" s="248"/>
      <c r="J2" s="254"/>
      <c r="K2" s="254"/>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263" t="s">
        <v>43</v>
      </c>
      <c r="D5" s="259" t="s">
        <v>44</v>
      </c>
      <c r="E5" s="382" t="s">
        <v>45</v>
      </c>
      <c r="F5" s="267" t="s">
        <v>83</v>
      </c>
      <c r="G5" s="259" t="s">
        <v>47</v>
      </c>
      <c r="H5" s="259" t="s">
        <v>48</v>
      </c>
      <c r="I5" s="259" t="s">
        <v>49</v>
      </c>
      <c r="J5" s="259" t="s">
        <v>50</v>
      </c>
      <c r="K5" s="259" t="s">
        <v>51</v>
      </c>
      <c r="L5" s="268" t="s">
        <v>45</v>
      </c>
      <c r="M5" s="531"/>
      <c r="N5" s="263" t="s">
        <v>43</v>
      </c>
      <c r="O5" s="259" t="s">
        <v>44</v>
      </c>
      <c r="P5" s="265" t="s">
        <v>45</v>
      </c>
      <c r="Q5" s="267" t="s">
        <v>83</v>
      </c>
      <c r="R5" s="259" t="s">
        <v>47</v>
      </c>
      <c r="S5" s="259" t="s">
        <v>48</v>
      </c>
      <c r="T5" s="259" t="s">
        <v>49</v>
      </c>
      <c r="U5" s="259" t="s">
        <v>50</v>
      </c>
      <c r="V5" s="259" t="s">
        <v>51</v>
      </c>
      <c r="W5" s="265" t="s">
        <v>45</v>
      </c>
      <c r="X5" s="531"/>
      <c r="Y5" s="263" t="s">
        <v>43</v>
      </c>
      <c r="Z5" s="259" t="s">
        <v>44</v>
      </c>
      <c r="AA5" s="265" t="s">
        <v>45</v>
      </c>
      <c r="AB5" s="267" t="s">
        <v>83</v>
      </c>
      <c r="AC5" s="259" t="s">
        <v>47</v>
      </c>
      <c r="AD5" s="259" t="s">
        <v>48</v>
      </c>
      <c r="AE5" s="259" t="s">
        <v>49</v>
      </c>
      <c r="AF5" s="259" t="s">
        <v>50</v>
      </c>
      <c r="AG5" s="259" t="s">
        <v>51</v>
      </c>
      <c r="AH5" s="265" t="s">
        <v>45</v>
      </c>
      <c r="AI5" s="531"/>
      <c r="AJ5" s="263" t="s">
        <v>43</v>
      </c>
      <c r="AK5" s="259" t="s">
        <v>44</v>
      </c>
      <c r="AL5" s="265" t="s">
        <v>45</v>
      </c>
      <c r="AM5" s="267" t="s">
        <v>83</v>
      </c>
      <c r="AN5" s="259" t="s">
        <v>47</v>
      </c>
      <c r="AO5" s="259" t="s">
        <v>48</v>
      </c>
      <c r="AP5" s="259" t="s">
        <v>49</v>
      </c>
      <c r="AQ5" s="259" t="s">
        <v>50</v>
      </c>
      <c r="AR5" s="259" t="s">
        <v>51</v>
      </c>
      <c r="AS5" s="265" t="s">
        <v>45</v>
      </c>
      <c r="AT5" s="531"/>
      <c r="AU5" s="263" t="s">
        <v>43</v>
      </c>
      <c r="AV5" s="259" t="s">
        <v>44</v>
      </c>
      <c r="AW5" s="265" t="s">
        <v>45</v>
      </c>
      <c r="AX5" s="267" t="s">
        <v>83</v>
      </c>
      <c r="AY5" s="259" t="s">
        <v>47</v>
      </c>
      <c r="AZ5" s="259" t="s">
        <v>48</v>
      </c>
      <c r="BA5" s="259" t="s">
        <v>49</v>
      </c>
      <c r="BB5" s="259" t="s">
        <v>50</v>
      </c>
      <c r="BC5" s="259" t="s">
        <v>51</v>
      </c>
      <c r="BD5" s="268" t="s">
        <v>45</v>
      </c>
      <c r="BE5" s="531"/>
      <c r="BF5" s="263" t="s">
        <v>43</v>
      </c>
      <c r="BG5" s="259" t="s">
        <v>44</v>
      </c>
      <c r="BH5" s="265" t="s">
        <v>45</v>
      </c>
      <c r="BI5" s="267" t="s">
        <v>83</v>
      </c>
      <c r="BJ5" s="259" t="s">
        <v>47</v>
      </c>
      <c r="BK5" s="259" t="s">
        <v>48</v>
      </c>
      <c r="BL5" s="259" t="s">
        <v>49</v>
      </c>
      <c r="BM5" s="259" t="s">
        <v>50</v>
      </c>
      <c r="BN5" s="259" t="s">
        <v>51</v>
      </c>
      <c r="BO5" s="265" t="s">
        <v>45</v>
      </c>
      <c r="BP5" s="531"/>
      <c r="BQ5" s="263" t="s">
        <v>43</v>
      </c>
      <c r="BR5" s="259" t="s">
        <v>44</v>
      </c>
      <c r="BS5" s="265" t="s">
        <v>45</v>
      </c>
      <c r="BT5" s="267" t="s">
        <v>83</v>
      </c>
      <c r="BU5" s="259" t="s">
        <v>47</v>
      </c>
      <c r="BV5" s="259" t="s">
        <v>48</v>
      </c>
      <c r="BW5" s="259" t="s">
        <v>49</v>
      </c>
      <c r="BX5" s="259" t="s">
        <v>50</v>
      </c>
      <c r="BY5" s="259" t="s">
        <v>51</v>
      </c>
      <c r="BZ5" s="265" t="s">
        <v>45</v>
      </c>
      <c r="CA5" s="531"/>
      <c r="CB5" s="263" t="s">
        <v>43</v>
      </c>
      <c r="CC5" s="259" t="s">
        <v>44</v>
      </c>
      <c r="CD5" s="265" t="s">
        <v>45</v>
      </c>
      <c r="CE5" s="267" t="s">
        <v>83</v>
      </c>
      <c r="CF5" s="259" t="s">
        <v>47</v>
      </c>
      <c r="CG5" s="259" t="s">
        <v>48</v>
      </c>
      <c r="CH5" s="259" t="s">
        <v>49</v>
      </c>
      <c r="CI5" s="259" t="s">
        <v>50</v>
      </c>
      <c r="CJ5" s="259" t="s">
        <v>51</v>
      </c>
      <c r="CK5" s="265" t="s">
        <v>45</v>
      </c>
      <c r="CL5" s="531"/>
      <c r="CM5" s="263" t="s">
        <v>43</v>
      </c>
      <c r="CN5" s="259" t="s">
        <v>44</v>
      </c>
      <c r="CO5" s="265" t="s">
        <v>45</v>
      </c>
      <c r="CP5" s="267" t="s">
        <v>83</v>
      </c>
      <c r="CQ5" s="259" t="s">
        <v>47</v>
      </c>
      <c r="CR5" s="259" t="s">
        <v>48</v>
      </c>
      <c r="CS5" s="259" t="s">
        <v>49</v>
      </c>
      <c r="CT5" s="259" t="s">
        <v>50</v>
      </c>
      <c r="CU5" s="259" t="s">
        <v>51</v>
      </c>
      <c r="CV5" s="265" t="s">
        <v>45</v>
      </c>
      <c r="CW5" s="531"/>
      <c r="CX5" s="263" t="s">
        <v>43</v>
      </c>
      <c r="CY5" s="259" t="s">
        <v>44</v>
      </c>
      <c r="CZ5" s="265" t="s">
        <v>45</v>
      </c>
      <c r="DA5" s="267" t="s">
        <v>83</v>
      </c>
      <c r="DB5" s="259" t="s">
        <v>47</v>
      </c>
      <c r="DC5" s="259" t="s">
        <v>48</v>
      </c>
      <c r="DD5" s="259" t="s">
        <v>49</v>
      </c>
      <c r="DE5" s="259" t="s">
        <v>50</v>
      </c>
      <c r="DF5" s="259" t="s">
        <v>51</v>
      </c>
      <c r="DG5" s="265" t="s">
        <v>45</v>
      </c>
      <c r="DH5" s="531"/>
      <c r="DI5" s="344" t="s">
        <v>43</v>
      </c>
      <c r="DJ5" s="259" t="s">
        <v>44</v>
      </c>
      <c r="DK5" s="265" t="s">
        <v>45</v>
      </c>
      <c r="DL5" s="267" t="s">
        <v>83</v>
      </c>
      <c r="DM5" s="259" t="s">
        <v>47</v>
      </c>
      <c r="DN5" s="259" t="s">
        <v>48</v>
      </c>
      <c r="DO5" s="259" t="s">
        <v>49</v>
      </c>
      <c r="DP5" s="259" t="s">
        <v>50</v>
      </c>
      <c r="DQ5" s="259" t="s">
        <v>51</v>
      </c>
      <c r="DR5" s="265" t="s">
        <v>45</v>
      </c>
      <c r="DS5" s="531"/>
      <c r="DT5" s="263" t="s">
        <v>43</v>
      </c>
      <c r="DU5" s="259" t="s">
        <v>44</v>
      </c>
      <c r="DV5" s="265" t="s">
        <v>45</v>
      </c>
      <c r="DW5" s="267" t="s">
        <v>83</v>
      </c>
      <c r="DX5" s="259" t="s">
        <v>47</v>
      </c>
      <c r="DY5" s="259" t="s">
        <v>48</v>
      </c>
      <c r="DZ5" s="259" t="s">
        <v>49</v>
      </c>
      <c r="EA5" s="259" t="s">
        <v>50</v>
      </c>
      <c r="EB5" s="259" t="s">
        <v>51</v>
      </c>
      <c r="EC5" s="265" t="s">
        <v>45</v>
      </c>
      <c r="ED5" s="531"/>
      <c r="EE5" s="263" t="s">
        <v>43</v>
      </c>
      <c r="EF5" s="259" t="s">
        <v>44</v>
      </c>
      <c r="EG5" s="265" t="s">
        <v>45</v>
      </c>
      <c r="EH5" s="267" t="s">
        <v>83</v>
      </c>
      <c r="EI5" s="259" t="s">
        <v>47</v>
      </c>
      <c r="EJ5" s="259" t="s">
        <v>48</v>
      </c>
      <c r="EK5" s="259" t="s">
        <v>49</v>
      </c>
      <c r="EL5" s="259" t="s">
        <v>50</v>
      </c>
      <c r="EM5" s="259" t="s">
        <v>51</v>
      </c>
      <c r="EN5" s="265" t="s">
        <v>45</v>
      </c>
      <c r="EO5" s="531"/>
      <c r="EP5" s="263"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0</v>
      </c>
      <c r="D6" s="273">
        <v>0</v>
      </c>
      <c r="E6" s="383">
        <v>0</v>
      </c>
      <c r="F6" s="272">
        <v>0</v>
      </c>
      <c r="G6" s="273">
        <v>18929</v>
      </c>
      <c r="H6" s="273">
        <v>22251</v>
      </c>
      <c r="I6" s="273">
        <v>12294</v>
      </c>
      <c r="J6" s="273">
        <v>9847</v>
      </c>
      <c r="K6" s="273">
        <v>7385</v>
      </c>
      <c r="L6" s="274">
        <v>70706</v>
      </c>
      <c r="M6" s="275">
        <v>70706</v>
      </c>
      <c r="N6" s="269">
        <v>3</v>
      </c>
      <c r="O6" s="273">
        <v>18</v>
      </c>
      <c r="P6" s="270">
        <v>21</v>
      </c>
      <c r="Q6" s="272">
        <v>0</v>
      </c>
      <c r="R6" s="273">
        <v>122</v>
      </c>
      <c r="S6" s="273">
        <v>480</v>
      </c>
      <c r="T6" s="273">
        <v>848</v>
      </c>
      <c r="U6" s="273">
        <v>1900</v>
      </c>
      <c r="V6" s="273">
        <v>3370</v>
      </c>
      <c r="W6" s="270">
        <v>6720</v>
      </c>
      <c r="X6" s="275">
        <v>6741</v>
      </c>
      <c r="Y6" s="269">
        <v>2191</v>
      </c>
      <c r="Z6" s="273">
        <v>5282</v>
      </c>
      <c r="AA6" s="270">
        <v>7473</v>
      </c>
      <c r="AB6" s="272">
        <v>0</v>
      </c>
      <c r="AC6" s="273">
        <v>11237</v>
      </c>
      <c r="AD6" s="273">
        <v>15864</v>
      </c>
      <c r="AE6" s="273">
        <v>9614</v>
      </c>
      <c r="AF6" s="273">
        <v>8476</v>
      </c>
      <c r="AG6" s="273">
        <v>6357</v>
      </c>
      <c r="AH6" s="270">
        <v>51548</v>
      </c>
      <c r="AI6" s="275">
        <v>59021</v>
      </c>
      <c r="AJ6" s="269">
        <v>240</v>
      </c>
      <c r="AK6" s="273">
        <v>741</v>
      </c>
      <c r="AL6" s="270">
        <v>981</v>
      </c>
      <c r="AM6" s="272">
        <v>0</v>
      </c>
      <c r="AN6" s="273">
        <v>1051</v>
      </c>
      <c r="AO6" s="273">
        <v>1687</v>
      </c>
      <c r="AP6" s="273">
        <v>1116</v>
      </c>
      <c r="AQ6" s="273">
        <v>957</v>
      </c>
      <c r="AR6" s="273">
        <v>609</v>
      </c>
      <c r="AS6" s="270">
        <v>5420</v>
      </c>
      <c r="AT6" s="275">
        <v>6401</v>
      </c>
      <c r="AU6" s="269">
        <v>2786</v>
      </c>
      <c r="AV6" s="273">
        <v>3823</v>
      </c>
      <c r="AW6" s="270">
        <v>6609</v>
      </c>
      <c r="AX6" s="272">
        <v>0</v>
      </c>
      <c r="AY6" s="273">
        <v>17650</v>
      </c>
      <c r="AZ6" s="273">
        <v>21824</v>
      </c>
      <c r="BA6" s="273">
        <v>19308</v>
      </c>
      <c r="BB6" s="273">
        <v>18831</v>
      </c>
      <c r="BC6" s="273">
        <v>14251</v>
      </c>
      <c r="BD6" s="274">
        <v>91864</v>
      </c>
      <c r="BE6" s="275">
        <v>98473</v>
      </c>
      <c r="BF6" s="269">
        <v>0</v>
      </c>
      <c r="BG6" s="273">
        <v>1</v>
      </c>
      <c r="BH6" s="270">
        <v>1</v>
      </c>
      <c r="BI6" s="272">
        <v>0</v>
      </c>
      <c r="BJ6" s="273">
        <v>21485</v>
      </c>
      <c r="BK6" s="273">
        <v>19907</v>
      </c>
      <c r="BL6" s="273">
        <v>10717</v>
      </c>
      <c r="BM6" s="273">
        <v>6328</v>
      </c>
      <c r="BN6" s="273">
        <v>3025</v>
      </c>
      <c r="BO6" s="270">
        <v>61462</v>
      </c>
      <c r="BP6" s="275">
        <v>61463</v>
      </c>
      <c r="BQ6" s="269">
        <v>1606</v>
      </c>
      <c r="BR6" s="273">
        <v>2510</v>
      </c>
      <c r="BS6" s="270">
        <v>4116</v>
      </c>
      <c r="BT6" s="272">
        <v>0</v>
      </c>
      <c r="BU6" s="273">
        <v>4327</v>
      </c>
      <c r="BV6" s="273">
        <v>6289</v>
      </c>
      <c r="BW6" s="273">
        <v>3624</v>
      </c>
      <c r="BX6" s="273">
        <v>2304</v>
      </c>
      <c r="BY6" s="273">
        <v>859</v>
      </c>
      <c r="BZ6" s="270">
        <v>17403</v>
      </c>
      <c r="CA6" s="275">
        <v>21519</v>
      </c>
      <c r="CB6" s="269">
        <v>63</v>
      </c>
      <c r="CC6" s="273">
        <v>195</v>
      </c>
      <c r="CD6" s="270">
        <v>258</v>
      </c>
      <c r="CE6" s="272">
        <v>0</v>
      </c>
      <c r="CF6" s="273">
        <v>2038</v>
      </c>
      <c r="CG6" s="273">
        <v>3392</v>
      </c>
      <c r="CH6" s="273">
        <v>4408</v>
      </c>
      <c r="CI6" s="273">
        <v>3071</v>
      </c>
      <c r="CJ6" s="273">
        <v>1710</v>
      </c>
      <c r="CK6" s="270">
        <v>14619</v>
      </c>
      <c r="CL6" s="275">
        <v>14877</v>
      </c>
      <c r="CM6" s="269">
        <v>3</v>
      </c>
      <c r="CN6" s="273">
        <v>14</v>
      </c>
      <c r="CO6" s="270">
        <v>17</v>
      </c>
      <c r="CP6" s="272">
        <v>0</v>
      </c>
      <c r="CQ6" s="273">
        <v>196</v>
      </c>
      <c r="CR6" s="273">
        <v>437</v>
      </c>
      <c r="CS6" s="273">
        <v>509</v>
      </c>
      <c r="CT6" s="273">
        <v>452</v>
      </c>
      <c r="CU6" s="273">
        <v>315</v>
      </c>
      <c r="CV6" s="270">
        <v>1909</v>
      </c>
      <c r="CW6" s="275">
        <v>1926</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10768</v>
      </c>
      <c r="DU6" s="273">
        <v>22540</v>
      </c>
      <c r="DV6" s="270">
        <v>33308</v>
      </c>
      <c r="DW6" s="272">
        <v>0</v>
      </c>
      <c r="DX6" s="273">
        <v>26573</v>
      </c>
      <c r="DY6" s="273">
        <v>44729</v>
      </c>
      <c r="DZ6" s="273">
        <v>26593</v>
      </c>
      <c r="EA6" s="273">
        <v>20588</v>
      </c>
      <c r="EB6" s="273">
        <v>12971</v>
      </c>
      <c r="EC6" s="270">
        <v>131454</v>
      </c>
      <c r="ED6" s="275">
        <v>164762</v>
      </c>
      <c r="EE6" s="269">
        <v>1633</v>
      </c>
      <c r="EF6" s="273">
        <v>1262</v>
      </c>
      <c r="EG6" s="270">
        <v>2895</v>
      </c>
      <c r="EH6" s="272">
        <v>0</v>
      </c>
      <c r="EI6" s="273">
        <v>5899</v>
      </c>
      <c r="EJ6" s="273">
        <v>5303</v>
      </c>
      <c r="EK6" s="273">
        <v>4693</v>
      </c>
      <c r="EL6" s="273">
        <v>5398</v>
      </c>
      <c r="EM6" s="273">
        <v>3119</v>
      </c>
      <c r="EN6" s="270">
        <v>24412</v>
      </c>
      <c r="EO6" s="275">
        <v>27307</v>
      </c>
      <c r="EP6" s="269">
        <v>13785</v>
      </c>
      <c r="EQ6" s="273">
        <v>26868</v>
      </c>
      <c r="ER6" s="270">
        <v>40653</v>
      </c>
      <c r="ES6" s="272">
        <v>0</v>
      </c>
      <c r="ET6" s="273">
        <v>56483</v>
      </c>
      <c r="EU6" s="273">
        <v>59339</v>
      </c>
      <c r="EV6" s="273">
        <v>31488</v>
      </c>
      <c r="EW6" s="273">
        <v>21882</v>
      </c>
      <c r="EX6" s="273">
        <v>13161</v>
      </c>
      <c r="EY6" s="270">
        <v>182353</v>
      </c>
      <c r="EZ6" s="275">
        <v>223006</v>
      </c>
    </row>
    <row r="7" spans="2:156" ht="21" customHeight="1" x14ac:dyDescent="0.2">
      <c r="B7" s="261" t="s">
        <v>5</v>
      </c>
      <c r="C7" s="276">
        <v>0</v>
      </c>
      <c r="D7" s="280">
        <v>0</v>
      </c>
      <c r="E7" s="384">
        <v>0</v>
      </c>
      <c r="F7" s="279">
        <v>0</v>
      </c>
      <c r="G7" s="280">
        <v>6755</v>
      </c>
      <c r="H7" s="280">
        <v>10967</v>
      </c>
      <c r="I7" s="280">
        <v>5350</v>
      </c>
      <c r="J7" s="280">
        <v>4041</v>
      </c>
      <c r="K7" s="280">
        <v>3020</v>
      </c>
      <c r="L7" s="281">
        <v>30133</v>
      </c>
      <c r="M7" s="282">
        <v>30133</v>
      </c>
      <c r="N7" s="276">
        <v>2</v>
      </c>
      <c r="O7" s="280">
        <v>4</v>
      </c>
      <c r="P7" s="277">
        <v>6</v>
      </c>
      <c r="Q7" s="279">
        <v>0</v>
      </c>
      <c r="R7" s="280">
        <v>22</v>
      </c>
      <c r="S7" s="280">
        <v>166</v>
      </c>
      <c r="T7" s="280">
        <v>326</v>
      </c>
      <c r="U7" s="280">
        <v>759</v>
      </c>
      <c r="V7" s="280">
        <v>1432</v>
      </c>
      <c r="W7" s="277">
        <v>2705</v>
      </c>
      <c r="X7" s="282">
        <v>2711</v>
      </c>
      <c r="Y7" s="276">
        <v>967</v>
      </c>
      <c r="Z7" s="280">
        <v>2732</v>
      </c>
      <c r="AA7" s="277">
        <v>3699</v>
      </c>
      <c r="AB7" s="279">
        <v>0</v>
      </c>
      <c r="AC7" s="280">
        <v>4136</v>
      </c>
      <c r="AD7" s="280">
        <v>8057</v>
      </c>
      <c r="AE7" s="280">
        <v>4509</v>
      </c>
      <c r="AF7" s="280">
        <v>3767</v>
      </c>
      <c r="AG7" s="280">
        <v>2795</v>
      </c>
      <c r="AH7" s="277">
        <v>23264</v>
      </c>
      <c r="AI7" s="282">
        <v>26963</v>
      </c>
      <c r="AJ7" s="276">
        <v>108</v>
      </c>
      <c r="AK7" s="280">
        <v>379</v>
      </c>
      <c r="AL7" s="277">
        <v>487</v>
      </c>
      <c r="AM7" s="279">
        <v>0</v>
      </c>
      <c r="AN7" s="280">
        <v>284</v>
      </c>
      <c r="AO7" s="280">
        <v>682</v>
      </c>
      <c r="AP7" s="280">
        <v>462</v>
      </c>
      <c r="AQ7" s="280">
        <v>390</v>
      </c>
      <c r="AR7" s="280">
        <v>225</v>
      </c>
      <c r="AS7" s="277">
        <v>2043</v>
      </c>
      <c r="AT7" s="282">
        <v>2530</v>
      </c>
      <c r="AU7" s="276">
        <v>1180</v>
      </c>
      <c r="AV7" s="280">
        <v>1857</v>
      </c>
      <c r="AW7" s="277">
        <v>3037</v>
      </c>
      <c r="AX7" s="279">
        <v>0</v>
      </c>
      <c r="AY7" s="280">
        <v>6486</v>
      </c>
      <c r="AZ7" s="280">
        <v>9554</v>
      </c>
      <c r="BA7" s="280">
        <v>7868</v>
      </c>
      <c r="BB7" s="280">
        <v>7593</v>
      </c>
      <c r="BC7" s="280">
        <v>5850</v>
      </c>
      <c r="BD7" s="281">
        <v>37351</v>
      </c>
      <c r="BE7" s="282">
        <v>40388</v>
      </c>
      <c r="BF7" s="276">
        <v>0</v>
      </c>
      <c r="BG7" s="280">
        <v>0</v>
      </c>
      <c r="BH7" s="277">
        <v>0</v>
      </c>
      <c r="BI7" s="279">
        <v>0</v>
      </c>
      <c r="BJ7" s="280">
        <v>6790</v>
      </c>
      <c r="BK7" s="280">
        <v>8129</v>
      </c>
      <c r="BL7" s="280">
        <v>3999</v>
      </c>
      <c r="BM7" s="280">
        <v>2214</v>
      </c>
      <c r="BN7" s="280">
        <v>1095</v>
      </c>
      <c r="BO7" s="277">
        <v>22227</v>
      </c>
      <c r="BP7" s="282">
        <v>22227</v>
      </c>
      <c r="BQ7" s="276">
        <v>697</v>
      </c>
      <c r="BR7" s="280">
        <v>1116</v>
      </c>
      <c r="BS7" s="277">
        <v>1813</v>
      </c>
      <c r="BT7" s="279">
        <v>0</v>
      </c>
      <c r="BU7" s="280">
        <v>1312</v>
      </c>
      <c r="BV7" s="280">
        <v>2821</v>
      </c>
      <c r="BW7" s="280">
        <v>1598</v>
      </c>
      <c r="BX7" s="280">
        <v>999</v>
      </c>
      <c r="BY7" s="280">
        <v>388</v>
      </c>
      <c r="BZ7" s="277">
        <v>7118</v>
      </c>
      <c r="CA7" s="282">
        <v>8931</v>
      </c>
      <c r="CB7" s="276">
        <v>18</v>
      </c>
      <c r="CC7" s="280">
        <v>69</v>
      </c>
      <c r="CD7" s="277">
        <v>87</v>
      </c>
      <c r="CE7" s="279">
        <v>0</v>
      </c>
      <c r="CF7" s="280">
        <v>552</v>
      </c>
      <c r="CG7" s="280">
        <v>1244</v>
      </c>
      <c r="CH7" s="280">
        <v>1608</v>
      </c>
      <c r="CI7" s="280">
        <v>1130</v>
      </c>
      <c r="CJ7" s="280">
        <v>638</v>
      </c>
      <c r="CK7" s="277">
        <v>5172</v>
      </c>
      <c r="CL7" s="282">
        <v>5259</v>
      </c>
      <c r="CM7" s="276">
        <v>2</v>
      </c>
      <c r="CN7" s="280">
        <v>9</v>
      </c>
      <c r="CO7" s="277">
        <v>11</v>
      </c>
      <c r="CP7" s="279">
        <v>0</v>
      </c>
      <c r="CQ7" s="280">
        <v>81</v>
      </c>
      <c r="CR7" s="280">
        <v>259</v>
      </c>
      <c r="CS7" s="280">
        <v>283</v>
      </c>
      <c r="CT7" s="280">
        <v>242</v>
      </c>
      <c r="CU7" s="280">
        <v>196</v>
      </c>
      <c r="CV7" s="277">
        <v>1061</v>
      </c>
      <c r="CW7" s="282">
        <v>1072</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3659</v>
      </c>
      <c r="DU7" s="280">
        <v>9614</v>
      </c>
      <c r="DV7" s="277">
        <v>13273</v>
      </c>
      <c r="DW7" s="279">
        <v>0</v>
      </c>
      <c r="DX7" s="280">
        <v>7546</v>
      </c>
      <c r="DY7" s="280">
        <v>19783</v>
      </c>
      <c r="DZ7" s="280">
        <v>10787</v>
      </c>
      <c r="EA7" s="280">
        <v>8128</v>
      </c>
      <c r="EB7" s="280">
        <v>5296</v>
      </c>
      <c r="EC7" s="277">
        <v>51540</v>
      </c>
      <c r="ED7" s="282">
        <v>64813</v>
      </c>
      <c r="EE7" s="276">
        <v>697</v>
      </c>
      <c r="EF7" s="280">
        <v>552</v>
      </c>
      <c r="EG7" s="277">
        <v>1249</v>
      </c>
      <c r="EH7" s="279">
        <v>0</v>
      </c>
      <c r="EI7" s="280">
        <v>2368</v>
      </c>
      <c r="EJ7" s="280">
        <v>2515</v>
      </c>
      <c r="EK7" s="280">
        <v>2062</v>
      </c>
      <c r="EL7" s="280">
        <v>2394</v>
      </c>
      <c r="EM7" s="280">
        <v>1348</v>
      </c>
      <c r="EN7" s="277">
        <v>10687</v>
      </c>
      <c r="EO7" s="282">
        <v>11936</v>
      </c>
      <c r="EP7" s="276">
        <v>5024</v>
      </c>
      <c r="EQ7" s="280">
        <v>11770</v>
      </c>
      <c r="ER7" s="277">
        <v>16794</v>
      </c>
      <c r="ES7" s="279">
        <v>0</v>
      </c>
      <c r="ET7" s="280">
        <v>18515</v>
      </c>
      <c r="EU7" s="280">
        <v>26680</v>
      </c>
      <c r="EV7" s="280">
        <v>12993</v>
      </c>
      <c r="EW7" s="280">
        <v>8785</v>
      </c>
      <c r="EX7" s="280">
        <v>5403</v>
      </c>
      <c r="EY7" s="277">
        <v>72376</v>
      </c>
      <c r="EZ7" s="282">
        <v>89170</v>
      </c>
    </row>
    <row r="8" spans="2:156" ht="21" customHeight="1" x14ac:dyDescent="0.2">
      <c r="B8" s="261" t="s">
        <v>6</v>
      </c>
      <c r="C8" s="276">
        <v>0</v>
      </c>
      <c r="D8" s="280">
        <v>0</v>
      </c>
      <c r="E8" s="384">
        <v>0</v>
      </c>
      <c r="F8" s="279">
        <v>0</v>
      </c>
      <c r="G8" s="280">
        <v>3356</v>
      </c>
      <c r="H8" s="280">
        <v>2811</v>
      </c>
      <c r="I8" s="280">
        <v>1825</v>
      </c>
      <c r="J8" s="280">
        <v>1523</v>
      </c>
      <c r="K8" s="280">
        <v>1212</v>
      </c>
      <c r="L8" s="281">
        <v>10727</v>
      </c>
      <c r="M8" s="282">
        <v>10727</v>
      </c>
      <c r="N8" s="276">
        <v>0</v>
      </c>
      <c r="O8" s="280">
        <v>4</v>
      </c>
      <c r="P8" s="277">
        <v>4</v>
      </c>
      <c r="Q8" s="279">
        <v>0</v>
      </c>
      <c r="R8" s="280">
        <v>22</v>
      </c>
      <c r="S8" s="280">
        <v>65</v>
      </c>
      <c r="T8" s="280">
        <v>110</v>
      </c>
      <c r="U8" s="280">
        <v>257</v>
      </c>
      <c r="V8" s="280">
        <v>504</v>
      </c>
      <c r="W8" s="277">
        <v>958</v>
      </c>
      <c r="X8" s="282">
        <v>962</v>
      </c>
      <c r="Y8" s="276">
        <v>325</v>
      </c>
      <c r="Z8" s="280">
        <v>665</v>
      </c>
      <c r="AA8" s="277">
        <v>990</v>
      </c>
      <c r="AB8" s="279">
        <v>0</v>
      </c>
      <c r="AC8" s="280">
        <v>2033</v>
      </c>
      <c r="AD8" s="280">
        <v>1969</v>
      </c>
      <c r="AE8" s="280">
        <v>1315</v>
      </c>
      <c r="AF8" s="280">
        <v>1258</v>
      </c>
      <c r="AG8" s="280">
        <v>954</v>
      </c>
      <c r="AH8" s="277">
        <v>7529</v>
      </c>
      <c r="AI8" s="282">
        <v>8519</v>
      </c>
      <c r="AJ8" s="276">
        <v>12</v>
      </c>
      <c r="AK8" s="280">
        <v>52</v>
      </c>
      <c r="AL8" s="277">
        <v>64</v>
      </c>
      <c r="AM8" s="279">
        <v>0</v>
      </c>
      <c r="AN8" s="280">
        <v>161</v>
      </c>
      <c r="AO8" s="280">
        <v>196</v>
      </c>
      <c r="AP8" s="280">
        <v>124</v>
      </c>
      <c r="AQ8" s="280">
        <v>119</v>
      </c>
      <c r="AR8" s="280">
        <v>70</v>
      </c>
      <c r="AS8" s="277">
        <v>670</v>
      </c>
      <c r="AT8" s="282">
        <v>734</v>
      </c>
      <c r="AU8" s="276">
        <v>466</v>
      </c>
      <c r="AV8" s="280">
        <v>561</v>
      </c>
      <c r="AW8" s="277">
        <v>1027</v>
      </c>
      <c r="AX8" s="279">
        <v>0</v>
      </c>
      <c r="AY8" s="280">
        <v>3320</v>
      </c>
      <c r="AZ8" s="280">
        <v>3460</v>
      </c>
      <c r="BA8" s="280">
        <v>3231</v>
      </c>
      <c r="BB8" s="280">
        <v>3169</v>
      </c>
      <c r="BC8" s="280">
        <v>2460</v>
      </c>
      <c r="BD8" s="281">
        <v>15640</v>
      </c>
      <c r="BE8" s="282">
        <v>16667</v>
      </c>
      <c r="BF8" s="276">
        <v>0</v>
      </c>
      <c r="BG8" s="280">
        <v>0</v>
      </c>
      <c r="BH8" s="277">
        <v>0</v>
      </c>
      <c r="BI8" s="279">
        <v>0</v>
      </c>
      <c r="BJ8" s="280">
        <v>3650</v>
      </c>
      <c r="BK8" s="280">
        <v>2513</v>
      </c>
      <c r="BL8" s="280">
        <v>1506</v>
      </c>
      <c r="BM8" s="280">
        <v>1018</v>
      </c>
      <c r="BN8" s="280">
        <v>487</v>
      </c>
      <c r="BO8" s="277">
        <v>9174</v>
      </c>
      <c r="BP8" s="282">
        <v>9174</v>
      </c>
      <c r="BQ8" s="276">
        <v>104</v>
      </c>
      <c r="BR8" s="280">
        <v>204</v>
      </c>
      <c r="BS8" s="277">
        <v>308</v>
      </c>
      <c r="BT8" s="279">
        <v>0</v>
      </c>
      <c r="BU8" s="280">
        <v>577</v>
      </c>
      <c r="BV8" s="280">
        <v>681</v>
      </c>
      <c r="BW8" s="280">
        <v>455</v>
      </c>
      <c r="BX8" s="280">
        <v>337</v>
      </c>
      <c r="BY8" s="280">
        <v>121</v>
      </c>
      <c r="BZ8" s="277">
        <v>2171</v>
      </c>
      <c r="CA8" s="282">
        <v>2479</v>
      </c>
      <c r="CB8" s="276">
        <v>10</v>
      </c>
      <c r="CC8" s="280">
        <v>18</v>
      </c>
      <c r="CD8" s="277">
        <v>28</v>
      </c>
      <c r="CE8" s="279">
        <v>0</v>
      </c>
      <c r="CF8" s="280">
        <v>277</v>
      </c>
      <c r="CG8" s="280">
        <v>380</v>
      </c>
      <c r="CH8" s="280">
        <v>530</v>
      </c>
      <c r="CI8" s="280">
        <v>373</v>
      </c>
      <c r="CJ8" s="280">
        <v>235</v>
      </c>
      <c r="CK8" s="277">
        <v>1795</v>
      </c>
      <c r="CL8" s="282">
        <v>1823</v>
      </c>
      <c r="CM8" s="276">
        <v>1</v>
      </c>
      <c r="CN8" s="280">
        <v>0</v>
      </c>
      <c r="CO8" s="277">
        <v>1</v>
      </c>
      <c r="CP8" s="279">
        <v>0</v>
      </c>
      <c r="CQ8" s="280">
        <v>27</v>
      </c>
      <c r="CR8" s="280">
        <v>44</v>
      </c>
      <c r="CS8" s="280">
        <v>67</v>
      </c>
      <c r="CT8" s="280">
        <v>58</v>
      </c>
      <c r="CU8" s="280">
        <v>43</v>
      </c>
      <c r="CV8" s="277">
        <v>239</v>
      </c>
      <c r="CW8" s="282">
        <v>240</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574</v>
      </c>
      <c r="DU8" s="280">
        <v>2769</v>
      </c>
      <c r="DV8" s="277">
        <v>4343</v>
      </c>
      <c r="DW8" s="279">
        <v>0</v>
      </c>
      <c r="DX8" s="280">
        <v>4880</v>
      </c>
      <c r="DY8" s="280">
        <v>5617</v>
      </c>
      <c r="DZ8" s="280">
        <v>3902</v>
      </c>
      <c r="EA8" s="280">
        <v>3257</v>
      </c>
      <c r="EB8" s="280">
        <v>2082</v>
      </c>
      <c r="EC8" s="277">
        <v>19738</v>
      </c>
      <c r="ED8" s="282">
        <v>24081</v>
      </c>
      <c r="EE8" s="276">
        <v>241</v>
      </c>
      <c r="EF8" s="280">
        <v>176</v>
      </c>
      <c r="EG8" s="277">
        <v>417</v>
      </c>
      <c r="EH8" s="279">
        <v>0</v>
      </c>
      <c r="EI8" s="280">
        <v>864</v>
      </c>
      <c r="EJ8" s="280">
        <v>683</v>
      </c>
      <c r="EK8" s="280">
        <v>674</v>
      </c>
      <c r="EL8" s="280">
        <v>773</v>
      </c>
      <c r="EM8" s="280">
        <v>474</v>
      </c>
      <c r="EN8" s="277">
        <v>3468</v>
      </c>
      <c r="EO8" s="282">
        <v>3885</v>
      </c>
      <c r="EP8" s="276">
        <v>1891</v>
      </c>
      <c r="EQ8" s="280">
        <v>3244</v>
      </c>
      <c r="ER8" s="277">
        <v>5135</v>
      </c>
      <c r="ES8" s="279">
        <v>0</v>
      </c>
      <c r="ET8" s="280">
        <v>9373</v>
      </c>
      <c r="EU8" s="280">
        <v>7178</v>
      </c>
      <c r="EV8" s="280">
        <v>4391</v>
      </c>
      <c r="EW8" s="280">
        <v>3347</v>
      </c>
      <c r="EX8" s="280">
        <v>2115</v>
      </c>
      <c r="EY8" s="277">
        <v>26404</v>
      </c>
      <c r="EZ8" s="282">
        <v>31539</v>
      </c>
    </row>
    <row r="9" spans="2:156" ht="21" customHeight="1" x14ac:dyDescent="0.2">
      <c r="B9" s="261" t="s">
        <v>14</v>
      </c>
      <c r="C9" s="276">
        <v>0</v>
      </c>
      <c r="D9" s="280">
        <v>0</v>
      </c>
      <c r="E9" s="384">
        <v>0</v>
      </c>
      <c r="F9" s="279">
        <v>0</v>
      </c>
      <c r="G9" s="280">
        <v>1162</v>
      </c>
      <c r="H9" s="280">
        <v>1692</v>
      </c>
      <c r="I9" s="280">
        <v>984</v>
      </c>
      <c r="J9" s="280">
        <v>688</v>
      </c>
      <c r="K9" s="280">
        <v>508</v>
      </c>
      <c r="L9" s="281">
        <v>5034</v>
      </c>
      <c r="M9" s="282">
        <v>5034</v>
      </c>
      <c r="N9" s="276">
        <v>0</v>
      </c>
      <c r="O9" s="280">
        <v>1</v>
      </c>
      <c r="P9" s="277">
        <v>1</v>
      </c>
      <c r="Q9" s="279">
        <v>0</v>
      </c>
      <c r="R9" s="280">
        <v>4</v>
      </c>
      <c r="S9" s="280">
        <v>27</v>
      </c>
      <c r="T9" s="280">
        <v>53</v>
      </c>
      <c r="U9" s="280">
        <v>115</v>
      </c>
      <c r="V9" s="280">
        <v>220</v>
      </c>
      <c r="W9" s="277">
        <v>419</v>
      </c>
      <c r="X9" s="282">
        <v>420</v>
      </c>
      <c r="Y9" s="276">
        <v>109</v>
      </c>
      <c r="Z9" s="280">
        <v>417</v>
      </c>
      <c r="AA9" s="277">
        <v>526</v>
      </c>
      <c r="AB9" s="279">
        <v>0</v>
      </c>
      <c r="AC9" s="280">
        <v>632</v>
      </c>
      <c r="AD9" s="280">
        <v>1130</v>
      </c>
      <c r="AE9" s="280">
        <v>722</v>
      </c>
      <c r="AF9" s="280">
        <v>597</v>
      </c>
      <c r="AG9" s="280">
        <v>439</v>
      </c>
      <c r="AH9" s="277">
        <v>3520</v>
      </c>
      <c r="AI9" s="282">
        <v>4046</v>
      </c>
      <c r="AJ9" s="276">
        <v>5</v>
      </c>
      <c r="AK9" s="280">
        <v>39</v>
      </c>
      <c r="AL9" s="277">
        <v>44</v>
      </c>
      <c r="AM9" s="279">
        <v>0</v>
      </c>
      <c r="AN9" s="280">
        <v>22</v>
      </c>
      <c r="AO9" s="280">
        <v>72</v>
      </c>
      <c r="AP9" s="280">
        <v>50</v>
      </c>
      <c r="AQ9" s="280">
        <v>43</v>
      </c>
      <c r="AR9" s="280">
        <v>21</v>
      </c>
      <c r="AS9" s="277">
        <v>208</v>
      </c>
      <c r="AT9" s="282">
        <v>252</v>
      </c>
      <c r="AU9" s="276">
        <v>173</v>
      </c>
      <c r="AV9" s="280">
        <v>323</v>
      </c>
      <c r="AW9" s="277">
        <v>496</v>
      </c>
      <c r="AX9" s="279">
        <v>0</v>
      </c>
      <c r="AY9" s="280">
        <v>1179</v>
      </c>
      <c r="AZ9" s="280">
        <v>1624</v>
      </c>
      <c r="BA9" s="280">
        <v>1638</v>
      </c>
      <c r="BB9" s="280">
        <v>1339</v>
      </c>
      <c r="BC9" s="280">
        <v>985</v>
      </c>
      <c r="BD9" s="281">
        <v>6765</v>
      </c>
      <c r="BE9" s="282">
        <v>7261</v>
      </c>
      <c r="BF9" s="276">
        <v>0</v>
      </c>
      <c r="BG9" s="280">
        <v>0</v>
      </c>
      <c r="BH9" s="277">
        <v>0</v>
      </c>
      <c r="BI9" s="279">
        <v>0</v>
      </c>
      <c r="BJ9" s="280">
        <v>1517</v>
      </c>
      <c r="BK9" s="280">
        <v>1755</v>
      </c>
      <c r="BL9" s="280">
        <v>1128</v>
      </c>
      <c r="BM9" s="280">
        <v>578</v>
      </c>
      <c r="BN9" s="280">
        <v>291</v>
      </c>
      <c r="BO9" s="277">
        <v>5269</v>
      </c>
      <c r="BP9" s="282">
        <v>5269</v>
      </c>
      <c r="BQ9" s="276">
        <v>79</v>
      </c>
      <c r="BR9" s="280">
        <v>161</v>
      </c>
      <c r="BS9" s="277">
        <v>240</v>
      </c>
      <c r="BT9" s="279">
        <v>0</v>
      </c>
      <c r="BU9" s="280">
        <v>150</v>
      </c>
      <c r="BV9" s="280">
        <v>406</v>
      </c>
      <c r="BW9" s="280">
        <v>251</v>
      </c>
      <c r="BX9" s="280">
        <v>146</v>
      </c>
      <c r="BY9" s="280">
        <v>47</v>
      </c>
      <c r="BZ9" s="277">
        <v>1000</v>
      </c>
      <c r="CA9" s="282">
        <v>1240</v>
      </c>
      <c r="CB9" s="276">
        <v>4</v>
      </c>
      <c r="CC9" s="280">
        <v>15</v>
      </c>
      <c r="CD9" s="277">
        <v>19</v>
      </c>
      <c r="CE9" s="279">
        <v>0</v>
      </c>
      <c r="CF9" s="280">
        <v>115</v>
      </c>
      <c r="CG9" s="280">
        <v>246</v>
      </c>
      <c r="CH9" s="280">
        <v>380</v>
      </c>
      <c r="CI9" s="280">
        <v>269</v>
      </c>
      <c r="CJ9" s="280">
        <v>152</v>
      </c>
      <c r="CK9" s="277">
        <v>1162</v>
      </c>
      <c r="CL9" s="282">
        <v>1181</v>
      </c>
      <c r="CM9" s="276">
        <v>0</v>
      </c>
      <c r="CN9" s="280">
        <v>0</v>
      </c>
      <c r="CO9" s="277">
        <v>0</v>
      </c>
      <c r="CP9" s="279">
        <v>0</v>
      </c>
      <c r="CQ9" s="280">
        <v>3</v>
      </c>
      <c r="CR9" s="280">
        <v>8</v>
      </c>
      <c r="CS9" s="280">
        <v>9</v>
      </c>
      <c r="CT9" s="280">
        <v>7</v>
      </c>
      <c r="CU9" s="280">
        <v>5</v>
      </c>
      <c r="CV9" s="277">
        <v>32</v>
      </c>
      <c r="CW9" s="282">
        <v>32</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829</v>
      </c>
      <c r="DU9" s="280">
        <v>2303</v>
      </c>
      <c r="DV9" s="277">
        <v>3132</v>
      </c>
      <c r="DW9" s="279">
        <v>0</v>
      </c>
      <c r="DX9" s="280">
        <v>1702</v>
      </c>
      <c r="DY9" s="280">
        <v>3769</v>
      </c>
      <c r="DZ9" s="280">
        <v>2347</v>
      </c>
      <c r="EA9" s="280">
        <v>1614</v>
      </c>
      <c r="EB9" s="280">
        <v>940</v>
      </c>
      <c r="EC9" s="277">
        <v>10372</v>
      </c>
      <c r="ED9" s="282">
        <v>13504</v>
      </c>
      <c r="EE9" s="276">
        <v>114</v>
      </c>
      <c r="EF9" s="280">
        <v>112</v>
      </c>
      <c r="EG9" s="277">
        <v>226</v>
      </c>
      <c r="EH9" s="279">
        <v>0</v>
      </c>
      <c r="EI9" s="280">
        <v>330</v>
      </c>
      <c r="EJ9" s="280">
        <v>270</v>
      </c>
      <c r="EK9" s="280">
        <v>276</v>
      </c>
      <c r="EL9" s="280">
        <v>302</v>
      </c>
      <c r="EM9" s="280">
        <v>159</v>
      </c>
      <c r="EN9" s="277">
        <v>1337</v>
      </c>
      <c r="EO9" s="282">
        <v>1563</v>
      </c>
      <c r="EP9" s="276">
        <v>962</v>
      </c>
      <c r="EQ9" s="280">
        <v>2586</v>
      </c>
      <c r="ER9" s="277">
        <v>3548</v>
      </c>
      <c r="ES9" s="279">
        <v>0</v>
      </c>
      <c r="ET9" s="280">
        <v>3731</v>
      </c>
      <c r="EU9" s="280">
        <v>4976</v>
      </c>
      <c r="EV9" s="280">
        <v>2795</v>
      </c>
      <c r="EW9" s="280">
        <v>1709</v>
      </c>
      <c r="EX9" s="280">
        <v>991</v>
      </c>
      <c r="EY9" s="277">
        <v>14202</v>
      </c>
      <c r="EZ9" s="282">
        <v>17750</v>
      </c>
    </row>
    <row r="10" spans="2:156" ht="21" customHeight="1" x14ac:dyDescent="0.2">
      <c r="B10" s="261" t="s">
        <v>7</v>
      </c>
      <c r="C10" s="276">
        <v>0</v>
      </c>
      <c r="D10" s="280">
        <v>0</v>
      </c>
      <c r="E10" s="384">
        <v>0</v>
      </c>
      <c r="F10" s="279">
        <v>0</v>
      </c>
      <c r="G10" s="280">
        <v>1483</v>
      </c>
      <c r="H10" s="280">
        <v>1106</v>
      </c>
      <c r="I10" s="280">
        <v>595</v>
      </c>
      <c r="J10" s="280">
        <v>572</v>
      </c>
      <c r="K10" s="280">
        <v>389</v>
      </c>
      <c r="L10" s="281">
        <v>4145</v>
      </c>
      <c r="M10" s="282">
        <v>4145</v>
      </c>
      <c r="N10" s="276">
        <v>0</v>
      </c>
      <c r="O10" s="280">
        <v>0</v>
      </c>
      <c r="P10" s="277">
        <v>0</v>
      </c>
      <c r="Q10" s="279">
        <v>0</v>
      </c>
      <c r="R10" s="280">
        <v>12</v>
      </c>
      <c r="S10" s="280">
        <v>46</v>
      </c>
      <c r="T10" s="280">
        <v>64</v>
      </c>
      <c r="U10" s="280">
        <v>129</v>
      </c>
      <c r="V10" s="280">
        <v>181</v>
      </c>
      <c r="W10" s="277">
        <v>432</v>
      </c>
      <c r="X10" s="282">
        <v>432</v>
      </c>
      <c r="Y10" s="276">
        <v>17</v>
      </c>
      <c r="Z10" s="280">
        <v>18</v>
      </c>
      <c r="AA10" s="277">
        <v>35</v>
      </c>
      <c r="AB10" s="279">
        <v>0</v>
      </c>
      <c r="AC10" s="280">
        <v>512</v>
      </c>
      <c r="AD10" s="280">
        <v>520</v>
      </c>
      <c r="AE10" s="280">
        <v>328</v>
      </c>
      <c r="AF10" s="280">
        <v>373</v>
      </c>
      <c r="AG10" s="280">
        <v>262</v>
      </c>
      <c r="AH10" s="277">
        <v>1995</v>
      </c>
      <c r="AI10" s="282">
        <v>2030</v>
      </c>
      <c r="AJ10" s="276">
        <v>4</v>
      </c>
      <c r="AK10" s="280">
        <v>7</v>
      </c>
      <c r="AL10" s="277">
        <v>11</v>
      </c>
      <c r="AM10" s="279">
        <v>0</v>
      </c>
      <c r="AN10" s="280">
        <v>61</v>
      </c>
      <c r="AO10" s="280">
        <v>68</v>
      </c>
      <c r="AP10" s="280">
        <v>55</v>
      </c>
      <c r="AQ10" s="280">
        <v>54</v>
      </c>
      <c r="AR10" s="280">
        <v>31</v>
      </c>
      <c r="AS10" s="277">
        <v>269</v>
      </c>
      <c r="AT10" s="282">
        <v>280</v>
      </c>
      <c r="AU10" s="276">
        <v>122</v>
      </c>
      <c r="AV10" s="280">
        <v>103</v>
      </c>
      <c r="AW10" s="277">
        <v>225</v>
      </c>
      <c r="AX10" s="279">
        <v>0</v>
      </c>
      <c r="AY10" s="280">
        <v>1149</v>
      </c>
      <c r="AZ10" s="280">
        <v>1109</v>
      </c>
      <c r="BA10" s="280">
        <v>941</v>
      </c>
      <c r="BB10" s="280">
        <v>995</v>
      </c>
      <c r="BC10" s="280">
        <v>654</v>
      </c>
      <c r="BD10" s="281">
        <v>4848</v>
      </c>
      <c r="BE10" s="282">
        <v>5073</v>
      </c>
      <c r="BF10" s="276">
        <v>0</v>
      </c>
      <c r="BG10" s="280">
        <v>0</v>
      </c>
      <c r="BH10" s="277">
        <v>0</v>
      </c>
      <c r="BI10" s="279">
        <v>0</v>
      </c>
      <c r="BJ10" s="280">
        <v>1697</v>
      </c>
      <c r="BK10" s="280">
        <v>1072</v>
      </c>
      <c r="BL10" s="280">
        <v>539</v>
      </c>
      <c r="BM10" s="280">
        <v>322</v>
      </c>
      <c r="BN10" s="280">
        <v>132</v>
      </c>
      <c r="BO10" s="277">
        <v>3762</v>
      </c>
      <c r="BP10" s="282">
        <v>3762</v>
      </c>
      <c r="BQ10" s="276">
        <v>37</v>
      </c>
      <c r="BR10" s="280">
        <v>60</v>
      </c>
      <c r="BS10" s="277">
        <v>97</v>
      </c>
      <c r="BT10" s="279">
        <v>0</v>
      </c>
      <c r="BU10" s="280">
        <v>248</v>
      </c>
      <c r="BV10" s="280">
        <v>216</v>
      </c>
      <c r="BW10" s="280">
        <v>133</v>
      </c>
      <c r="BX10" s="280">
        <v>75</v>
      </c>
      <c r="BY10" s="280">
        <v>23</v>
      </c>
      <c r="BZ10" s="277">
        <v>695</v>
      </c>
      <c r="CA10" s="282">
        <v>792</v>
      </c>
      <c r="CB10" s="276">
        <v>1</v>
      </c>
      <c r="CC10" s="280">
        <v>2</v>
      </c>
      <c r="CD10" s="277">
        <v>3</v>
      </c>
      <c r="CE10" s="279">
        <v>0</v>
      </c>
      <c r="CF10" s="280">
        <v>199</v>
      </c>
      <c r="CG10" s="280">
        <v>277</v>
      </c>
      <c r="CH10" s="280">
        <v>281</v>
      </c>
      <c r="CI10" s="280">
        <v>182</v>
      </c>
      <c r="CJ10" s="280">
        <v>81</v>
      </c>
      <c r="CK10" s="277">
        <v>1020</v>
      </c>
      <c r="CL10" s="282">
        <v>1023</v>
      </c>
      <c r="CM10" s="276">
        <v>0</v>
      </c>
      <c r="CN10" s="280">
        <v>0</v>
      </c>
      <c r="CO10" s="277">
        <v>0</v>
      </c>
      <c r="CP10" s="279">
        <v>0</v>
      </c>
      <c r="CQ10" s="280">
        <v>11</v>
      </c>
      <c r="CR10" s="280">
        <v>11</v>
      </c>
      <c r="CS10" s="280">
        <v>17</v>
      </c>
      <c r="CT10" s="280">
        <v>16</v>
      </c>
      <c r="CU10" s="280">
        <v>2</v>
      </c>
      <c r="CV10" s="277">
        <v>57</v>
      </c>
      <c r="CW10" s="282">
        <v>57</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50</v>
      </c>
      <c r="DU10" s="280">
        <v>681</v>
      </c>
      <c r="DV10" s="277">
        <v>1031</v>
      </c>
      <c r="DW10" s="279">
        <v>0</v>
      </c>
      <c r="DX10" s="280">
        <v>2007</v>
      </c>
      <c r="DY10" s="280">
        <v>2247</v>
      </c>
      <c r="DZ10" s="280">
        <v>1283</v>
      </c>
      <c r="EA10" s="280">
        <v>1029</v>
      </c>
      <c r="EB10" s="280">
        <v>590</v>
      </c>
      <c r="EC10" s="277">
        <v>7156</v>
      </c>
      <c r="ED10" s="282">
        <v>8187</v>
      </c>
      <c r="EE10" s="276">
        <v>91</v>
      </c>
      <c r="EF10" s="280">
        <v>46</v>
      </c>
      <c r="EG10" s="277">
        <v>137</v>
      </c>
      <c r="EH10" s="279">
        <v>0</v>
      </c>
      <c r="EI10" s="280">
        <v>475</v>
      </c>
      <c r="EJ10" s="280">
        <v>276</v>
      </c>
      <c r="EK10" s="280">
        <v>242</v>
      </c>
      <c r="EL10" s="280">
        <v>277</v>
      </c>
      <c r="EM10" s="280">
        <v>142</v>
      </c>
      <c r="EN10" s="277">
        <v>1412</v>
      </c>
      <c r="EO10" s="282">
        <v>1549</v>
      </c>
      <c r="EP10" s="276">
        <v>403</v>
      </c>
      <c r="EQ10" s="280">
        <v>742</v>
      </c>
      <c r="ER10" s="277">
        <v>1145</v>
      </c>
      <c r="ES10" s="279">
        <v>0</v>
      </c>
      <c r="ET10" s="280">
        <v>4394</v>
      </c>
      <c r="EU10" s="280">
        <v>3054</v>
      </c>
      <c r="EV10" s="280">
        <v>1561</v>
      </c>
      <c r="EW10" s="280">
        <v>1145</v>
      </c>
      <c r="EX10" s="280">
        <v>608</v>
      </c>
      <c r="EY10" s="277">
        <v>10762</v>
      </c>
      <c r="EZ10" s="282">
        <v>11907</v>
      </c>
    </row>
    <row r="11" spans="2:156" ht="21" customHeight="1" x14ac:dyDescent="0.2">
      <c r="B11" s="261" t="s">
        <v>8</v>
      </c>
      <c r="C11" s="276">
        <v>0</v>
      </c>
      <c r="D11" s="280">
        <v>0</v>
      </c>
      <c r="E11" s="384">
        <v>0</v>
      </c>
      <c r="F11" s="279">
        <v>0</v>
      </c>
      <c r="G11" s="280">
        <v>461</v>
      </c>
      <c r="H11" s="280">
        <v>617</v>
      </c>
      <c r="I11" s="280">
        <v>370</v>
      </c>
      <c r="J11" s="280">
        <v>303</v>
      </c>
      <c r="K11" s="280">
        <v>222</v>
      </c>
      <c r="L11" s="281">
        <v>1973</v>
      </c>
      <c r="M11" s="282">
        <v>1973</v>
      </c>
      <c r="N11" s="276">
        <v>0</v>
      </c>
      <c r="O11" s="280">
        <v>0</v>
      </c>
      <c r="P11" s="277">
        <v>0</v>
      </c>
      <c r="Q11" s="279">
        <v>0</v>
      </c>
      <c r="R11" s="280">
        <v>6</v>
      </c>
      <c r="S11" s="280">
        <v>18</v>
      </c>
      <c r="T11" s="280">
        <v>26</v>
      </c>
      <c r="U11" s="280">
        <v>59</v>
      </c>
      <c r="V11" s="280">
        <v>102</v>
      </c>
      <c r="W11" s="277">
        <v>211</v>
      </c>
      <c r="X11" s="282">
        <v>211</v>
      </c>
      <c r="Y11" s="276">
        <v>48</v>
      </c>
      <c r="Z11" s="280">
        <v>72</v>
      </c>
      <c r="AA11" s="277">
        <v>120</v>
      </c>
      <c r="AB11" s="279">
        <v>0</v>
      </c>
      <c r="AC11" s="280">
        <v>285</v>
      </c>
      <c r="AD11" s="280">
        <v>405</v>
      </c>
      <c r="AE11" s="280">
        <v>257</v>
      </c>
      <c r="AF11" s="280">
        <v>222</v>
      </c>
      <c r="AG11" s="280">
        <v>174</v>
      </c>
      <c r="AH11" s="277">
        <v>1343</v>
      </c>
      <c r="AI11" s="282">
        <v>1463</v>
      </c>
      <c r="AJ11" s="276">
        <v>7</v>
      </c>
      <c r="AK11" s="280">
        <v>15</v>
      </c>
      <c r="AL11" s="277">
        <v>22</v>
      </c>
      <c r="AM11" s="279">
        <v>0</v>
      </c>
      <c r="AN11" s="280">
        <v>55</v>
      </c>
      <c r="AO11" s="280">
        <v>75</v>
      </c>
      <c r="AP11" s="280">
        <v>48</v>
      </c>
      <c r="AQ11" s="280">
        <v>45</v>
      </c>
      <c r="AR11" s="280">
        <v>28</v>
      </c>
      <c r="AS11" s="277">
        <v>251</v>
      </c>
      <c r="AT11" s="282">
        <v>273</v>
      </c>
      <c r="AU11" s="276">
        <v>65</v>
      </c>
      <c r="AV11" s="280">
        <v>54</v>
      </c>
      <c r="AW11" s="277">
        <v>119</v>
      </c>
      <c r="AX11" s="279">
        <v>0</v>
      </c>
      <c r="AY11" s="280">
        <v>442</v>
      </c>
      <c r="AZ11" s="280">
        <v>573</v>
      </c>
      <c r="BA11" s="280">
        <v>525</v>
      </c>
      <c r="BB11" s="280">
        <v>539</v>
      </c>
      <c r="BC11" s="280">
        <v>374</v>
      </c>
      <c r="BD11" s="281">
        <v>2453</v>
      </c>
      <c r="BE11" s="282">
        <v>2572</v>
      </c>
      <c r="BF11" s="276">
        <v>0</v>
      </c>
      <c r="BG11" s="280">
        <v>0</v>
      </c>
      <c r="BH11" s="277">
        <v>0</v>
      </c>
      <c r="BI11" s="279">
        <v>0</v>
      </c>
      <c r="BJ11" s="280">
        <v>567</v>
      </c>
      <c r="BK11" s="280">
        <v>632</v>
      </c>
      <c r="BL11" s="280">
        <v>345</v>
      </c>
      <c r="BM11" s="280">
        <v>178</v>
      </c>
      <c r="BN11" s="280">
        <v>102</v>
      </c>
      <c r="BO11" s="277">
        <v>1824</v>
      </c>
      <c r="BP11" s="282">
        <v>1824</v>
      </c>
      <c r="BQ11" s="276">
        <v>55</v>
      </c>
      <c r="BR11" s="280">
        <v>58</v>
      </c>
      <c r="BS11" s="277">
        <v>113</v>
      </c>
      <c r="BT11" s="279">
        <v>0</v>
      </c>
      <c r="BU11" s="280">
        <v>120</v>
      </c>
      <c r="BV11" s="280">
        <v>161</v>
      </c>
      <c r="BW11" s="280">
        <v>105</v>
      </c>
      <c r="BX11" s="280">
        <v>55</v>
      </c>
      <c r="BY11" s="280">
        <v>18</v>
      </c>
      <c r="BZ11" s="277">
        <v>459</v>
      </c>
      <c r="CA11" s="282">
        <v>572</v>
      </c>
      <c r="CB11" s="276">
        <v>4</v>
      </c>
      <c r="CC11" s="280">
        <v>7</v>
      </c>
      <c r="CD11" s="277">
        <v>11</v>
      </c>
      <c r="CE11" s="279">
        <v>0</v>
      </c>
      <c r="CF11" s="280">
        <v>81</v>
      </c>
      <c r="CG11" s="280">
        <v>148</v>
      </c>
      <c r="CH11" s="280">
        <v>203</v>
      </c>
      <c r="CI11" s="280">
        <v>110</v>
      </c>
      <c r="CJ11" s="280">
        <v>51</v>
      </c>
      <c r="CK11" s="277">
        <v>593</v>
      </c>
      <c r="CL11" s="282">
        <v>604</v>
      </c>
      <c r="CM11" s="276">
        <v>0</v>
      </c>
      <c r="CN11" s="280">
        <v>0</v>
      </c>
      <c r="CO11" s="277">
        <v>0</v>
      </c>
      <c r="CP11" s="279">
        <v>0</v>
      </c>
      <c r="CQ11" s="280">
        <v>2</v>
      </c>
      <c r="CR11" s="280">
        <v>4</v>
      </c>
      <c r="CS11" s="280">
        <v>4</v>
      </c>
      <c r="CT11" s="280">
        <v>5</v>
      </c>
      <c r="CU11" s="280">
        <v>0</v>
      </c>
      <c r="CV11" s="277">
        <v>15</v>
      </c>
      <c r="CW11" s="282">
        <v>15</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409</v>
      </c>
      <c r="DU11" s="280">
        <v>559</v>
      </c>
      <c r="DV11" s="277">
        <v>968</v>
      </c>
      <c r="DW11" s="279">
        <v>0</v>
      </c>
      <c r="DX11" s="280">
        <v>966</v>
      </c>
      <c r="DY11" s="280">
        <v>1513</v>
      </c>
      <c r="DZ11" s="280">
        <v>872</v>
      </c>
      <c r="EA11" s="280">
        <v>611</v>
      </c>
      <c r="EB11" s="280">
        <v>369</v>
      </c>
      <c r="EC11" s="277">
        <v>4331</v>
      </c>
      <c r="ED11" s="282">
        <v>5299</v>
      </c>
      <c r="EE11" s="276">
        <v>42</v>
      </c>
      <c r="EF11" s="280">
        <v>15</v>
      </c>
      <c r="EG11" s="277">
        <v>57</v>
      </c>
      <c r="EH11" s="279">
        <v>0</v>
      </c>
      <c r="EI11" s="280">
        <v>135</v>
      </c>
      <c r="EJ11" s="280">
        <v>118</v>
      </c>
      <c r="EK11" s="280">
        <v>108</v>
      </c>
      <c r="EL11" s="280">
        <v>118</v>
      </c>
      <c r="EM11" s="280">
        <v>73</v>
      </c>
      <c r="EN11" s="277">
        <v>552</v>
      </c>
      <c r="EO11" s="282">
        <v>609</v>
      </c>
      <c r="EP11" s="276">
        <v>495</v>
      </c>
      <c r="EQ11" s="280">
        <v>629</v>
      </c>
      <c r="ER11" s="277">
        <v>1124</v>
      </c>
      <c r="ES11" s="279">
        <v>0</v>
      </c>
      <c r="ET11" s="280">
        <v>1800</v>
      </c>
      <c r="EU11" s="280">
        <v>1939</v>
      </c>
      <c r="EV11" s="280">
        <v>1027</v>
      </c>
      <c r="EW11" s="280">
        <v>653</v>
      </c>
      <c r="EX11" s="280">
        <v>381</v>
      </c>
      <c r="EY11" s="277">
        <v>5800</v>
      </c>
      <c r="EZ11" s="282">
        <v>6924</v>
      </c>
    </row>
    <row r="12" spans="2:156" ht="21" customHeight="1" x14ac:dyDescent="0.2">
      <c r="B12" s="261" t="s">
        <v>9</v>
      </c>
      <c r="C12" s="276">
        <v>0</v>
      </c>
      <c r="D12" s="280">
        <v>0</v>
      </c>
      <c r="E12" s="384">
        <v>0</v>
      </c>
      <c r="F12" s="279">
        <v>0</v>
      </c>
      <c r="G12" s="280">
        <v>630</v>
      </c>
      <c r="H12" s="280">
        <v>503</v>
      </c>
      <c r="I12" s="280">
        <v>351</v>
      </c>
      <c r="J12" s="280">
        <v>303</v>
      </c>
      <c r="K12" s="280">
        <v>250</v>
      </c>
      <c r="L12" s="281">
        <v>2037</v>
      </c>
      <c r="M12" s="282">
        <v>2037</v>
      </c>
      <c r="N12" s="276">
        <v>0</v>
      </c>
      <c r="O12" s="280">
        <v>0</v>
      </c>
      <c r="P12" s="277">
        <v>0</v>
      </c>
      <c r="Q12" s="279">
        <v>0</v>
      </c>
      <c r="R12" s="280">
        <v>5</v>
      </c>
      <c r="S12" s="280">
        <v>9</v>
      </c>
      <c r="T12" s="280">
        <v>19</v>
      </c>
      <c r="U12" s="280">
        <v>55</v>
      </c>
      <c r="V12" s="280">
        <v>99</v>
      </c>
      <c r="W12" s="277">
        <v>187</v>
      </c>
      <c r="X12" s="282">
        <v>187</v>
      </c>
      <c r="Y12" s="276">
        <v>39</v>
      </c>
      <c r="Z12" s="280">
        <v>77</v>
      </c>
      <c r="AA12" s="277">
        <v>116</v>
      </c>
      <c r="AB12" s="279">
        <v>0</v>
      </c>
      <c r="AC12" s="280">
        <v>346</v>
      </c>
      <c r="AD12" s="280">
        <v>295</v>
      </c>
      <c r="AE12" s="280">
        <v>242</v>
      </c>
      <c r="AF12" s="280">
        <v>252</v>
      </c>
      <c r="AG12" s="280">
        <v>179</v>
      </c>
      <c r="AH12" s="277">
        <v>1314</v>
      </c>
      <c r="AI12" s="282">
        <v>1430</v>
      </c>
      <c r="AJ12" s="276">
        <v>3</v>
      </c>
      <c r="AK12" s="280">
        <v>13</v>
      </c>
      <c r="AL12" s="277">
        <v>16</v>
      </c>
      <c r="AM12" s="279">
        <v>0</v>
      </c>
      <c r="AN12" s="280">
        <v>49</v>
      </c>
      <c r="AO12" s="280">
        <v>60</v>
      </c>
      <c r="AP12" s="280">
        <v>57</v>
      </c>
      <c r="AQ12" s="280">
        <v>41</v>
      </c>
      <c r="AR12" s="280">
        <v>38</v>
      </c>
      <c r="AS12" s="277">
        <v>245</v>
      </c>
      <c r="AT12" s="282">
        <v>261</v>
      </c>
      <c r="AU12" s="276">
        <v>81</v>
      </c>
      <c r="AV12" s="280">
        <v>63</v>
      </c>
      <c r="AW12" s="277">
        <v>144</v>
      </c>
      <c r="AX12" s="279">
        <v>0</v>
      </c>
      <c r="AY12" s="280">
        <v>508</v>
      </c>
      <c r="AZ12" s="280">
        <v>524</v>
      </c>
      <c r="BA12" s="280">
        <v>506</v>
      </c>
      <c r="BB12" s="280">
        <v>541</v>
      </c>
      <c r="BC12" s="280">
        <v>401</v>
      </c>
      <c r="BD12" s="281">
        <v>2480</v>
      </c>
      <c r="BE12" s="282">
        <v>2624</v>
      </c>
      <c r="BF12" s="276">
        <v>0</v>
      </c>
      <c r="BG12" s="280">
        <v>0</v>
      </c>
      <c r="BH12" s="277">
        <v>0</v>
      </c>
      <c r="BI12" s="279">
        <v>0</v>
      </c>
      <c r="BJ12" s="280">
        <v>578</v>
      </c>
      <c r="BK12" s="280">
        <v>397</v>
      </c>
      <c r="BL12" s="280">
        <v>234</v>
      </c>
      <c r="BM12" s="280">
        <v>154</v>
      </c>
      <c r="BN12" s="280">
        <v>55</v>
      </c>
      <c r="BO12" s="277">
        <v>1418</v>
      </c>
      <c r="BP12" s="282">
        <v>1418</v>
      </c>
      <c r="BQ12" s="276">
        <v>39</v>
      </c>
      <c r="BR12" s="280">
        <v>66</v>
      </c>
      <c r="BS12" s="277">
        <v>105</v>
      </c>
      <c r="BT12" s="279">
        <v>0</v>
      </c>
      <c r="BU12" s="280">
        <v>151</v>
      </c>
      <c r="BV12" s="280">
        <v>123</v>
      </c>
      <c r="BW12" s="280">
        <v>80</v>
      </c>
      <c r="BX12" s="280">
        <v>65</v>
      </c>
      <c r="BY12" s="280">
        <v>23</v>
      </c>
      <c r="BZ12" s="277">
        <v>442</v>
      </c>
      <c r="CA12" s="282">
        <v>547</v>
      </c>
      <c r="CB12" s="276">
        <v>2</v>
      </c>
      <c r="CC12" s="280">
        <v>4</v>
      </c>
      <c r="CD12" s="277">
        <v>6</v>
      </c>
      <c r="CE12" s="279">
        <v>0</v>
      </c>
      <c r="CF12" s="280">
        <v>70</v>
      </c>
      <c r="CG12" s="280">
        <v>89</v>
      </c>
      <c r="CH12" s="280">
        <v>132</v>
      </c>
      <c r="CI12" s="280">
        <v>92</v>
      </c>
      <c r="CJ12" s="280">
        <v>57</v>
      </c>
      <c r="CK12" s="277">
        <v>440</v>
      </c>
      <c r="CL12" s="282">
        <v>446</v>
      </c>
      <c r="CM12" s="276">
        <v>0</v>
      </c>
      <c r="CN12" s="280">
        <v>0</v>
      </c>
      <c r="CO12" s="277">
        <v>0</v>
      </c>
      <c r="CP12" s="279">
        <v>0</v>
      </c>
      <c r="CQ12" s="280">
        <v>6</v>
      </c>
      <c r="CR12" s="280">
        <v>7</v>
      </c>
      <c r="CS12" s="280">
        <v>24</v>
      </c>
      <c r="CT12" s="280">
        <v>16</v>
      </c>
      <c r="CU12" s="280">
        <v>14</v>
      </c>
      <c r="CV12" s="277">
        <v>67</v>
      </c>
      <c r="CW12" s="282">
        <v>67</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59</v>
      </c>
      <c r="DU12" s="280">
        <v>462</v>
      </c>
      <c r="DV12" s="277">
        <v>821</v>
      </c>
      <c r="DW12" s="279">
        <v>0</v>
      </c>
      <c r="DX12" s="280">
        <v>944</v>
      </c>
      <c r="DY12" s="280">
        <v>973</v>
      </c>
      <c r="DZ12" s="280">
        <v>650</v>
      </c>
      <c r="EA12" s="280">
        <v>555</v>
      </c>
      <c r="EB12" s="280">
        <v>369</v>
      </c>
      <c r="EC12" s="277">
        <v>3491</v>
      </c>
      <c r="ED12" s="282">
        <v>4312</v>
      </c>
      <c r="EE12" s="276">
        <v>49</v>
      </c>
      <c r="EF12" s="280">
        <v>22</v>
      </c>
      <c r="EG12" s="277">
        <v>71</v>
      </c>
      <c r="EH12" s="279">
        <v>0</v>
      </c>
      <c r="EI12" s="280">
        <v>182</v>
      </c>
      <c r="EJ12" s="280">
        <v>152</v>
      </c>
      <c r="EK12" s="280">
        <v>133</v>
      </c>
      <c r="EL12" s="280">
        <v>172</v>
      </c>
      <c r="EM12" s="280">
        <v>125</v>
      </c>
      <c r="EN12" s="277">
        <v>764</v>
      </c>
      <c r="EO12" s="282">
        <v>835</v>
      </c>
      <c r="EP12" s="276">
        <v>404</v>
      </c>
      <c r="EQ12" s="280">
        <v>541</v>
      </c>
      <c r="ER12" s="277">
        <v>945</v>
      </c>
      <c r="ES12" s="279">
        <v>0</v>
      </c>
      <c r="ET12" s="280">
        <v>1727</v>
      </c>
      <c r="EU12" s="280">
        <v>1287</v>
      </c>
      <c r="EV12" s="280">
        <v>749</v>
      </c>
      <c r="EW12" s="280">
        <v>588</v>
      </c>
      <c r="EX12" s="280">
        <v>363</v>
      </c>
      <c r="EY12" s="277">
        <v>4714</v>
      </c>
      <c r="EZ12" s="282">
        <v>5659</v>
      </c>
    </row>
    <row r="13" spans="2:156" ht="21" customHeight="1" x14ac:dyDescent="0.2">
      <c r="B13" s="261" t="s">
        <v>10</v>
      </c>
      <c r="C13" s="276">
        <v>0</v>
      </c>
      <c r="D13" s="280">
        <v>0</v>
      </c>
      <c r="E13" s="384">
        <v>0</v>
      </c>
      <c r="F13" s="279">
        <v>0</v>
      </c>
      <c r="G13" s="280">
        <v>1328</v>
      </c>
      <c r="H13" s="280">
        <v>731</v>
      </c>
      <c r="I13" s="280">
        <v>484</v>
      </c>
      <c r="J13" s="280">
        <v>457</v>
      </c>
      <c r="K13" s="280">
        <v>343</v>
      </c>
      <c r="L13" s="281">
        <v>3343</v>
      </c>
      <c r="M13" s="282">
        <v>3343</v>
      </c>
      <c r="N13" s="276">
        <v>0</v>
      </c>
      <c r="O13" s="280">
        <v>1</v>
      </c>
      <c r="P13" s="277">
        <v>1</v>
      </c>
      <c r="Q13" s="279">
        <v>0</v>
      </c>
      <c r="R13" s="280">
        <v>13</v>
      </c>
      <c r="S13" s="280">
        <v>24</v>
      </c>
      <c r="T13" s="280">
        <v>38</v>
      </c>
      <c r="U13" s="280">
        <v>83</v>
      </c>
      <c r="V13" s="280">
        <v>166</v>
      </c>
      <c r="W13" s="277">
        <v>324</v>
      </c>
      <c r="X13" s="282">
        <v>325</v>
      </c>
      <c r="Y13" s="276">
        <v>157</v>
      </c>
      <c r="Z13" s="280">
        <v>296</v>
      </c>
      <c r="AA13" s="277">
        <v>453</v>
      </c>
      <c r="AB13" s="279">
        <v>0</v>
      </c>
      <c r="AC13" s="280">
        <v>739</v>
      </c>
      <c r="AD13" s="280">
        <v>531</v>
      </c>
      <c r="AE13" s="280">
        <v>331</v>
      </c>
      <c r="AF13" s="280">
        <v>304</v>
      </c>
      <c r="AG13" s="280">
        <v>274</v>
      </c>
      <c r="AH13" s="277">
        <v>2179</v>
      </c>
      <c r="AI13" s="282">
        <v>2632</v>
      </c>
      <c r="AJ13" s="276">
        <v>25</v>
      </c>
      <c r="AK13" s="280">
        <v>46</v>
      </c>
      <c r="AL13" s="277">
        <v>71</v>
      </c>
      <c r="AM13" s="279">
        <v>0</v>
      </c>
      <c r="AN13" s="280">
        <v>111</v>
      </c>
      <c r="AO13" s="280">
        <v>93</v>
      </c>
      <c r="AP13" s="280">
        <v>59</v>
      </c>
      <c r="AQ13" s="280">
        <v>43</v>
      </c>
      <c r="AR13" s="280">
        <v>54</v>
      </c>
      <c r="AS13" s="277">
        <v>360</v>
      </c>
      <c r="AT13" s="282">
        <v>431</v>
      </c>
      <c r="AU13" s="276">
        <v>183</v>
      </c>
      <c r="AV13" s="280">
        <v>271</v>
      </c>
      <c r="AW13" s="277">
        <v>454</v>
      </c>
      <c r="AX13" s="279">
        <v>0</v>
      </c>
      <c r="AY13" s="280">
        <v>1240</v>
      </c>
      <c r="AZ13" s="280">
        <v>1051</v>
      </c>
      <c r="BA13" s="280">
        <v>933</v>
      </c>
      <c r="BB13" s="280">
        <v>937</v>
      </c>
      <c r="BC13" s="280">
        <v>758</v>
      </c>
      <c r="BD13" s="281">
        <v>4919</v>
      </c>
      <c r="BE13" s="282">
        <v>5373</v>
      </c>
      <c r="BF13" s="276">
        <v>0</v>
      </c>
      <c r="BG13" s="280">
        <v>0</v>
      </c>
      <c r="BH13" s="277">
        <v>0</v>
      </c>
      <c r="BI13" s="279">
        <v>0</v>
      </c>
      <c r="BJ13" s="280">
        <v>1536</v>
      </c>
      <c r="BK13" s="280">
        <v>818</v>
      </c>
      <c r="BL13" s="280">
        <v>474</v>
      </c>
      <c r="BM13" s="280">
        <v>285</v>
      </c>
      <c r="BN13" s="280">
        <v>121</v>
      </c>
      <c r="BO13" s="277">
        <v>3234</v>
      </c>
      <c r="BP13" s="282">
        <v>3234</v>
      </c>
      <c r="BQ13" s="276">
        <v>61</v>
      </c>
      <c r="BR13" s="280">
        <v>91</v>
      </c>
      <c r="BS13" s="277">
        <v>152</v>
      </c>
      <c r="BT13" s="279">
        <v>0</v>
      </c>
      <c r="BU13" s="280">
        <v>250</v>
      </c>
      <c r="BV13" s="280">
        <v>188</v>
      </c>
      <c r="BW13" s="280">
        <v>89</v>
      </c>
      <c r="BX13" s="280">
        <v>64</v>
      </c>
      <c r="BY13" s="280">
        <v>22</v>
      </c>
      <c r="BZ13" s="277">
        <v>613</v>
      </c>
      <c r="CA13" s="282">
        <v>765</v>
      </c>
      <c r="CB13" s="276">
        <v>3</v>
      </c>
      <c r="CC13" s="280">
        <v>21</v>
      </c>
      <c r="CD13" s="277">
        <v>24</v>
      </c>
      <c r="CE13" s="279">
        <v>0</v>
      </c>
      <c r="CF13" s="280">
        <v>158</v>
      </c>
      <c r="CG13" s="280">
        <v>150</v>
      </c>
      <c r="CH13" s="280">
        <v>185</v>
      </c>
      <c r="CI13" s="280">
        <v>156</v>
      </c>
      <c r="CJ13" s="280">
        <v>79</v>
      </c>
      <c r="CK13" s="277">
        <v>728</v>
      </c>
      <c r="CL13" s="282">
        <v>752</v>
      </c>
      <c r="CM13" s="276">
        <v>0</v>
      </c>
      <c r="CN13" s="280">
        <v>1</v>
      </c>
      <c r="CO13" s="277">
        <v>1</v>
      </c>
      <c r="CP13" s="279">
        <v>0</v>
      </c>
      <c r="CQ13" s="280">
        <v>10</v>
      </c>
      <c r="CR13" s="280">
        <v>15</v>
      </c>
      <c r="CS13" s="280">
        <v>12</v>
      </c>
      <c r="CT13" s="280">
        <v>8</v>
      </c>
      <c r="CU13" s="280">
        <v>6</v>
      </c>
      <c r="CV13" s="277">
        <v>51</v>
      </c>
      <c r="CW13" s="282">
        <v>52</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941</v>
      </c>
      <c r="DU13" s="280">
        <v>1249</v>
      </c>
      <c r="DV13" s="277">
        <v>2190</v>
      </c>
      <c r="DW13" s="279">
        <v>0</v>
      </c>
      <c r="DX13" s="280">
        <v>1960</v>
      </c>
      <c r="DY13" s="280">
        <v>1575</v>
      </c>
      <c r="DZ13" s="280">
        <v>1040</v>
      </c>
      <c r="EA13" s="280">
        <v>875</v>
      </c>
      <c r="EB13" s="280">
        <v>603</v>
      </c>
      <c r="EC13" s="277">
        <v>6053</v>
      </c>
      <c r="ED13" s="282">
        <v>8243</v>
      </c>
      <c r="EE13" s="276">
        <v>70</v>
      </c>
      <c r="EF13" s="280">
        <v>63</v>
      </c>
      <c r="EG13" s="277">
        <v>133</v>
      </c>
      <c r="EH13" s="279">
        <v>0</v>
      </c>
      <c r="EI13" s="280">
        <v>284</v>
      </c>
      <c r="EJ13" s="280">
        <v>218</v>
      </c>
      <c r="EK13" s="280">
        <v>218</v>
      </c>
      <c r="EL13" s="280">
        <v>205</v>
      </c>
      <c r="EM13" s="280">
        <v>143</v>
      </c>
      <c r="EN13" s="277">
        <v>1068</v>
      </c>
      <c r="EO13" s="282">
        <v>1201</v>
      </c>
      <c r="EP13" s="276">
        <v>1110</v>
      </c>
      <c r="EQ13" s="280">
        <v>1455</v>
      </c>
      <c r="ER13" s="277">
        <v>2565</v>
      </c>
      <c r="ES13" s="279">
        <v>0</v>
      </c>
      <c r="ET13" s="280">
        <v>3434</v>
      </c>
      <c r="EU13" s="280">
        <v>1919</v>
      </c>
      <c r="EV13" s="280">
        <v>1127</v>
      </c>
      <c r="EW13" s="280">
        <v>855</v>
      </c>
      <c r="EX13" s="280">
        <v>568</v>
      </c>
      <c r="EY13" s="277">
        <v>7903</v>
      </c>
      <c r="EZ13" s="282">
        <v>10468</v>
      </c>
    </row>
    <row r="14" spans="2:156" ht="21" customHeight="1" x14ac:dyDescent="0.2">
      <c r="B14" s="261" t="s">
        <v>11</v>
      </c>
      <c r="C14" s="276">
        <v>0</v>
      </c>
      <c r="D14" s="280">
        <v>0</v>
      </c>
      <c r="E14" s="384">
        <v>0</v>
      </c>
      <c r="F14" s="279">
        <v>0</v>
      </c>
      <c r="G14" s="280">
        <v>486</v>
      </c>
      <c r="H14" s="280">
        <v>378</v>
      </c>
      <c r="I14" s="280">
        <v>251</v>
      </c>
      <c r="J14" s="280">
        <v>237</v>
      </c>
      <c r="K14" s="280">
        <v>148</v>
      </c>
      <c r="L14" s="281">
        <v>1500</v>
      </c>
      <c r="M14" s="282">
        <v>1500</v>
      </c>
      <c r="N14" s="276">
        <v>0</v>
      </c>
      <c r="O14" s="280">
        <v>1</v>
      </c>
      <c r="P14" s="277">
        <v>1</v>
      </c>
      <c r="Q14" s="279">
        <v>0</v>
      </c>
      <c r="R14" s="280">
        <v>5</v>
      </c>
      <c r="S14" s="280">
        <v>14</v>
      </c>
      <c r="T14" s="280">
        <v>24</v>
      </c>
      <c r="U14" s="280">
        <v>44</v>
      </c>
      <c r="V14" s="280">
        <v>65</v>
      </c>
      <c r="W14" s="277">
        <v>152</v>
      </c>
      <c r="X14" s="282">
        <v>153</v>
      </c>
      <c r="Y14" s="276">
        <v>39</v>
      </c>
      <c r="Z14" s="280">
        <v>59</v>
      </c>
      <c r="AA14" s="277">
        <v>98</v>
      </c>
      <c r="AB14" s="279">
        <v>0</v>
      </c>
      <c r="AC14" s="280">
        <v>311</v>
      </c>
      <c r="AD14" s="280">
        <v>242</v>
      </c>
      <c r="AE14" s="280">
        <v>186</v>
      </c>
      <c r="AF14" s="280">
        <v>169</v>
      </c>
      <c r="AG14" s="280">
        <v>145</v>
      </c>
      <c r="AH14" s="277">
        <v>1053</v>
      </c>
      <c r="AI14" s="282">
        <v>1151</v>
      </c>
      <c r="AJ14" s="276">
        <v>3</v>
      </c>
      <c r="AK14" s="280">
        <v>6</v>
      </c>
      <c r="AL14" s="277">
        <v>9</v>
      </c>
      <c r="AM14" s="279">
        <v>0</v>
      </c>
      <c r="AN14" s="280">
        <v>26</v>
      </c>
      <c r="AO14" s="280">
        <v>29</v>
      </c>
      <c r="AP14" s="280">
        <v>23</v>
      </c>
      <c r="AQ14" s="280">
        <v>24</v>
      </c>
      <c r="AR14" s="280">
        <v>5</v>
      </c>
      <c r="AS14" s="277">
        <v>107</v>
      </c>
      <c r="AT14" s="282">
        <v>116</v>
      </c>
      <c r="AU14" s="276">
        <v>49</v>
      </c>
      <c r="AV14" s="280">
        <v>47</v>
      </c>
      <c r="AW14" s="277">
        <v>96</v>
      </c>
      <c r="AX14" s="279">
        <v>0</v>
      </c>
      <c r="AY14" s="280">
        <v>439</v>
      </c>
      <c r="AZ14" s="280">
        <v>446</v>
      </c>
      <c r="BA14" s="280">
        <v>436</v>
      </c>
      <c r="BB14" s="280">
        <v>424</v>
      </c>
      <c r="BC14" s="280">
        <v>279</v>
      </c>
      <c r="BD14" s="281">
        <v>2024</v>
      </c>
      <c r="BE14" s="282">
        <v>2120</v>
      </c>
      <c r="BF14" s="276">
        <v>0</v>
      </c>
      <c r="BG14" s="280">
        <v>0</v>
      </c>
      <c r="BH14" s="277">
        <v>0</v>
      </c>
      <c r="BI14" s="279">
        <v>0</v>
      </c>
      <c r="BJ14" s="280">
        <v>706</v>
      </c>
      <c r="BK14" s="280">
        <v>418</v>
      </c>
      <c r="BL14" s="280">
        <v>253</v>
      </c>
      <c r="BM14" s="280">
        <v>182</v>
      </c>
      <c r="BN14" s="280">
        <v>86</v>
      </c>
      <c r="BO14" s="277">
        <v>1645</v>
      </c>
      <c r="BP14" s="282">
        <v>1645</v>
      </c>
      <c r="BQ14" s="276">
        <v>91</v>
      </c>
      <c r="BR14" s="280">
        <v>72</v>
      </c>
      <c r="BS14" s="277">
        <v>163</v>
      </c>
      <c r="BT14" s="279">
        <v>0</v>
      </c>
      <c r="BU14" s="280">
        <v>218</v>
      </c>
      <c r="BV14" s="280">
        <v>147</v>
      </c>
      <c r="BW14" s="280">
        <v>93</v>
      </c>
      <c r="BX14" s="280">
        <v>57</v>
      </c>
      <c r="BY14" s="280">
        <v>18</v>
      </c>
      <c r="BZ14" s="277">
        <v>533</v>
      </c>
      <c r="CA14" s="282">
        <v>696</v>
      </c>
      <c r="CB14" s="276">
        <v>6</v>
      </c>
      <c r="CC14" s="280">
        <v>5</v>
      </c>
      <c r="CD14" s="277">
        <v>11</v>
      </c>
      <c r="CE14" s="279">
        <v>0</v>
      </c>
      <c r="CF14" s="280">
        <v>97</v>
      </c>
      <c r="CG14" s="280">
        <v>95</v>
      </c>
      <c r="CH14" s="280">
        <v>100</v>
      </c>
      <c r="CI14" s="280">
        <v>64</v>
      </c>
      <c r="CJ14" s="280">
        <v>39</v>
      </c>
      <c r="CK14" s="277">
        <v>395</v>
      </c>
      <c r="CL14" s="282">
        <v>406</v>
      </c>
      <c r="CM14" s="276">
        <v>0</v>
      </c>
      <c r="CN14" s="280">
        <v>0</v>
      </c>
      <c r="CO14" s="277">
        <v>0</v>
      </c>
      <c r="CP14" s="279">
        <v>0</v>
      </c>
      <c r="CQ14" s="280">
        <v>3</v>
      </c>
      <c r="CR14" s="280">
        <v>11</v>
      </c>
      <c r="CS14" s="280">
        <v>8</v>
      </c>
      <c r="CT14" s="280">
        <v>7</v>
      </c>
      <c r="CU14" s="280">
        <v>11</v>
      </c>
      <c r="CV14" s="277">
        <v>40</v>
      </c>
      <c r="CW14" s="282">
        <v>40</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387</v>
      </c>
      <c r="DU14" s="280">
        <v>464</v>
      </c>
      <c r="DV14" s="277">
        <v>851</v>
      </c>
      <c r="DW14" s="279">
        <v>0</v>
      </c>
      <c r="DX14" s="280">
        <v>971</v>
      </c>
      <c r="DY14" s="280">
        <v>852</v>
      </c>
      <c r="DZ14" s="280">
        <v>592</v>
      </c>
      <c r="EA14" s="280">
        <v>507</v>
      </c>
      <c r="EB14" s="280">
        <v>273</v>
      </c>
      <c r="EC14" s="277">
        <v>3195</v>
      </c>
      <c r="ED14" s="282">
        <v>4046</v>
      </c>
      <c r="EE14" s="276">
        <v>33</v>
      </c>
      <c r="EF14" s="280">
        <v>30</v>
      </c>
      <c r="EG14" s="277">
        <v>63</v>
      </c>
      <c r="EH14" s="279">
        <v>0</v>
      </c>
      <c r="EI14" s="280">
        <v>200</v>
      </c>
      <c r="EJ14" s="280">
        <v>131</v>
      </c>
      <c r="EK14" s="280">
        <v>131</v>
      </c>
      <c r="EL14" s="280">
        <v>150</v>
      </c>
      <c r="EM14" s="280">
        <v>65</v>
      </c>
      <c r="EN14" s="277">
        <v>677</v>
      </c>
      <c r="EO14" s="282">
        <v>740</v>
      </c>
      <c r="EP14" s="276">
        <v>482</v>
      </c>
      <c r="EQ14" s="280">
        <v>534</v>
      </c>
      <c r="ER14" s="277">
        <v>1016</v>
      </c>
      <c r="ES14" s="279">
        <v>0</v>
      </c>
      <c r="ET14" s="280">
        <v>1872</v>
      </c>
      <c r="EU14" s="280">
        <v>1137</v>
      </c>
      <c r="EV14" s="280">
        <v>709</v>
      </c>
      <c r="EW14" s="280">
        <v>526</v>
      </c>
      <c r="EX14" s="280">
        <v>278</v>
      </c>
      <c r="EY14" s="277">
        <v>4522</v>
      </c>
      <c r="EZ14" s="282">
        <v>5538</v>
      </c>
    </row>
    <row r="15" spans="2:156" ht="21" customHeight="1" x14ac:dyDescent="0.2">
      <c r="B15" s="261" t="s">
        <v>12</v>
      </c>
      <c r="C15" s="276">
        <v>0</v>
      </c>
      <c r="D15" s="280">
        <v>0</v>
      </c>
      <c r="E15" s="384">
        <v>0</v>
      </c>
      <c r="F15" s="279">
        <v>0</v>
      </c>
      <c r="G15" s="280">
        <v>497</v>
      </c>
      <c r="H15" s="280">
        <v>448</v>
      </c>
      <c r="I15" s="280">
        <v>299</v>
      </c>
      <c r="J15" s="280">
        <v>294</v>
      </c>
      <c r="K15" s="280">
        <v>221</v>
      </c>
      <c r="L15" s="281">
        <v>1759</v>
      </c>
      <c r="M15" s="282">
        <v>1759</v>
      </c>
      <c r="N15" s="276">
        <v>0</v>
      </c>
      <c r="O15" s="280">
        <v>6</v>
      </c>
      <c r="P15" s="277">
        <v>6</v>
      </c>
      <c r="Q15" s="279">
        <v>0</v>
      </c>
      <c r="R15" s="280">
        <v>3</v>
      </c>
      <c r="S15" s="280">
        <v>18</v>
      </c>
      <c r="T15" s="280">
        <v>24</v>
      </c>
      <c r="U15" s="280">
        <v>68</v>
      </c>
      <c r="V15" s="280">
        <v>81</v>
      </c>
      <c r="W15" s="277">
        <v>194</v>
      </c>
      <c r="X15" s="282">
        <v>200</v>
      </c>
      <c r="Y15" s="276">
        <v>110</v>
      </c>
      <c r="Z15" s="280">
        <v>226</v>
      </c>
      <c r="AA15" s="277">
        <v>336</v>
      </c>
      <c r="AB15" s="279">
        <v>0</v>
      </c>
      <c r="AC15" s="280">
        <v>312</v>
      </c>
      <c r="AD15" s="280">
        <v>372</v>
      </c>
      <c r="AE15" s="280">
        <v>238</v>
      </c>
      <c r="AF15" s="280">
        <v>233</v>
      </c>
      <c r="AG15" s="280">
        <v>171</v>
      </c>
      <c r="AH15" s="277">
        <v>1326</v>
      </c>
      <c r="AI15" s="282">
        <v>1662</v>
      </c>
      <c r="AJ15" s="276">
        <v>6</v>
      </c>
      <c r="AK15" s="280">
        <v>23</v>
      </c>
      <c r="AL15" s="277">
        <v>29</v>
      </c>
      <c r="AM15" s="279">
        <v>0</v>
      </c>
      <c r="AN15" s="280">
        <v>19</v>
      </c>
      <c r="AO15" s="280">
        <v>40</v>
      </c>
      <c r="AP15" s="280">
        <v>33</v>
      </c>
      <c r="AQ15" s="280">
        <v>21</v>
      </c>
      <c r="AR15" s="280">
        <v>18</v>
      </c>
      <c r="AS15" s="277">
        <v>131</v>
      </c>
      <c r="AT15" s="282">
        <v>160</v>
      </c>
      <c r="AU15" s="276">
        <v>81</v>
      </c>
      <c r="AV15" s="280">
        <v>111</v>
      </c>
      <c r="AW15" s="277">
        <v>192</v>
      </c>
      <c r="AX15" s="279">
        <v>0</v>
      </c>
      <c r="AY15" s="280">
        <v>308</v>
      </c>
      <c r="AZ15" s="280">
        <v>387</v>
      </c>
      <c r="BA15" s="280">
        <v>339</v>
      </c>
      <c r="BB15" s="280">
        <v>448</v>
      </c>
      <c r="BC15" s="280">
        <v>339</v>
      </c>
      <c r="BD15" s="281">
        <v>1821</v>
      </c>
      <c r="BE15" s="282">
        <v>2013</v>
      </c>
      <c r="BF15" s="276">
        <v>0</v>
      </c>
      <c r="BG15" s="280">
        <v>0</v>
      </c>
      <c r="BH15" s="277">
        <v>0</v>
      </c>
      <c r="BI15" s="279">
        <v>0</v>
      </c>
      <c r="BJ15" s="280">
        <v>603</v>
      </c>
      <c r="BK15" s="280">
        <v>435</v>
      </c>
      <c r="BL15" s="280">
        <v>255</v>
      </c>
      <c r="BM15" s="280">
        <v>207</v>
      </c>
      <c r="BN15" s="280">
        <v>86</v>
      </c>
      <c r="BO15" s="277">
        <v>1586</v>
      </c>
      <c r="BP15" s="282">
        <v>1586</v>
      </c>
      <c r="BQ15" s="276">
        <v>140</v>
      </c>
      <c r="BR15" s="280">
        <v>130</v>
      </c>
      <c r="BS15" s="277">
        <v>270</v>
      </c>
      <c r="BT15" s="279">
        <v>0</v>
      </c>
      <c r="BU15" s="280">
        <v>126</v>
      </c>
      <c r="BV15" s="280">
        <v>179</v>
      </c>
      <c r="BW15" s="280">
        <v>117</v>
      </c>
      <c r="BX15" s="280">
        <v>78</v>
      </c>
      <c r="BY15" s="280">
        <v>33</v>
      </c>
      <c r="BZ15" s="277">
        <v>533</v>
      </c>
      <c r="CA15" s="282">
        <v>803</v>
      </c>
      <c r="CB15" s="276">
        <v>3</v>
      </c>
      <c r="CC15" s="280">
        <v>15</v>
      </c>
      <c r="CD15" s="277">
        <v>18</v>
      </c>
      <c r="CE15" s="279">
        <v>0</v>
      </c>
      <c r="CF15" s="280">
        <v>90</v>
      </c>
      <c r="CG15" s="280">
        <v>87</v>
      </c>
      <c r="CH15" s="280">
        <v>131</v>
      </c>
      <c r="CI15" s="280">
        <v>95</v>
      </c>
      <c r="CJ15" s="280">
        <v>55</v>
      </c>
      <c r="CK15" s="277">
        <v>458</v>
      </c>
      <c r="CL15" s="282">
        <v>476</v>
      </c>
      <c r="CM15" s="276">
        <v>0</v>
      </c>
      <c r="CN15" s="280">
        <v>0</v>
      </c>
      <c r="CO15" s="277">
        <v>0</v>
      </c>
      <c r="CP15" s="279">
        <v>0</v>
      </c>
      <c r="CQ15" s="280">
        <v>3</v>
      </c>
      <c r="CR15" s="280">
        <v>6</v>
      </c>
      <c r="CS15" s="280">
        <v>3</v>
      </c>
      <c r="CT15" s="280">
        <v>5</v>
      </c>
      <c r="CU15" s="280">
        <v>0</v>
      </c>
      <c r="CV15" s="277">
        <v>17</v>
      </c>
      <c r="CW15" s="282">
        <v>17</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490</v>
      </c>
      <c r="DU15" s="280">
        <v>814</v>
      </c>
      <c r="DV15" s="277">
        <v>1304</v>
      </c>
      <c r="DW15" s="279">
        <v>0</v>
      </c>
      <c r="DX15" s="280">
        <v>575</v>
      </c>
      <c r="DY15" s="280">
        <v>974</v>
      </c>
      <c r="DZ15" s="280">
        <v>679</v>
      </c>
      <c r="EA15" s="280">
        <v>619</v>
      </c>
      <c r="EB15" s="280">
        <v>361</v>
      </c>
      <c r="EC15" s="277">
        <v>3208</v>
      </c>
      <c r="ED15" s="282">
        <v>4512</v>
      </c>
      <c r="EE15" s="276">
        <v>48</v>
      </c>
      <c r="EF15" s="280">
        <v>48</v>
      </c>
      <c r="EG15" s="277">
        <v>96</v>
      </c>
      <c r="EH15" s="279">
        <v>0</v>
      </c>
      <c r="EI15" s="280">
        <v>102</v>
      </c>
      <c r="EJ15" s="280">
        <v>99</v>
      </c>
      <c r="EK15" s="280">
        <v>94</v>
      </c>
      <c r="EL15" s="280">
        <v>137</v>
      </c>
      <c r="EM15" s="280">
        <v>84</v>
      </c>
      <c r="EN15" s="277">
        <v>516</v>
      </c>
      <c r="EO15" s="282">
        <v>612</v>
      </c>
      <c r="EP15" s="276">
        <v>680</v>
      </c>
      <c r="EQ15" s="280">
        <v>981</v>
      </c>
      <c r="ER15" s="277">
        <v>1661</v>
      </c>
      <c r="ES15" s="279">
        <v>0</v>
      </c>
      <c r="ET15" s="280">
        <v>1476</v>
      </c>
      <c r="EU15" s="280">
        <v>1255</v>
      </c>
      <c r="EV15" s="280">
        <v>781</v>
      </c>
      <c r="EW15" s="280">
        <v>628</v>
      </c>
      <c r="EX15" s="280">
        <v>336</v>
      </c>
      <c r="EY15" s="277">
        <v>4476</v>
      </c>
      <c r="EZ15" s="282">
        <v>6137</v>
      </c>
    </row>
    <row r="16" spans="2:156" ht="21" customHeight="1" x14ac:dyDescent="0.2">
      <c r="B16" s="261" t="s">
        <v>13</v>
      </c>
      <c r="C16" s="276">
        <v>0</v>
      </c>
      <c r="D16" s="280">
        <v>0</v>
      </c>
      <c r="E16" s="384">
        <v>0</v>
      </c>
      <c r="F16" s="279">
        <v>0</v>
      </c>
      <c r="G16" s="280">
        <v>227</v>
      </c>
      <c r="H16" s="280">
        <v>213</v>
      </c>
      <c r="I16" s="280">
        <v>130</v>
      </c>
      <c r="J16" s="280">
        <v>120</v>
      </c>
      <c r="K16" s="280">
        <v>99</v>
      </c>
      <c r="L16" s="281">
        <v>789</v>
      </c>
      <c r="M16" s="282">
        <v>789</v>
      </c>
      <c r="N16" s="276">
        <v>0</v>
      </c>
      <c r="O16" s="280">
        <v>0</v>
      </c>
      <c r="P16" s="277">
        <v>0</v>
      </c>
      <c r="Q16" s="279">
        <v>0</v>
      </c>
      <c r="R16" s="280">
        <v>2</v>
      </c>
      <c r="S16" s="280">
        <v>3</v>
      </c>
      <c r="T16" s="280">
        <v>5</v>
      </c>
      <c r="U16" s="280">
        <v>14</v>
      </c>
      <c r="V16" s="280">
        <v>32</v>
      </c>
      <c r="W16" s="277">
        <v>56</v>
      </c>
      <c r="X16" s="282">
        <v>56</v>
      </c>
      <c r="Y16" s="276">
        <v>10</v>
      </c>
      <c r="Z16" s="280">
        <v>20</v>
      </c>
      <c r="AA16" s="277">
        <v>30</v>
      </c>
      <c r="AB16" s="279">
        <v>0</v>
      </c>
      <c r="AC16" s="280">
        <v>116</v>
      </c>
      <c r="AD16" s="280">
        <v>131</v>
      </c>
      <c r="AE16" s="280">
        <v>86</v>
      </c>
      <c r="AF16" s="280">
        <v>89</v>
      </c>
      <c r="AG16" s="280">
        <v>72</v>
      </c>
      <c r="AH16" s="277">
        <v>494</v>
      </c>
      <c r="AI16" s="282">
        <v>524</v>
      </c>
      <c r="AJ16" s="276">
        <v>2</v>
      </c>
      <c r="AK16" s="280">
        <v>8</v>
      </c>
      <c r="AL16" s="277">
        <v>10</v>
      </c>
      <c r="AM16" s="279">
        <v>0</v>
      </c>
      <c r="AN16" s="280">
        <v>20</v>
      </c>
      <c r="AO16" s="280">
        <v>19</v>
      </c>
      <c r="AP16" s="280">
        <v>12</v>
      </c>
      <c r="AQ16" s="280">
        <v>16</v>
      </c>
      <c r="AR16" s="280">
        <v>10</v>
      </c>
      <c r="AS16" s="277">
        <v>77</v>
      </c>
      <c r="AT16" s="282">
        <v>87</v>
      </c>
      <c r="AU16" s="276">
        <v>31</v>
      </c>
      <c r="AV16" s="280">
        <v>29</v>
      </c>
      <c r="AW16" s="277">
        <v>60</v>
      </c>
      <c r="AX16" s="279">
        <v>0</v>
      </c>
      <c r="AY16" s="280">
        <v>173</v>
      </c>
      <c r="AZ16" s="280">
        <v>193</v>
      </c>
      <c r="BA16" s="280">
        <v>173</v>
      </c>
      <c r="BB16" s="280">
        <v>186</v>
      </c>
      <c r="BC16" s="280">
        <v>155</v>
      </c>
      <c r="BD16" s="281">
        <v>880</v>
      </c>
      <c r="BE16" s="282">
        <v>940</v>
      </c>
      <c r="BF16" s="276">
        <v>0</v>
      </c>
      <c r="BG16" s="280">
        <v>0</v>
      </c>
      <c r="BH16" s="277">
        <v>0</v>
      </c>
      <c r="BI16" s="279">
        <v>0</v>
      </c>
      <c r="BJ16" s="280">
        <v>185</v>
      </c>
      <c r="BK16" s="280">
        <v>168</v>
      </c>
      <c r="BL16" s="280">
        <v>107</v>
      </c>
      <c r="BM16" s="280">
        <v>67</v>
      </c>
      <c r="BN16" s="280">
        <v>30</v>
      </c>
      <c r="BO16" s="277">
        <v>557</v>
      </c>
      <c r="BP16" s="282">
        <v>557</v>
      </c>
      <c r="BQ16" s="276">
        <v>13</v>
      </c>
      <c r="BR16" s="280">
        <v>22</v>
      </c>
      <c r="BS16" s="277">
        <v>35</v>
      </c>
      <c r="BT16" s="279">
        <v>0</v>
      </c>
      <c r="BU16" s="280">
        <v>32</v>
      </c>
      <c r="BV16" s="280">
        <v>39</v>
      </c>
      <c r="BW16" s="280">
        <v>22</v>
      </c>
      <c r="BX16" s="280">
        <v>24</v>
      </c>
      <c r="BY16" s="280">
        <v>9</v>
      </c>
      <c r="BZ16" s="277">
        <v>126</v>
      </c>
      <c r="CA16" s="282">
        <v>161</v>
      </c>
      <c r="CB16" s="276">
        <v>0</v>
      </c>
      <c r="CC16" s="280">
        <v>1</v>
      </c>
      <c r="CD16" s="277">
        <v>1</v>
      </c>
      <c r="CE16" s="279">
        <v>0</v>
      </c>
      <c r="CF16" s="280">
        <v>15</v>
      </c>
      <c r="CG16" s="280">
        <v>24</v>
      </c>
      <c r="CH16" s="280">
        <v>35</v>
      </c>
      <c r="CI16" s="280">
        <v>36</v>
      </c>
      <c r="CJ16" s="280">
        <v>18</v>
      </c>
      <c r="CK16" s="277">
        <v>128</v>
      </c>
      <c r="CL16" s="282">
        <v>129</v>
      </c>
      <c r="CM16" s="276">
        <v>0</v>
      </c>
      <c r="CN16" s="280">
        <v>0</v>
      </c>
      <c r="CO16" s="277">
        <v>0</v>
      </c>
      <c r="CP16" s="279">
        <v>0</v>
      </c>
      <c r="CQ16" s="280">
        <v>2</v>
      </c>
      <c r="CR16" s="280">
        <v>4</v>
      </c>
      <c r="CS16" s="280">
        <v>6</v>
      </c>
      <c r="CT16" s="280">
        <v>7</v>
      </c>
      <c r="CU16" s="280">
        <v>2</v>
      </c>
      <c r="CV16" s="277">
        <v>21</v>
      </c>
      <c r="CW16" s="282">
        <v>21</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68</v>
      </c>
      <c r="DU16" s="280">
        <v>158</v>
      </c>
      <c r="DV16" s="277">
        <v>226</v>
      </c>
      <c r="DW16" s="279">
        <v>0</v>
      </c>
      <c r="DX16" s="280">
        <v>266</v>
      </c>
      <c r="DY16" s="280">
        <v>375</v>
      </c>
      <c r="DZ16" s="280">
        <v>245</v>
      </c>
      <c r="EA16" s="280">
        <v>216</v>
      </c>
      <c r="EB16" s="280">
        <v>134</v>
      </c>
      <c r="EC16" s="277">
        <v>1236</v>
      </c>
      <c r="ED16" s="282">
        <v>1462</v>
      </c>
      <c r="EE16" s="276">
        <v>23</v>
      </c>
      <c r="EF16" s="280">
        <v>13</v>
      </c>
      <c r="EG16" s="277">
        <v>36</v>
      </c>
      <c r="EH16" s="279">
        <v>0</v>
      </c>
      <c r="EI16" s="280">
        <v>81</v>
      </c>
      <c r="EJ16" s="280">
        <v>63</v>
      </c>
      <c r="EK16" s="280">
        <v>61</v>
      </c>
      <c r="EL16" s="280">
        <v>65</v>
      </c>
      <c r="EM16" s="280">
        <v>47</v>
      </c>
      <c r="EN16" s="277">
        <v>317</v>
      </c>
      <c r="EO16" s="282">
        <v>353</v>
      </c>
      <c r="EP16" s="276">
        <v>86</v>
      </c>
      <c r="EQ16" s="280">
        <v>186</v>
      </c>
      <c r="ER16" s="277">
        <v>272</v>
      </c>
      <c r="ES16" s="279">
        <v>0</v>
      </c>
      <c r="ET16" s="280">
        <v>561</v>
      </c>
      <c r="EU16" s="280">
        <v>524</v>
      </c>
      <c r="EV16" s="280">
        <v>309</v>
      </c>
      <c r="EW16" s="280">
        <v>240</v>
      </c>
      <c r="EX16" s="280">
        <v>146</v>
      </c>
      <c r="EY16" s="277">
        <v>1780</v>
      </c>
      <c r="EZ16" s="282">
        <v>2052</v>
      </c>
    </row>
    <row r="17" spans="2:156" ht="21" customHeight="1" x14ac:dyDescent="0.2">
      <c r="B17" s="261" t="s">
        <v>15</v>
      </c>
      <c r="C17" s="276">
        <v>0</v>
      </c>
      <c r="D17" s="280">
        <v>0</v>
      </c>
      <c r="E17" s="384">
        <v>0</v>
      </c>
      <c r="F17" s="279">
        <v>0</v>
      </c>
      <c r="G17" s="280">
        <v>114</v>
      </c>
      <c r="H17" s="280">
        <v>161</v>
      </c>
      <c r="I17" s="280">
        <v>79</v>
      </c>
      <c r="J17" s="280">
        <v>53</v>
      </c>
      <c r="K17" s="280">
        <v>43</v>
      </c>
      <c r="L17" s="281">
        <v>450</v>
      </c>
      <c r="M17" s="282">
        <v>450</v>
      </c>
      <c r="N17" s="276">
        <v>0</v>
      </c>
      <c r="O17" s="280">
        <v>0</v>
      </c>
      <c r="P17" s="277">
        <v>0</v>
      </c>
      <c r="Q17" s="279">
        <v>0</v>
      </c>
      <c r="R17" s="280">
        <v>0</v>
      </c>
      <c r="S17" s="280">
        <v>2</v>
      </c>
      <c r="T17" s="280">
        <v>12</v>
      </c>
      <c r="U17" s="280">
        <v>21</v>
      </c>
      <c r="V17" s="280">
        <v>26</v>
      </c>
      <c r="W17" s="277">
        <v>61</v>
      </c>
      <c r="X17" s="282">
        <v>61</v>
      </c>
      <c r="Y17" s="276">
        <v>1</v>
      </c>
      <c r="Z17" s="280">
        <v>14</v>
      </c>
      <c r="AA17" s="277">
        <v>15</v>
      </c>
      <c r="AB17" s="279">
        <v>0</v>
      </c>
      <c r="AC17" s="280">
        <v>43</v>
      </c>
      <c r="AD17" s="280">
        <v>76</v>
      </c>
      <c r="AE17" s="280">
        <v>50</v>
      </c>
      <c r="AF17" s="280">
        <v>45</v>
      </c>
      <c r="AG17" s="280">
        <v>39</v>
      </c>
      <c r="AH17" s="277">
        <v>253</v>
      </c>
      <c r="AI17" s="282">
        <v>268</v>
      </c>
      <c r="AJ17" s="276">
        <v>0</v>
      </c>
      <c r="AK17" s="280">
        <v>0</v>
      </c>
      <c r="AL17" s="277">
        <v>0</v>
      </c>
      <c r="AM17" s="279">
        <v>0</v>
      </c>
      <c r="AN17" s="280">
        <v>9</v>
      </c>
      <c r="AO17" s="280">
        <v>16</v>
      </c>
      <c r="AP17" s="280">
        <v>4</v>
      </c>
      <c r="AQ17" s="280">
        <v>3</v>
      </c>
      <c r="AR17" s="280">
        <v>4</v>
      </c>
      <c r="AS17" s="277">
        <v>36</v>
      </c>
      <c r="AT17" s="282">
        <v>36</v>
      </c>
      <c r="AU17" s="276">
        <v>9</v>
      </c>
      <c r="AV17" s="280">
        <v>12</v>
      </c>
      <c r="AW17" s="277">
        <v>21</v>
      </c>
      <c r="AX17" s="279">
        <v>0</v>
      </c>
      <c r="AY17" s="280">
        <v>110</v>
      </c>
      <c r="AZ17" s="280">
        <v>111</v>
      </c>
      <c r="BA17" s="280">
        <v>103</v>
      </c>
      <c r="BB17" s="280">
        <v>94</v>
      </c>
      <c r="BC17" s="280">
        <v>71</v>
      </c>
      <c r="BD17" s="281">
        <v>489</v>
      </c>
      <c r="BE17" s="282">
        <v>510</v>
      </c>
      <c r="BF17" s="276">
        <v>0</v>
      </c>
      <c r="BG17" s="280">
        <v>0</v>
      </c>
      <c r="BH17" s="277">
        <v>0</v>
      </c>
      <c r="BI17" s="279">
        <v>0</v>
      </c>
      <c r="BJ17" s="280">
        <v>120</v>
      </c>
      <c r="BK17" s="280">
        <v>130</v>
      </c>
      <c r="BL17" s="280">
        <v>52</v>
      </c>
      <c r="BM17" s="280">
        <v>30</v>
      </c>
      <c r="BN17" s="280">
        <v>12</v>
      </c>
      <c r="BO17" s="277">
        <v>344</v>
      </c>
      <c r="BP17" s="282">
        <v>344</v>
      </c>
      <c r="BQ17" s="276">
        <v>0</v>
      </c>
      <c r="BR17" s="280">
        <v>6</v>
      </c>
      <c r="BS17" s="277">
        <v>6</v>
      </c>
      <c r="BT17" s="279">
        <v>0</v>
      </c>
      <c r="BU17" s="280">
        <v>34</v>
      </c>
      <c r="BV17" s="280">
        <v>35</v>
      </c>
      <c r="BW17" s="280">
        <v>24</v>
      </c>
      <c r="BX17" s="280">
        <v>15</v>
      </c>
      <c r="BY17" s="280">
        <v>5</v>
      </c>
      <c r="BZ17" s="277">
        <v>113</v>
      </c>
      <c r="CA17" s="282">
        <v>119</v>
      </c>
      <c r="CB17" s="276">
        <v>0</v>
      </c>
      <c r="CC17" s="280">
        <v>3</v>
      </c>
      <c r="CD17" s="277">
        <v>3</v>
      </c>
      <c r="CE17" s="279">
        <v>0</v>
      </c>
      <c r="CF17" s="280">
        <v>8</v>
      </c>
      <c r="CG17" s="280">
        <v>33</v>
      </c>
      <c r="CH17" s="280">
        <v>47</v>
      </c>
      <c r="CI17" s="280">
        <v>46</v>
      </c>
      <c r="CJ17" s="280">
        <v>18</v>
      </c>
      <c r="CK17" s="277">
        <v>152</v>
      </c>
      <c r="CL17" s="282">
        <v>155</v>
      </c>
      <c r="CM17" s="276">
        <v>0</v>
      </c>
      <c r="CN17" s="280">
        <v>0</v>
      </c>
      <c r="CO17" s="277">
        <v>0</v>
      </c>
      <c r="CP17" s="279">
        <v>0</v>
      </c>
      <c r="CQ17" s="280">
        <v>1</v>
      </c>
      <c r="CR17" s="280">
        <v>1</v>
      </c>
      <c r="CS17" s="280">
        <v>0</v>
      </c>
      <c r="CT17" s="280">
        <v>1</v>
      </c>
      <c r="CU17" s="280">
        <v>0</v>
      </c>
      <c r="CV17" s="277">
        <v>3</v>
      </c>
      <c r="CW17" s="282">
        <v>3</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69</v>
      </c>
      <c r="DU17" s="280">
        <v>158</v>
      </c>
      <c r="DV17" s="277">
        <v>227</v>
      </c>
      <c r="DW17" s="279">
        <v>0</v>
      </c>
      <c r="DX17" s="280">
        <v>211</v>
      </c>
      <c r="DY17" s="280">
        <v>365</v>
      </c>
      <c r="DZ17" s="280">
        <v>181</v>
      </c>
      <c r="EA17" s="280">
        <v>127</v>
      </c>
      <c r="EB17" s="280">
        <v>78</v>
      </c>
      <c r="EC17" s="277">
        <v>962</v>
      </c>
      <c r="ED17" s="282">
        <v>1189</v>
      </c>
      <c r="EE17" s="276">
        <v>18</v>
      </c>
      <c r="EF17" s="280">
        <v>11</v>
      </c>
      <c r="EG17" s="277">
        <v>29</v>
      </c>
      <c r="EH17" s="279">
        <v>0</v>
      </c>
      <c r="EI17" s="280">
        <v>57</v>
      </c>
      <c r="EJ17" s="280">
        <v>35</v>
      </c>
      <c r="EK17" s="280">
        <v>29</v>
      </c>
      <c r="EL17" s="280">
        <v>40</v>
      </c>
      <c r="EM17" s="280">
        <v>17</v>
      </c>
      <c r="EN17" s="277">
        <v>178</v>
      </c>
      <c r="EO17" s="282">
        <v>207</v>
      </c>
      <c r="EP17" s="276">
        <v>69</v>
      </c>
      <c r="EQ17" s="280">
        <v>164</v>
      </c>
      <c r="ER17" s="277">
        <v>233</v>
      </c>
      <c r="ES17" s="279">
        <v>0</v>
      </c>
      <c r="ET17" s="280">
        <v>402</v>
      </c>
      <c r="EU17" s="280">
        <v>489</v>
      </c>
      <c r="EV17" s="280">
        <v>226</v>
      </c>
      <c r="EW17" s="280">
        <v>157</v>
      </c>
      <c r="EX17" s="280">
        <v>85</v>
      </c>
      <c r="EY17" s="277">
        <v>1359</v>
      </c>
      <c r="EZ17" s="282">
        <v>1592</v>
      </c>
    </row>
    <row r="18" spans="2:156" ht="21" customHeight="1" x14ac:dyDescent="0.2">
      <c r="B18" s="261" t="s">
        <v>16</v>
      </c>
      <c r="C18" s="276">
        <v>0</v>
      </c>
      <c r="D18" s="280">
        <v>0</v>
      </c>
      <c r="E18" s="384">
        <v>0</v>
      </c>
      <c r="F18" s="279">
        <v>0</v>
      </c>
      <c r="G18" s="280">
        <v>217</v>
      </c>
      <c r="H18" s="280">
        <v>307</v>
      </c>
      <c r="I18" s="280">
        <v>163</v>
      </c>
      <c r="J18" s="280">
        <v>140</v>
      </c>
      <c r="K18" s="280">
        <v>91</v>
      </c>
      <c r="L18" s="281">
        <v>918</v>
      </c>
      <c r="M18" s="282">
        <v>918</v>
      </c>
      <c r="N18" s="276">
        <v>0</v>
      </c>
      <c r="O18" s="280">
        <v>0</v>
      </c>
      <c r="P18" s="277">
        <v>0</v>
      </c>
      <c r="Q18" s="279">
        <v>0</v>
      </c>
      <c r="R18" s="280">
        <v>3</v>
      </c>
      <c r="S18" s="280">
        <v>8</v>
      </c>
      <c r="T18" s="280">
        <v>13</v>
      </c>
      <c r="U18" s="280">
        <v>26</v>
      </c>
      <c r="V18" s="280">
        <v>48</v>
      </c>
      <c r="W18" s="277">
        <v>98</v>
      </c>
      <c r="X18" s="282">
        <v>98</v>
      </c>
      <c r="Y18" s="276">
        <v>35</v>
      </c>
      <c r="Z18" s="280">
        <v>52</v>
      </c>
      <c r="AA18" s="277">
        <v>87</v>
      </c>
      <c r="AB18" s="279">
        <v>0</v>
      </c>
      <c r="AC18" s="280">
        <v>175</v>
      </c>
      <c r="AD18" s="280">
        <v>301</v>
      </c>
      <c r="AE18" s="280">
        <v>175</v>
      </c>
      <c r="AF18" s="280">
        <v>163</v>
      </c>
      <c r="AG18" s="280">
        <v>114</v>
      </c>
      <c r="AH18" s="277">
        <v>928</v>
      </c>
      <c r="AI18" s="282">
        <v>1015</v>
      </c>
      <c r="AJ18" s="276">
        <v>1</v>
      </c>
      <c r="AK18" s="280">
        <v>8</v>
      </c>
      <c r="AL18" s="277">
        <v>9</v>
      </c>
      <c r="AM18" s="279">
        <v>0</v>
      </c>
      <c r="AN18" s="280">
        <v>8</v>
      </c>
      <c r="AO18" s="280">
        <v>30</v>
      </c>
      <c r="AP18" s="280">
        <v>12</v>
      </c>
      <c r="AQ18" s="280">
        <v>8</v>
      </c>
      <c r="AR18" s="280">
        <v>10</v>
      </c>
      <c r="AS18" s="277">
        <v>68</v>
      </c>
      <c r="AT18" s="282">
        <v>77</v>
      </c>
      <c r="AU18" s="276">
        <v>45</v>
      </c>
      <c r="AV18" s="280">
        <v>33</v>
      </c>
      <c r="AW18" s="277">
        <v>78</v>
      </c>
      <c r="AX18" s="279">
        <v>0</v>
      </c>
      <c r="AY18" s="280">
        <v>209</v>
      </c>
      <c r="AZ18" s="280">
        <v>297</v>
      </c>
      <c r="BA18" s="280">
        <v>265</v>
      </c>
      <c r="BB18" s="280">
        <v>287</v>
      </c>
      <c r="BC18" s="280">
        <v>228</v>
      </c>
      <c r="BD18" s="281">
        <v>1286</v>
      </c>
      <c r="BE18" s="282">
        <v>1364</v>
      </c>
      <c r="BF18" s="276">
        <v>0</v>
      </c>
      <c r="BG18" s="280">
        <v>0</v>
      </c>
      <c r="BH18" s="277">
        <v>0</v>
      </c>
      <c r="BI18" s="279">
        <v>0</v>
      </c>
      <c r="BJ18" s="280">
        <v>315</v>
      </c>
      <c r="BK18" s="280">
        <v>441</v>
      </c>
      <c r="BL18" s="280">
        <v>216</v>
      </c>
      <c r="BM18" s="280">
        <v>151</v>
      </c>
      <c r="BN18" s="280">
        <v>84</v>
      </c>
      <c r="BO18" s="277">
        <v>1207</v>
      </c>
      <c r="BP18" s="282">
        <v>1207</v>
      </c>
      <c r="BQ18" s="276">
        <v>44</v>
      </c>
      <c r="BR18" s="280">
        <v>89</v>
      </c>
      <c r="BS18" s="277">
        <v>133</v>
      </c>
      <c r="BT18" s="279">
        <v>0</v>
      </c>
      <c r="BU18" s="280">
        <v>188</v>
      </c>
      <c r="BV18" s="280">
        <v>258</v>
      </c>
      <c r="BW18" s="280">
        <v>111</v>
      </c>
      <c r="BX18" s="280">
        <v>55</v>
      </c>
      <c r="BY18" s="280">
        <v>17</v>
      </c>
      <c r="BZ18" s="277">
        <v>629</v>
      </c>
      <c r="CA18" s="282">
        <v>762</v>
      </c>
      <c r="CB18" s="276">
        <v>0</v>
      </c>
      <c r="CC18" s="280">
        <v>4</v>
      </c>
      <c r="CD18" s="277">
        <v>4</v>
      </c>
      <c r="CE18" s="279">
        <v>0</v>
      </c>
      <c r="CF18" s="280">
        <v>35</v>
      </c>
      <c r="CG18" s="280">
        <v>74</v>
      </c>
      <c r="CH18" s="280">
        <v>89</v>
      </c>
      <c r="CI18" s="280">
        <v>50</v>
      </c>
      <c r="CJ18" s="280">
        <v>23</v>
      </c>
      <c r="CK18" s="277">
        <v>271</v>
      </c>
      <c r="CL18" s="282">
        <v>275</v>
      </c>
      <c r="CM18" s="276">
        <v>0</v>
      </c>
      <c r="CN18" s="280">
        <v>0</v>
      </c>
      <c r="CO18" s="277">
        <v>0</v>
      </c>
      <c r="CP18" s="279">
        <v>0</v>
      </c>
      <c r="CQ18" s="280">
        <v>1</v>
      </c>
      <c r="CR18" s="280">
        <v>6</v>
      </c>
      <c r="CS18" s="280">
        <v>11</v>
      </c>
      <c r="CT18" s="280">
        <v>9</v>
      </c>
      <c r="CU18" s="280">
        <v>2</v>
      </c>
      <c r="CV18" s="277">
        <v>29</v>
      </c>
      <c r="CW18" s="282">
        <v>29</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61</v>
      </c>
      <c r="DU18" s="280">
        <v>306</v>
      </c>
      <c r="DV18" s="277">
        <v>467</v>
      </c>
      <c r="DW18" s="279">
        <v>0</v>
      </c>
      <c r="DX18" s="280">
        <v>429</v>
      </c>
      <c r="DY18" s="280">
        <v>861</v>
      </c>
      <c r="DZ18" s="280">
        <v>455</v>
      </c>
      <c r="EA18" s="280">
        <v>354</v>
      </c>
      <c r="EB18" s="280">
        <v>222</v>
      </c>
      <c r="EC18" s="277">
        <v>2321</v>
      </c>
      <c r="ED18" s="282">
        <v>2788</v>
      </c>
      <c r="EE18" s="276">
        <v>21</v>
      </c>
      <c r="EF18" s="280">
        <v>20</v>
      </c>
      <c r="EG18" s="277">
        <v>41</v>
      </c>
      <c r="EH18" s="279">
        <v>0</v>
      </c>
      <c r="EI18" s="280">
        <v>96</v>
      </c>
      <c r="EJ18" s="280">
        <v>90</v>
      </c>
      <c r="EK18" s="280">
        <v>86</v>
      </c>
      <c r="EL18" s="280">
        <v>118</v>
      </c>
      <c r="EM18" s="280">
        <v>79</v>
      </c>
      <c r="EN18" s="277">
        <v>469</v>
      </c>
      <c r="EO18" s="282">
        <v>510</v>
      </c>
      <c r="EP18" s="276">
        <v>211</v>
      </c>
      <c r="EQ18" s="280">
        <v>388</v>
      </c>
      <c r="ER18" s="277">
        <v>599</v>
      </c>
      <c r="ES18" s="279">
        <v>0</v>
      </c>
      <c r="ET18" s="280">
        <v>885</v>
      </c>
      <c r="EU18" s="280">
        <v>1177</v>
      </c>
      <c r="EV18" s="280">
        <v>572</v>
      </c>
      <c r="EW18" s="280">
        <v>385</v>
      </c>
      <c r="EX18" s="280">
        <v>217</v>
      </c>
      <c r="EY18" s="277">
        <v>3236</v>
      </c>
      <c r="EZ18" s="282">
        <v>3835</v>
      </c>
    </row>
    <row r="19" spans="2:156" ht="21" customHeight="1" x14ac:dyDescent="0.2">
      <c r="B19" s="261" t="s">
        <v>17</v>
      </c>
      <c r="C19" s="276">
        <v>0</v>
      </c>
      <c r="D19" s="280">
        <v>0</v>
      </c>
      <c r="E19" s="384">
        <v>0</v>
      </c>
      <c r="F19" s="279">
        <v>0</v>
      </c>
      <c r="G19" s="280">
        <v>237</v>
      </c>
      <c r="H19" s="280">
        <v>448</v>
      </c>
      <c r="I19" s="280">
        <v>272</v>
      </c>
      <c r="J19" s="280">
        <v>220</v>
      </c>
      <c r="K19" s="280">
        <v>172</v>
      </c>
      <c r="L19" s="281">
        <v>1349</v>
      </c>
      <c r="M19" s="282">
        <v>1349</v>
      </c>
      <c r="N19" s="276">
        <v>0</v>
      </c>
      <c r="O19" s="280">
        <v>1</v>
      </c>
      <c r="P19" s="277">
        <v>1</v>
      </c>
      <c r="Q19" s="279">
        <v>0</v>
      </c>
      <c r="R19" s="280">
        <v>2</v>
      </c>
      <c r="S19" s="280">
        <v>11</v>
      </c>
      <c r="T19" s="280">
        <v>19</v>
      </c>
      <c r="U19" s="280">
        <v>41</v>
      </c>
      <c r="V19" s="280">
        <v>84</v>
      </c>
      <c r="W19" s="277">
        <v>157</v>
      </c>
      <c r="X19" s="282">
        <v>158</v>
      </c>
      <c r="Y19" s="276">
        <v>30</v>
      </c>
      <c r="Z19" s="280">
        <v>95</v>
      </c>
      <c r="AA19" s="277">
        <v>125</v>
      </c>
      <c r="AB19" s="279">
        <v>0</v>
      </c>
      <c r="AC19" s="280">
        <v>169</v>
      </c>
      <c r="AD19" s="280">
        <v>310</v>
      </c>
      <c r="AE19" s="280">
        <v>226</v>
      </c>
      <c r="AF19" s="280">
        <v>173</v>
      </c>
      <c r="AG19" s="280">
        <v>160</v>
      </c>
      <c r="AH19" s="277">
        <v>1038</v>
      </c>
      <c r="AI19" s="282">
        <v>1163</v>
      </c>
      <c r="AJ19" s="276">
        <v>5</v>
      </c>
      <c r="AK19" s="280">
        <v>12</v>
      </c>
      <c r="AL19" s="277">
        <v>17</v>
      </c>
      <c r="AM19" s="279">
        <v>0</v>
      </c>
      <c r="AN19" s="280">
        <v>5</v>
      </c>
      <c r="AO19" s="280">
        <v>34</v>
      </c>
      <c r="AP19" s="280">
        <v>25</v>
      </c>
      <c r="AQ19" s="280">
        <v>21</v>
      </c>
      <c r="AR19" s="280">
        <v>14</v>
      </c>
      <c r="AS19" s="277">
        <v>99</v>
      </c>
      <c r="AT19" s="282">
        <v>116</v>
      </c>
      <c r="AU19" s="276">
        <v>40</v>
      </c>
      <c r="AV19" s="280">
        <v>54</v>
      </c>
      <c r="AW19" s="277">
        <v>94</v>
      </c>
      <c r="AX19" s="279">
        <v>0</v>
      </c>
      <c r="AY19" s="280">
        <v>258</v>
      </c>
      <c r="AZ19" s="280">
        <v>435</v>
      </c>
      <c r="BA19" s="280">
        <v>375</v>
      </c>
      <c r="BB19" s="280">
        <v>401</v>
      </c>
      <c r="BC19" s="280">
        <v>330</v>
      </c>
      <c r="BD19" s="281">
        <v>1799</v>
      </c>
      <c r="BE19" s="282">
        <v>1893</v>
      </c>
      <c r="BF19" s="276">
        <v>0</v>
      </c>
      <c r="BG19" s="280">
        <v>1</v>
      </c>
      <c r="BH19" s="277">
        <v>1</v>
      </c>
      <c r="BI19" s="279">
        <v>0</v>
      </c>
      <c r="BJ19" s="280">
        <v>343</v>
      </c>
      <c r="BK19" s="280">
        <v>518</v>
      </c>
      <c r="BL19" s="280">
        <v>302</v>
      </c>
      <c r="BM19" s="280">
        <v>155</v>
      </c>
      <c r="BN19" s="280">
        <v>93</v>
      </c>
      <c r="BO19" s="277">
        <v>1411</v>
      </c>
      <c r="BP19" s="282">
        <v>1412</v>
      </c>
      <c r="BQ19" s="276">
        <v>39</v>
      </c>
      <c r="BR19" s="280">
        <v>81</v>
      </c>
      <c r="BS19" s="277">
        <v>120</v>
      </c>
      <c r="BT19" s="279">
        <v>0</v>
      </c>
      <c r="BU19" s="280">
        <v>65</v>
      </c>
      <c r="BV19" s="280">
        <v>188</v>
      </c>
      <c r="BW19" s="280">
        <v>94</v>
      </c>
      <c r="BX19" s="280">
        <v>42</v>
      </c>
      <c r="BY19" s="280">
        <v>25</v>
      </c>
      <c r="BZ19" s="277">
        <v>414</v>
      </c>
      <c r="CA19" s="282">
        <v>534</v>
      </c>
      <c r="CB19" s="276">
        <v>0</v>
      </c>
      <c r="CC19" s="280">
        <v>3</v>
      </c>
      <c r="CD19" s="277">
        <v>3</v>
      </c>
      <c r="CE19" s="279">
        <v>0</v>
      </c>
      <c r="CF19" s="280">
        <v>41</v>
      </c>
      <c r="CG19" s="280">
        <v>82</v>
      </c>
      <c r="CH19" s="280">
        <v>107</v>
      </c>
      <c r="CI19" s="280">
        <v>70</v>
      </c>
      <c r="CJ19" s="280">
        <v>48</v>
      </c>
      <c r="CK19" s="277">
        <v>348</v>
      </c>
      <c r="CL19" s="282">
        <v>351</v>
      </c>
      <c r="CM19" s="276">
        <v>0</v>
      </c>
      <c r="CN19" s="280">
        <v>0</v>
      </c>
      <c r="CO19" s="277">
        <v>0</v>
      </c>
      <c r="CP19" s="279">
        <v>0</v>
      </c>
      <c r="CQ19" s="280">
        <v>4</v>
      </c>
      <c r="CR19" s="280">
        <v>9</v>
      </c>
      <c r="CS19" s="280">
        <v>14</v>
      </c>
      <c r="CT19" s="280">
        <v>11</v>
      </c>
      <c r="CU19" s="280">
        <v>9</v>
      </c>
      <c r="CV19" s="277">
        <v>47</v>
      </c>
      <c r="CW19" s="282">
        <v>47</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91</v>
      </c>
      <c r="DU19" s="280">
        <v>473</v>
      </c>
      <c r="DV19" s="277">
        <v>664</v>
      </c>
      <c r="DW19" s="279">
        <v>0</v>
      </c>
      <c r="DX19" s="280">
        <v>413</v>
      </c>
      <c r="DY19" s="280">
        <v>1120</v>
      </c>
      <c r="DZ19" s="280">
        <v>690</v>
      </c>
      <c r="EA19" s="280">
        <v>524</v>
      </c>
      <c r="EB19" s="280">
        <v>365</v>
      </c>
      <c r="EC19" s="277">
        <v>3112</v>
      </c>
      <c r="ED19" s="282">
        <v>3776</v>
      </c>
      <c r="EE19" s="276">
        <v>31</v>
      </c>
      <c r="EF19" s="280">
        <v>31</v>
      </c>
      <c r="EG19" s="277">
        <v>62</v>
      </c>
      <c r="EH19" s="279">
        <v>0</v>
      </c>
      <c r="EI19" s="280">
        <v>90</v>
      </c>
      <c r="EJ19" s="280">
        <v>119</v>
      </c>
      <c r="EK19" s="280">
        <v>78</v>
      </c>
      <c r="EL19" s="280">
        <v>103</v>
      </c>
      <c r="EM19" s="280">
        <v>62</v>
      </c>
      <c r="EN19" s="277">
        <v>452</v>
      </c>
      <c r="EO19" s="282">
        <v>514</v>
      </c>
      <c r="EP19" s="276">
        <v>251</v>
      </c>
      <c r="EQ19" s="280">
        <v>566</v>
      </c>
      <c r="ER19" s="277">
        <v>817</v>
      </c>
      <c r="ES19" s="279">
        <v>0</v>
      </c>
      <c r="ET19" s="280">
        <v>951</v>
      </c>
      <c r="EU19" s="280">
        <v>1473</v>
      </c>
      <c r="EV19" s="280">
        <v>812</v>
      </c>
      <c r="EW19" s="280">
        <v>552</v>
      </c>
      <c r="EX19" s="280">
        <v>373</v>
      </c>
      <c r="EY19" s="277">
        <v>4161</v>
      </c>
      <c r="EZ19" s="282">
        <v>4978</v>
      </c>
    </row>
    <row r="20" spans="2:156" ht="21" customHeight="1" x14ac:dyDescent="0.2">
      <c r="B20" s="261" t="s">
        <v>18</v>
      </c>
      <c r="C20" s="276">
        <v>0</v>
      </c>
      <c r="D20" s="280">
        <v>0</v>
      </c>
      <c r="E20" s="384">
        <v>0</v>
      </c>
      <c r="F20" s="279">
        <v>0</v>
      </c>
      <c r="G20" s="280">
        <v>461</v>
      </c>
      <c r="H20" s="280">
        <v>505</v>
      </c>
      <c r="I20" s="280">
        <v>296</v>
      </c>
      <c r="J20" s="280">
        <v>233</v>
      </c>
      <c r="K20" s="280">
        <v>161</v>
      </c>
      <c r="L20" s="281">
        <v>1656</v>
      </c>
      <c r="M20" s="282">
        <v>1656</v>
      </c>
      <c r="N20" s="276">
        <v>0</v>
      </c>
      <c r="O20" s="280">
        <v>0</v>
      </c>
      <c r="P20" s="277">
        <v>0</v>
      </c>
      <c r="Q20" s="279">
        <v>0</v>
      </c>
      <c r="R20" s="280">
        <v>3</v>
      </c>
      <c r="S20" s="280">
        <v>11</v>
      </c>
      <c r="T20" s="280">
        <v>21</v>
      </c>
      <c r="U20" s="280">
        <v>48</v>
      </c>
      <c r="V20" s="280">
        <v>83</v>
      </c>
      <c r="W20" s="277">
        <v>166</v>
      </c>
      <c r="X20" s="282">
        <v>166</v>
      </c>
      <c r="Y20" s="276">
        <v>37</v>
      </c>
      <c r="Z20" s="280">
        <v>75</v>
      </c>
      <c r="AA20" s="277">
        <v>112</v>
      </c>
      <c r="AB20" s="279">
        <v>0</v>
      </c>
      <c r="AC20" s="280">
        <v>275</v>
      </c>
      <c r="AD20" s="280">
        <v>302</v>
      </c>
      <c r="AE20" s="280">
        <v>207</v>
      </c>
      <c r="AF20" s="280">
        <v>156</v>
      </c>
      <c r="AG20" s="280">
        <v>125</v>
      </c>
      <c r="AH20" s="277">
        <v>1065</v>
      </c>
      <c r="AI20" s="282">
        <v>1177</v>
      </c>
      <c r="AJ20" s="276">
        <v>6</v>
      </c>
      <c r="AK20" s="280">
        <v>11</v>
      </c>
      <c r="AL20" s="277">
        <v>17</v>
      </c>
      <c r="AM20" s="279">
        <v>0</v>
      </c>
      <c r="AN20" s="280">
        <v>29</v>
      </c>
      <c r="AO20" s="280">
        <v>54</v>
      </c>
      <c r="AP20" s="280">
        <v>33</v>
      </c>
      <c r="AQ20" s="280">
        <v>20</v>
      </c>
      <c r="AR20" s="280">
        <v>15</v>
      </c>
      <c r="AS20" s="277">
        <v>151</v>
      </c>
      <c r="AT20" s="282">
        <v>168</v>
      </c>
      <c r="AU20" s="276">
        <v>51</v>
      </c>
      <c r="AV20" s="280">
        <v>73</v>
      </c>
      <c r="AW20" s="277">
        <v>124</v>
      </c>
      <c r="AX20" s="279">
        <v>0</v>
      </c>
      <c r="AY20" s="280">
        <v>425</v>
      </c>
      <c r="AZ20" s="280">
        <v>537</v>
      </c>
      <c r="BA20" s="280">
        <v>500</v>
      </c>
      <c r="BB20" s="280">
        <v>460</v>
      </c>
      <c r="BC20" s="280">
        <v>378</v>
      </c>
      <c r="BD20" s="281">
        <v>2300</v>
      </c>
      <c r="BE20" s="282">
        <v>2424</v>
      </c>
      <c r="BF20" s="276">
        <v>0</v>
      </c>
      <c r="BG20" s="280">
        <v>0</v>
      </c>
      <c r="BH20" s="277">
        <v>0</v>
      </c>
      <c r="BI20" s="279">
        <v>0</v>
      </c>
      <c r="BJ20" s="280">
        <v>687</v>
      </c>
      <c r="BK20" s="280">
        <v>637</v>
      </c>
      <c r="BL20" s="280">
        <v>342</v>
      </c>
      <c r="BM20" s="280">
        <v>203</v>
      </c>
      <c r="BN20" s="280">
        <v>90</v>
      </c>
      <c r="BO20" s="277">
        <v>1959</v>
      </c>
      <c r="BP20" s="282">
        <v>1959</v>
      </c>
      <c r="BQ20" s="276">
        <v>50</v>
      </c>
      <c r="BR20" s="280">
        <v>83</v>
      </c>
      <c r="BS20" s="277">
        <v>133</v>
      </c>
      <c r="BT20" s="279">
        <v>0</v>
      </c>
      <c r="BU20" s="280">
        <v>177</v>
      </c>
      <c r="BV20" s="280">
        <v>189</v>
      </c>
      <c r="BW20" s="280">
        <v>100</v>
      </c>
      <c r="BX20" s="280">
        <v>69</v>
      </c>
      <c r="BY20" s="280">
        <v>23</v>
      </c>
      <c r="BZ20" s="277">
        <v>558</v>
      </c>
      <c r="CA20" s="282">
        <v>691</v>
      </c>
      <c r="CB20" s="276">
        <v>1</v>
      </c>
      <c r="CC20" s="280">
        <v>3</v>
      </c>
      <c r="CD20" s="277">
        <v>4</v>
      </c>
      <c r="CE20" s="279">
        <v>0</v>
      </c>
      <c r="CF20" s="280">
        <v>46</v>
      </c>
      <c r="CG20" s="280">
        <v>94</v>
      </c>
      <c r="CH20" s="280">
        <v>149</v>
      </c>
      <c r="CI20" s="280">
        <v>105</v>
      </c>
      <c r="CJ20" s="280">
        <v>61</v>
      </c>
      <c r="CK20" s="277">
        <v>455</v>
      </c>
      <c r="CL20" s="282">
        <v>459</v>
      </c>
      <c r="CM20" s="276">
        <v>0</v>
      </c>
      <c r="CN20" s="280">
        <v>0</v>
      </c>
      <c r="CO20" s="277">
        <v>0</v>
      </c>
      <c r="CP20" s="279">
        <v>0</v>
      </c>
      <c r="CQ20" s="280">
        <v>3</v>
      </c>
      <c r="CR20" s="280">
        <v>6</v>
      </c>
      <c r="CS20" s="280">
        <v>4</v>
      </c>
      <c r="CT20" s="280">
        <v>1</v>
      </c>
      <c r="CU20" s="280">
        <v>1</v>
      </c>
      <c r="CV20" s="277">
        <v>15</v>
      </c>
      <c r="CW20" s="282">
        <v>15</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222</v>
      </c>
      <c r="DU20" s="280">
        <v>490</v>
      </c>
      <c r="DV20" s="277">
        <v>712</v>
      </c>
      <c r="DW20" s="279">
        <v>0</v>
      </c>
      <c r="DX20" s="280">
        <v>776</v>
      </c>
      <c r="DY20" s="280">
        <v>1099</v>
      </c>
      <c r="DZ20" s="280">
        <v>701</v>
      </c>
      <c r="EA20" s="280">
        <v>522</v>
      </c>
      <c r="EB20" s="280">
        <v>333</v>
      </c>
      <c r="EC20" s="277">
        <v>3431</v>
      </c>
      <c r="ED20" s="282">
        <v>4143</v>
      </c>
      <c r="EE20" s="276">
        <v>26</v>
      </c>
      <c r="EF20" s="280">
        <v>15</v>
      </c>
      <c r="EG20" s="277">
        <v>41</v>
      </c>
      <c r="EH20" s="279">
        <v>0</v>
      </c>
      <c r="EI20" s="280">
        <v>119</v>
      </c>
      <c r="EJ20" s="280">
        <v>120</v>
      </c>
      <c r="EK20" s="280">
        <v>91</v>
      </c>
      <c r="EL20" s="280">
        <v>97</v>
      </c>
      <c r="EM20" s="280">
        <v>71</v>
      </c>
      <c r="EN20" s="277">
        <v>498</v>
      </c>
      <c r="EO20" s="282">
        <v>539</v>
      </c>
      <c r="EP20" s="276">
        <v>297</v>
      </c>
      <c r="EQ20" s="280">
        <v>600</v>
      </c>
      <c r="ER20" s="277">
        <v>897</v>
      </c>
      <c r="ES20" s="279">
        <v>0</v>
      </c>
      <c r="ET20" s="280">
        <v>1599</v>
      </c>
      <c r="EU20" s="280">
        <v>1461</v>
      </c>
      <c r="EV20" s="280">
        <v>849</v>
      </c>
      <c r="EW20" s="280">
        <v>549</v>
      </c>
      <c r="EX20" s="280">
        <v>323</v>
      </c>
      <c r="EY20" s="277">
        <v>4781</v>
      </c>
      <c r="EZ20" s="282">
        <v>5678</v>
      </c>
    </row>
    <row r="21" spans="2:156" ht="21" customHeight="1" x14ac:dyDescent="0.2">
      <c r="B21" s="261" t="s">
        <v>19</v>
      </c>
      <c r="C21" s="276">
        <v>0</v>
      </c>
      <c r="D21" s="280">
        <v>0</v>
      </c>
      <c r="E21" s="384">
        <v>0</v>
      </c>
      <c r="F21" s="279">
        <v>0</v>
      </c>
      <c r="G21" s="280">
        <v>172</v>
      </c>
      <c r="H21" s="280">
        <v>162</v>
      </c>
      <c r="I21" s="280">
        <v>95</v>
      </c>
      <c r="J21" s="280">
        <v>77</v>
      </c>
      <c r="K21" s="280">
        <v>55</v>
      </c>
      <c r="L21" s="281">
        <v>561</v>
      </c>
      <c r="M21" s="282">
        <v>561</v>
      </c>
      <c r="N21" s="276">
        <v>0</v>
      </c>
      <c r="O21" s="280">
        <v>0</v>
      </c>
      <c r="P21" s="277">
        <v>0</v>
      </c>
      <c r="Q21" s="279">
        <v>0</v>
      </c>
      <c r="R21" s="280">
        <v>6</v>
      </c>
      <c r="S21" s="280">
        <v>5</v>
      </c>
      <c r="T21" s="280">
        <v>13</v>
      </c>
      <c r="U21" s="280">
        <v>22</v>
      </c>
      <c r="V21" s="280">
        <v>29</v>
      </c>
      <c r="W21" s="277">
        <v>75</v>
      </c>
      <c r="X21" s="282">
        <v>75</v>
      </c>
      <c r="Y21" s="276">
        <v>32</v>
      </c>
      <c r="Z21" s="280">
        <v>49</v>
      </c>
      <c r="AA21" s="277">
        <v>81</v>
      </c>
      <c r="AB21" s="279">
        <v>0</v>
      </c>
      <c r="AC21" s="280">
        <v>129</v>
      </c>
      <c r="AD21" s="280">
        <v>153</v>
      </c>
      <c r="AE21" s="280">
        <v>98</v>
      </c>
      <c r="AF21" s="280">
        <v>73</v>
      </c>
      <c r="AG21" s="280">
        <v>67</v>
      </c>
      <c r="AH21" s="277">
        <v>520</v>
      </c>
      <c r="AI21" s="282">
        <v>601</v>
      </c>
      <c r="AJ21" s="276">
        <v>0</v>
      </c>
      <c r="AK21" s="280">
        <v>3</v>
      </c>
      <c r="AL21" s="277">
        <v>3</v>
      </c>
      <c r="AM21" s="279">
        <v>0</v>
      </c>
      <c r="AN21" s="280">
        <v>18</v>
      </c>
      <c r="AO21" s="280">
        <v>10</v>
      </c>
      <c r="AP21" s="280">
        <v>10</v>
      </c>
      <c r="AQ21" s="280">
        <v>10</v>
      </c>
      <c r="AR21" s="280">
        <v>4</v>
      </c>
      <c r="AS21" s="277">
        <v>52</v>
      </c>
      <c r="AT21" s="282">
        <v>55</v>
      </c>
      <c r="AU21" s="276">
        <v>38</v>
      </c>
      <c r="AV21" s="280">
        <v>32</v>
      </c>
      <c r="AW21" s="277">
        <v>70</v>
      </c>
      <c r="AX21" s="279">
        <v>0</v>
      </c>
      <c r="AY21" s="280">
        <v>171</v>
      </c>
      <c r="AZ21" s="280">
        <v>218</v>
      </c>
      <c r="BA21" s="280">
        <v>185</v>
      </c>
      <c r="BB21" s="280">
        <v>170</v>
      </c>
      <c r="BC21" s="280">
        <v>145</v>
      </c>
      <c r="BD21" s="281">
        <v>889</v>
      </c>
      <c r="BE21" s="282">
        <v>959</v>
      </c>
      <c r="BF21" s="276">
        <v>0</v>
      </c>
      <c r="BG21" s="280">
        <v>0</v>
      </c>
      <c r="BH21" s="277">
        <v>0</v>
      </c>
      <c r="BI21" s="279">
        <v>0</v>
      </c>
      <c r="BJ21" s="280">
        <v>261</v>
      </c>
      <c r="BK21" s="280">
        <v>231</v>
      </c>
      <c r="BL21" s="280">
        <v>124</v>
      </c>
      <c r="BM21" s="280">
        <v>59</v>
      </c>
      <c r="BN21" s="280">
        <v>41</v>
      </c>
      <c r="BO21" s="277">
        <v>716</v>
      </c>
      <c r="BP21" s="282">
        <v>716</v>
      </c>
      <c r="BQ21" s="276">
        <v>35</v>
      </c>
      <c r="BR21" s="280">
        <v>61</v>
      </c>
      <c r="BS21" s="277">
        <v>96</v>
      </c>
      <c r="BT21" s="279">
        <v>0</v>
      </c>
      <c r="BU21" s="280">
        <v>109</v>
      </c>
      <c r="BV21" s="280">
        <v>101</v>
      </c>
      <c r="BW21" s="280">
        <v>64</v>
      </c>
      <c r="BX21" s="280">
        <v>30</v>
      </c>
      <c r="BY21" s="280">
        <v>14</v>
      </c>
      <c r="BZ21" s="277">
        <v>318</v>
      </c>
      <c r="CA21" s="282">
        <v>414</v>
      </c>
      <c r="CB21" s="276">
        <v>0</v>
      </c>
      <c r="CC21" s="280">
        <v>2</v>
      </c>
      <c r="CD21" s="277">
        <v>2</v>
      </c>
      <c r="CE21" s="279">
        <v>0</v>
      </c>
      <c r="CF21" s="280">
        <v>24</v>
      </c>
      <c r="CG21" s="280">
        <v>47</v>
      </c>
      <c r="CH21" s="280">
        <v>50</v>
      </c>
      <c r="CI21" s="280">
        <v>19</v>
      </c>
      <c r="CJ21" s="280">
        <v>19</v>
      </c>
      <c r="CK21" s="277">
        <v>159</v>
      </c>
      <c r="CL21" s="282">
        <v>161</v>
      </c>
      <c r="CM21" s="276">
        <v>0</v>
      </c>
      <c r="CN21" s="280">
        <v>1</v>
      </c>
      <c r="CO21" s="277">
        <v>1</v>
      </c>
      <c r="CP21" s="279">
        <v>0</v>
      </c>
      <c r="CQ21" s="280">
        <v>5</v>
      </c>
      <c r="CR21" s="280">
        <v>9</v>
      </c>
      <c r="CS21" s="280">
        <v>9</v>
      </c>
      <c r="CT21" s="280">
        <v>12</v>
      </c>
      <c r="CU21" s="280">
        <v>6</v>
      </c>
      <c r="CV21" s="277">
        <v>41</v>
      </c>
      <c r="CW21" s="282">
        <v>42</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118</v>
      </c>
      <c r="DU21" s="280">
        <v>223</v>
      </c>
      <c r="DV21" s="277">
        <v>341</v>
      </c>
      <c r="DW21" s="279">
        <v>0</v>
      </c>
      <c r="DX21" s="280">
        <v>402</v>
      </c>
      <c r="DY21" s="280">
        <v>458</v>
      </c>
      <c r="DZ21" s="280">
        <v>279</v>
      </c>
      <c r="EA21" s="280">
        <v>186</v>
      </c>
      <c r="EB21" s="280">
        <v>140</v>
      </c>
      <c r="EC21" s="277">
        <v>1465</v>
      </c>
      <c r="ED21" s="282">
        <v>1806</v>
      </c>
      <c r="EE21" s="276">
        <v>15</v>
      </c>
      <c r="EF21" s="280">
        <v>14</v>
      </c>
      <c r="EG21" s="277">
        <v>29</v>
      </c>
      <c r="EH21" s="279">
        <v>0</v>
      </c>
      <c r="EI21" s="280">
        <v>69</v>
      </c>
      <c r="EJ21" s="280">
        <v>61</v>
      </c>
      <c r="EK21" s="280">
        <v>49</v>
      </c>
      <c r="EL21" s="280">
        <v>46</v>
      </c>
      <c r="EM21" s="280">
        <v>27</v>
      </c>
      <c r="EN21" s="277">
        <v>252</v>
      </c>
      <c r="EO21" s="282">
        <v>281</v>
      </c>
      <c r="EP21" s="276">
        <v>168</v>
      </c>
      <c r="EQ21" s="280">
        <v>284</v>
      </c>
      <c r="ER21" s="277">
        <v>452</v>
      </c>
      <c r="ES21" s="279">
        <v>0</v>
      </c>
      <c r="ET21" s="280">
        <v>720</v>
      </c>
      <c r="EU21" s="280">
        <v>594</v>
      </c>
      <c r="EV21" s="280">
        <v>308</v>
      </c>
      <c r="EW21" s="280">
        <v>183</v>
      </c>
      <c r="EX21" s="280">
        <v>119</v>
      </c>
      <c r="EY21" s="277">
        <v>1924</v>
      </c>
      <c r="EZ21" s="282">
        <v>2376</v>
      </c>
    </row>
    <row r="22" spans="2:156" ht="21" customHeight="1" x14ac:dyDescent="0.2">
      <c r="B22" s="261" t="s">
        <v>20</v>
      </c>
      <c r="C22" s="276">
        <v>0</v>
      </c>
      <c r="D22" s="280">
        <v>0</v>
      </c>
      <c r="E22" s="384">
        <v>0</v>
      </c>
      <c r="F22" s="279">
        <v>0</v>
      </c>
      <c r="G22" s="280">
        <v>276</v>
      </c>
      <c r="H22" s="280">
        <v>163</v>
      </c>
      <c r="I22" s="280">
        <v>141</v>
      </c>
      <c r="J22" s="280">
        <v>97</v>
      </c>
      <c r="K22" s="280">
        <v>55</v>
      </c>
      <c r="L22" s="281">
        <v>732</v>
      </c>
      <c r="M22" s="282">
        <v>732</v>
      </c>
      <c r="N22" s="276">
        <v>0</v>
      </c>
      <c r="O22" s="280">
        <v>0</v>
      </c>
      <c r="P22" s="277">
        <v>0</v>
      </c>
      <c r="Q22" s="279">
        <v>0</v>
      </c>
      <c r="R22" s="280">
        <v>1</v>
      </c>
      <c r="S22" s="280">
        <v>7</v>
      </c>
      <c r="T22" s="280">
        <v>10</v>
      </c>
      <c r="U22" s="280">
        <v>24</v>
      </c>
      <c r="V22" s="280">
        <v>30</v>
      </c>
      <c r="W22" s="277">
        <v>72</v>
      </c>
      <c r="X22" s="282">
        <v>72</v>
      </c>
      <c r="Y22" s="276">
        <v>47</v>
      </c>
      <c r="Z22" s="280">
        <v>76</v>
      </c>
      <c r="AA22" s="277">
        <v>123</v>
      </c>
      <c r="AB22" s="279">
        <v>0</v>
      </c>
      <c r="AC22" s="280">
        <v>239</v>
      </c>
      <c r="AD22" s="280">
        <v>182</v>
      </c>
      <c r="AE22" s="280">
        <v>109</v>
      </c>
      <c r="AF22" s="280">
        <v>88</v>
      </c>
      <c r="AG22" s="280">
        <v>47</v>
      </c>
      <c r="AH22" s="277">
        <v>665</v>
      </c>
      <c r="AI22" s="282">
        <v>788</v>
      </c>
      <c r="AJ22" s="276">
        <v>10</v>
      </c>
      <c r="AK22" s="280">
        <v>38</v>
      </c>
      <c r="AL22" s="277">
        <v>48</v>
      </c>
      <c r="AM22" s="279">
        <v>0</v>
      </c>
      <c r="AN22" s="280">
        <v>56</v>
      </c>
      <c r="AO22" s="280">
        <v>58</v>
      </c>
      <c r="AP22" s="280">
        <v>36</v>
      </c>
      <c r="AQ22" s="280">
        <v>28</v>
      </c>
      <c r="AR22" s="280">
        <v>8</v>
      </c>
      <c r="AS22" s="277">
        <v>186</v>
      </c>
      <c r="AT22" s="282">
        <v>234</v>
      </c>
      <c r="AU22" s="276">
        <v>31</v>
      </c>
      <c r="AV22" s="280">
        <v>37</v>
      </c>
      <c r="AW22" s="277">
        <v>68</v>
      </c>
      <c r="AX22" s="279">
        <v>0</v>
      </c>
      <c r="AY22" s="280">
        <v>250</v>
      </c>
      <c r="AZ22" s="280">
        <v>203</v>
      </c>
      <c r="BA22" s="280">
        <v>233</v>
      </c>
      <c r="BB22" s="280">
        <v>210</v>
      </c>
      <c r="BC22" s="280">
        <v>123</v>
      </c>
      <c r="BD22" s="281">
        <v>1019</v>
      </c>
      <c r="BE22" s="282">
        <v>1087</v>
      </c>
      <c r="BF22" s="276">
        <v>0</v>
      </c>
      <c r="BG22" s="280">
        <v>0</v>
      </c>
      <c r="BH22" s="277">
        <v>0</v>
      </c>
      <c r="BI22" s="279">
        <v>0</v>
      </c>
      <c r="BJ22" s="280">
        <v>303</v>
      </c>
      <c r="BK22" s="280">
        <v>212</v>
      </c>
      <c r="BL22" s="280">
        <v>126</v>
      </c>
      <c r="BM22" s="280">
        <v>66</v>
      </c>
      <c r="BN22" s="280">
        <v>26</v>
      </c>
      <c r="BO22" s="277">
        <v>733</v>
      </c>
      <c r="BP22" s="282">
        <v>733</v>
      </c>
      <c r="BQ22" s="276">
        <v>18</v>
      </c>
      <c r="BR22" s="280">
        <v>31</v>
      </c>
      <c r="BS22" s="277">
        <v>49</v>
      </c>
      <c r="BT22" s="279">
        <v>0</v>
      </c>
      <c r="BU22" s="280">
        <v>152</v>
      </c>
      <c r="BV22" s="280">
        <v>121</v>
      </c>
      <c r="BW22" s="280">
        <v>67</v>
      </c>
      <c r="BX22" s="280">
        <v>41</v>
      </c>
      <c r="BY22" s="280">
        <v>10</v>
      </c>
      <c r="BZ22" s="277">
        <v>391</v>
      </c>
      <c r="CA22" s="282">
        <v>440</v>
      </c>
      <c r="CB22" s="276">
        <v>0</v>
      </c>
      <c r="CC22" s="280">
        <v>6</v>
      </c>
      <c r="CD22" s="277">
        <v>6</v>
      </c>
      <c r="CE22" s="279">
        <v>0</v>
      </c>
      <c r="CF22" s="280">
        <v>53</v>
      </c>
      <c r="CG22" s="280">
        <v>60</v>
      </c>
      <c r="CH22" s="280">
        <v>72</v>
      </c>
      <c r="CI22" s="280">
        <v>50</v>
      </c>
      <c r="CJ22" s="280">
        <v>13</v>
      </c>
      <c r="CK22" s="277">
        <v>248</v>
      </c>
      <c r="CL22" s="282">
        <v>254</v>
      </c>
      <c r="CM22" s="276">
        <v>0</v>
      </c>
      <c r="CN22" s="280">
        <v>0</v>
      </c>
      <c r="CO22" s="277">
        <v>0</v>
      </c>
      <c r="CP22" s="279">
        <v>0</v>
      </c>
      <c r="CQ22" s="280">
        <v>4</v>
      </c>
      <c r="CR22" s="280">
        <v>4</v>
      </c>
      <c r="CS22" s="280">
        <v>8</v>
      </c>
      <c r="CT22" s="280">
        <v>9</v>
      </c>
      <c r="CU22" s="280">
        <v>4</v>
      </c>
      <c r="CV22" s="277">
        <v>29</v>
      </c>
      <c r="CW22" s="282">
        <v>29</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21</v>
      </c>
      <c r="DU22" s="280">
        <v>323</v>
      </c>
      <c r="DV22" s="277">
        <v>444</v>
      </c>
      <c r="DW22" s="279">
        <v>0</v>
      </c>
      <c r="DX22" s="280">
        <v>538</v>
      </c>
      <c r="DY22" s="280">
        <v>455</v>
      </c>
      <c r="DZ22" s="280">
        <v>316</v>
      </c>
      <c r="EA22" s="280">
        <v>232</v>
      </c>
      <c r="EB22" s="280">
        <v>102</v>
      </c>
      <c r="EC22" s="277">
        <v>1643</v>
      </c>
      <c r="ED22" s="282">
        <v>2087</v>
      </c>
      <c r="EE22" s="276">
        <v>14</v>
      </c>
      <c r="EF22" s="280">
        <v>12</v>
      </c>
      <c r="EG22" s="277">
        <v>26</v>
      </c>
      <c r="EH22" s="279">
        <v>0</v>
      </c>
      <c r="EI22" s="280">
        <v>71</v>
      </c>
      <c r="EJ22" s="280">
        <v>53</v>
      </c>
      <c r="EK22" s="280">
        <v>57</v>
      </c>
      <c r="EL22" s="280">
        <v>55</v>
      </c>
      <c r="EM22" s="280">
        <v>31</v>
      </c>
      <c r="EN22" s="277">
        <v>267</v>
      </c>
      <c r="EO22" s="282">
        <v>293</v>
      </c>
      <c r="EP22" s="276">
        <v>185</v>
      </c>
      <c r="EQ22" s="280">
        <v>406</v>
      </c>
      <c r="ER22" s="277">
        <v>591</v>
      </c>
      <c r="ES22" s="279">
        <v>0</v>
      </c>
      <c r="ET22" s="280">
        <v>1001</v>
      </c>
      <c r="EU22" s="280">
        <v>615</v>
      </c>
      <c r="EV22" s="280">
        <v>386</v>
      </c>
      <c r="EW22" s="280">
        <v>253</v>
      </c>
      <c r="EX22" s="280">
        <v>102</v>
      </c>
      <c r="EY22" s="277">
        <v>2357</v>
      </c>
      <c r="EZ22" s="282">
        <v>2948</v>
      </c>
    </row>
    <row r="23" spans="2:156" ht="21" customHeight="1" x14ac:dyDescent="0.2">
      <c r="B23" s="261" t="s">
        <v>21</v>
      </c>
      <c r="C23" s="276">
        <v>0</v>
      </c>
      <c r="D23" s="280">
        <v>0</v>
      </c>
      <c r="E23" s="384">
        <v>0</v>
      </c>
      <c r="F23" s="279">
        <v>0</v>
      </c>
      <c r="G23" s="280">
        <v>226</v>
      </c>
      <c r="H23" s="280">
        <v>351</v>
      </c>
      <c r="I23" s="280">
        <v>179</v>
      </c>
      <c r="J23" s="280">
        <v>121</v>
      </c>
      <c r="K23" s="280">
        <v>87</v>
      </c>
      <c r="L23" s="281">
        <v>964</v>
      </c>
      <c r="M23" s="282">
        <v>964</v>
      </c>
      <c r="N23" s="276">
        <v>1</v>
      </c>
      <c r="O23" s="280">
        <v>0</v>
      </c>
      <c r="P23" s="277">
        <v>1</v>
      </c>
      <c r="Q23" s="279">
        <v>0</v>
      </c>
      <c r="R23" s="280">
        <v>1</v>
      </c>
      <c r="S23" s="280">
        <v>3</v>
      </c>
      <c r="T23" s="280">
        <v>12</v>
      </c>
      <c r="U23" s="280">
        <v>27</v>
      </c>
      <c r="V23" s="280">
        <v>36</v>
      </c>
      <c r="W23" s="277">
        <v>79</v>
      </c>
      <c r="X23" s="282">
        <v>80</v>
      </c>
      <c r="Y23" s="276">
        <v>41</v>
      </c>
      <c r="Z23" s="280">
        <v>86</v>
      </c>
      <c r="AA23" s="277">
        <v>127</v>
      </c>
      <c r="AB23" s="279">
        <v>0</v>
      </c>
      <c r="AC23" s="280">
        <v>187</v>
      </c>
      <c r="AD23" s="280">
        <v>255</v>
      </c>
      <c r="AE23" s="280">
        <v>135</v>
      </c>
      <c r="AF23" s="280">
        <v>118</v>
      </c>
      <c r="AG23" s="280">
        <v>73</v>
      </c>
      <c r="AH23" s="277">
        <v>768</v>
      </c>
      <c r="AI23" s="282">
        <v>895</v>
      </c>
      <c r="AJ23" s="276">
        <v>16</v>
      </c>
      <c r="AK23" s="280">
        <v>25</v>
      </c>
      <c r="AL23" s="277">
        <v>41</v>
      </c>
      <c r="AM23" s="279">
        <v>0</v>
      </c>
      <c r="AN23" s="280">
        <v>16</v>
      </c>
      <c r="AO23" s="280">
        <v>36</v>
      </c>
      <c r="AP23" s="280">
        <v>14</v>
      </c>
      <c r="AQ23" s="280">
        <v>9</v>
      </c>
      <c r="AR23" s="280">
        <v>10</v>
      </c>
      <c r="AS23" s="277">
        <v>85</v>
      </c>
      <c r="AT23" s="282">
        <v>126</v>
      </c>
      <c r="AU23" s="276">
        <v>40</v>
      </c>
      <c r="AV23" s="280">
        <v>39</v>
      </c>
      <c r="AW23" s="277">
        <v>79</v>
      </c>
      <c r="AX23" s="279">
        <v>0</v>
      </c>
      <c r="AY23" s="280">
        <v>235</v>
      </c>
      <c r="AZ23" s="280">
        <v>316</v>
      </c>
      <c r="BA23" s="280">
        <v>297</v>
      </c>
      <c r="BB23" s="280">
        <v>237</v>
      </c>
      <c r="BC23" s="280">
        <v>175</v>
      </c>
      <c r="BD23" s="281">
        <v>1260</v>
      </c>
      <c r="BE23" s="282">
        <v>1339</v>
      </c>
      <c r="BF23" s="276">
        <v>0</v>
      </c>
      <c r="BG23" s="280">
        <v>0</v>
      </c>
      <c r="BH23" s="277">
        <v>0</v>
      </c>
      <c r="BI23" s="279">
        <v>0</v>
      </c>
      <c r="BJ23" s="280">
        <v>295</v>
      </c>
      <c r="BK23" s="280">
        <v>353</v>
      </c>
      <c r="BL23" s="280">
        <v>183</v>
      </c>
      <c r="BM23" s="280">
        <v>94</v>
      </c>
      <c r="BN23" s="280">
        <v>37</v>
      </c>
      <c r="BO23" s="277">
        <v>962</v>
      </c>
      <c r="BP23" s="282">
        <v>962</v>
      </c>
      <c r="BQ23" s="276">
        <v>28</v>
      </c>
      <c r="BR23" s="280">
        <v>41</v>
      </c>
      <c r="BS23" s="277">
        <v>69</v>
      </c>
      <c r="BT23" s="279">
        <v>0</v>
      </c>
      <c r="BU23" s="280">
        <v>64</v>
      </c>
      <c r="BV23" s="280">
        <v>86</v>
      </c>
      <c r="BW23" s="280">
        <v>29</v>
      </c>
      <c r="BX23" s="280">
        <v>17</v>
      </c>
      <c r="BY23" s="280">
        <v>9</v>
      </c>
      <c r="BZ23" s="277">
        <v>205</v>
      </c>
      <c r="CA23" s="282">
        <v>274</v>
      </c>
      <c r="CB23" s="276">
        <v>2</v>
      </c>
      <c r="CC23" s="280">
        <v>2</v>
      </c>
      <c r="CD23" s="277">
        <v>4</v>
      </c>
      <c r="CE23" s="279">
        <v>0</v>
      </c>
      <c r="CF23" s="280">
        <v>31</v>
      </c>
      <c r="CG23" s="280">
        <v>43</v>
      </c>
      <c r="CH23" s="280">
        <v>69</v>
      </c>
      <c r="CI23" s="280">
        <v>49</v>
      </c>
      <c r="CJ23" s="280">
        <v>38</v>
      </c>
      <c r="CK23" s="277">
        <v>230</v>
      </c>
      <c r="CL23" s="282">
        <v>234</v>
      </c>
      <c r="CM23" s="276">
        <v>0</v>
      </c>
      <c r="CN23" s="280">
        <v>0</v>
      </c>
      <c r="CO23" s="277">
        <v>0</v>
      </c>
      <c r="CP23" s="279">
        <v>0</v>
      </c>
      <c r="CQ23" s="280">
        <v>2</v>
      </c>
      <c r="CR23" s="280">
        <v>1</v>
      </c>
      <c r="CS23" s="280">
        <v>2</v>
      </c>
      <c r="CT23" s="280">
        <v>4</v>
      </c>
      <c r="CU23" s="280">
        <v>0</v>
      </c>
      <c r="CV23" s="277">
        <v>9</v>
      </c>
      <c r="CW23" s="282">
        <v>9</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71</v>
      </c>
      <c r="DU23" s="280">
        <v>313</v>
      </c>
      <c r="DV23" s="277">
        <v>484</v>
      </c>
      <c r="DW23" s="279">
        <v>0</v>
      </c>
      <c r="DX23" s="280">
        <v>343</v>
      </c>
      <c r="DY23" s="280">
        <v>675</v>
      </c>
      <c r="DZ23" s="280">
        <v>383</v>
      </c>
      <c r="EA23" s="280">
        <v>271</v>
      </c>
      <c r="EB23" s="280">
        <v>154</v>
      </c>
      <c r="EC23" s="277">
        <v>1826</v>
      </c>
      <c r="ED23" s="282">
        <v>2310</v>
      </c>
      <c r="EE23" s="276">
        <v>14</v>
      </c>
      <c r="EF23" s="280">
        <v>14</v>
      </c>
      <c r="EG23" s="277">
        <v>28</v>
      </c>
      <c r="EH23" s="279">
        <v>0</v>
      </c>
      <c r="EI23" s="280">
        <v>72</v>
      </c>
      <c r="EJ23" s="280">
        <v>56</v>
      </c>
      <c r="EK23" s="280">
        <v>77</v>
      </c>
      <c r="EL23" s="280">
        <v>56</v>
      </c>
      <c r="EM23" s="280">
        <v>35</v>
      </c>
      <c r="EN23" s="277">
        <v>296</v>
      </c>
      <c r="EO23" s="282">
        <v>324</v>
      </c>
      <c r="EP23" s="276">
        <v>236</v>
      </c>
      <c r="EQ23" s="280">
        <v>389</v>
      </c>
      <c r="ER23" s="277">
        <v>625</v>
      </c>
      <c r="ES23" s="279">
        <v>0</v>
      </c>
      <c r="ET23" s="280">
        <v>794</v>
      </c>
      <c r="EU23" s="280">
        <v>924</v>
      </c>
      <c r="EV23" s="280">
        <v>467</v>
      </c>
      <c r="EW23" s="280">
        <v>287</v>
      </c>
      <c r="EX23" s="280">
        <v>160</v>
      </c>
      <c r="EY23" s="277">
        <v>2632</v>
      </c>
      <c r="EZ23" s="282">
        <v>3257</v>
      </c>
    </row>
    <row r="24" spans="2:156" ht="21" customHeight="1" x14ac:dyDescent="0.2">
      <c r="B24" s="261" t="s">
        <v>22</v>
      </c>
      <c r="C24" s="276">
        <v>0</v>
      </c>
      <c r="D24" s="280">
        <v>0</v>
      </c>
      <c r="E24" s="384">
        <v>0</v>
      </c>
      <c r="F24" s="279">
        <v>0</v>
      </c>
      <c r="G24" s="280">
        <v>70</v>
      </c>
      <c r="H24" s="280">
        <v>60</v>
      </c>
      <c r="I24" s="280">
        <v>40</v>
      </c>
      <c r="J24" s="280">
        <v>35</v>
      </c>
      <c r="K24" s="280">
        <v>32</v>
      </c>
      <c r="L24" s="281">
        <v>237</v>
      </c>
      <c r="M24" s="282">
        <v>237</v>
      </c>
      <c r="N24" s="276">
        <v>0</v>
      </c>
      <c r="O24" s="280">
        <v>0</v>
      </c>
      <c r="P24" s="277">
        <v>0</v>
      </c>
      <c r="Q24" s="279">
        <v>0</v>
      </c>
      <c r="R24" s="280">
        <v>1</v>
      </c>
      <c r="S24" s="280">
        <v>1</v>
      </c>
      <c r="T24" s="280">
        <v>6</v>
      </c>
      <c r="U24" s="280">
        <v>8</v>
      </c>
      <c r="V24" s="280">
        <v>16</v>
      </c>
      <c r="W24" s="277">
        <v>32</v>
      </c>
      <c r="X24" s="282">
        <v>32</v>
      </c>
      <c r="Y24" s="276">
        <v>7</v>
      </c>
      <c r="Z24" s="280">
        <v>11</v>
      </c>
      <c r="AA24" s="277">
        <v>18</v>
      </c>
      <c r="AB24" s="279">
        <v>0</v>
      </c>
      <c r="AC24" s="280">
        <v>54</v>
      </c>
      <c r="AD24" s="280">
        <v>69</v>
      </c>
      <c r="AE24" s="280">
        <v>42</v>
      </c>
      <c r="AF24" s="280">
        <v>35</v>
      </c>
      <c r="AG24" s="280">
        <v>29</v>
      </c>
      <c r="AH24" s="277">
        <v>229</v>
      </c>
      <c r="AI24" s="282">
        <v>247</v>
      </c>
      <c r="AJ24" s="276">
        <v>0</v>
      </c>
      <c r="AK24" s="280">
        <v>2</v>
      </c>
      <c r="AL24" s="277">
        <v>2</v>
      </c>
      <c r="AM24" s="279">
        <v>0</v>
      </c>
      <c r="AN24" s="280">
        <v>5</v>
      </c>
      <c r="AO24" s="280">
        <v>12</v>
      </c>
      <c r="AP24" s="280">
        <v>7</v>
      </c>
      <c r="AQ24" s="280">
        <v>2</v>
      </c>
      <c r="AR24" s="280">
        <v>4</v>
      </c>
      <c r="AS24" s="277">
        <v>30</v>
      </c>
      <c r="AT24" s="282">
        <v>32</v>
      </c>
      <c r="AU24" s="276">
        <v>3</v>
      </c>
      <c r="AV24" s="280">
        <v>8</v>
      </c>
      <c r="AW24" s="277">
        <v>11</v>
      </c>
      <c r="AX24" s="279">
        <v>0</v>
      </c>
      <c r="AY24" s="280">
        <v>68</v>
      </c>
      <c r="AZ24" s="280">
        <v>75</v>
      </c>
      <c r="BA24" s="280">
        <v>74</v>
      </c>
      <c r="BB24" s="280">
        <v>57</v>
      </c>
      <c r="BC24" s="280">
        <v>38</v>
      </c>
      <c r="BD24" s="281">
        <v>312</v>
      </c>
      <c r="BE24" s="282">
        <v>323</v>
      </c>
      <c r="BF24" s="276">
        <v>0</v>
      </c>
      <c r="BG24" s="280">
        <v>0</v>
      </c>
      <c r="BH24" s="277">
        <v>0</v>
      </c>
      <c r="BI24" s="279">
        <v>0</v>
      </c>
      <c r="BJ24" s="280">
        <v>111</v>
      </c>
      <c r="BK24" s="280">
        <v>110</v>
      </c>
      <c r="BL24" s="280">
        <v>53</v>
      </c>
      <c r="BM24" s="280">
        <v>32</v>
      </c>
      <c r="BN24" s="280">
        <v>20</v>
      </c>
      <c r="BO24" s="277">
        <v>326</v>
      </c>
      <c r="BP24" s="282">
        <v>326</v>
      </c>
      <c r="BQ24" s="276">
        <v>2</v>
      </c>
      <c r="BR24" s="280">
        <v>6</v>
      </c>
      <c r="BS24" s="277">
        <v>8</v>
      </c>
      <c r="BT24" s="279">
        <v>0</v>
      </c>
      <c r="BU24" s="280">
        <v>24</v>
      </c>
      <c r="BV24" s="280">
        <v>28</v>
      </c>
      <c r="BW24" s="280">
        <v>19</v>
      </c>
      <c r="BX24" s="280">
        <v>14</v>
      </c>
      <c r="BY24" s="280">
        <v>8</v>
      </c>
      <c r="BZ24" s="277">
        <v>93</v>
      </c>
      <c r="CA24" s="282">
        <v>101</v>
      </c>
      <c r="CB24" s="276">
        <v>0</v>
      </c>
      <c r="CC24" s="280">
        <v>1</v>
      </c>
      <c r="CD24" s="277">
        <v>1</v>
      </c>
      <c r="CE24" s="279">
        <v>0</v>
      </c>
      <c r="CF24" s="280">
        <v>12</v>
      </c>
      <c r="CG24" s="280">
        <v>19</v>
      </c>
      <c r="CH24" s="280">
        <v>31</v>
      </c>
      <c r="CI24" s="280">
        <v>21</v>
      </c>
      <c r="CJ24" s="280">
        <v>9</v>
      </c>
      <c r="CK24" s="277">
        <v>92</v>
      </c>
      <c r="CL24" s="282">
        <v>93</v>
      </c>
      <c r="CM24" s="276">
        <v>0</v>
      </c>
      <c r="CN24" s="280">
        <v>0</v>
      </c>
      <c r="CO24" s="277">
        <v>0</v>
      </c>
      <c r="CP24" s="279">
        <v>0</v>
      </c>
      <c r="CQ24" s="280">
        <v>1</v>
      </c>
      <c r="CR24" s="280">
        <v>3</v>
      </c>
      <c r="CS24" s="280">
        <v>9</v>
      </c>
      <c r="CT24" s="280">
        <v>4</v>
      </c>
      <c r="CU24" s="280">
        <v>1</v>
      </c>
      <c r="CV24" s="277">
        <v>18</v>
      </c>
      <c r="CW24" s="282">
        <v>18</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44</v>
      </c>
      <c r="DU24" s="280">
        <v>138</v>
      </c>
      <c r="DV24" s="277">
        <v>182</v>
      </c>
      <c r="DW24" s="279">
        <v>0</v>
      </c>
      <c r="DX24" s="280">
        <v>185</v>
      </c>
      <c r="DY24" s="280">
        <v>248</v>
      </c>
      <c r="DZ24" s="280">
        <v>138</v>
      </c>
      <c r="EA24" s="280">
        <v>93</v>
      </c>
      <c r="EB24" s="280">
        <v>69</v>
      </c>
      <c r="EC24" s="277">
        <v>733</v>
      </c>
      <c r="ED24" s="282">
        <v>915</v>
      </c>
      <c r="EE24" s="276">
        <v>7</v>
      </c>
      <c r="EF24" s="280">
        <v>7</v>
      </c>
      <c r="EG24" s="277">
        <v>14</v>
      </c>
      <c r="EH24" s="279">
        <v>0</v>
      </c>
      <c r="EI24" s="280">
        <v>33</v>
      </c>
      <c r="EJ24" s="280">
        <v>23</v>
      </c>
      <c r="EK24" s="280">
        <v>27</v>
      </c>
      <c r="EL24" s="280">
        <v>26</v>
      </c>
      <c r="EM24" s="280">
        <v>10</v>
      </c>
      <c r="EN24" s="277">
        <v>119</v>
      </c>
      <c r="EO24" s="282">
        <v>133</v>
      </c>
      <c r="EP24" s="276">
        <v>53</v>
      </c>
      <c r="EQ24" s="280">
        <v>148</v>
      </c>
      <c r="ER24" s="277">
        <v>201</v>
      </c>
      <c r="ES24" s="279">
        <v>0</v>
      </c>
      <c r="ET24" s="280">
        <v>361</v>
      </c>
      <c r="EU24" s="280">
        <v>327</v>
      </c>
      <c r="EV24" s="280">
        <v>159</v>
      </c>
      <c r="EW24" s="280">
        <v>103</v>
      </c>
      <c r="EX24" s="280">
        <v>72</v>
      </c>
      <c r="EY24" s="277">
        <v>1022</v>
      </c>
      <c r="EZ24" s="282">
        <v>1223</v>
      </c>
    </row>
    <row r="25" spans="2:156" ht="21" customHeight="1" x14ac:dyDescent="0.2">
      <c r="B25" s="261" t="s">
        <v>23</v>
      </c>
      <c r="C25" s="276">
        <v>0</v>
      </c>
      <c r="D25" s="280">
        <v>0</v>
      </c>
      <c r="E25" s="384">
        <v>0</v>
      </c>
      <c r="F25" s="279">
        <v>0</v>
      </c>
      <c r="G25" s="280">
        <v>148</v>
      </c>
      <c r="H25" s="280">
        <v>130</v>
      </c>
      <c r="I25" s="280">
        <v>69</v>
      </c>
      <c r="J25" s="280">
        <v>55</v>
      </c>
      <c r="K25" s="280">
        <v>37</v>
      </c>
      <c r="L25" s="281">
        <v>439</v>
      </c>
      <c r="M25" s="282">
        <v>439</v>
      </c>
      <c r="N25" s="276">
        <v>0</v>
      </c>
      <c r="O25" s="280">
        <v>0</v>
      </c>
      <c r="P25" s="277">
        <v>0</v>
      </c>
      <c r="Q25" s="279">
        <v>0</v>
      </c>
      <c r="R25" s="280">
        <v>1</v>
      </c>
      <c r="S25" s="280">
        <v>5</v>
      </c>
      <c r="T25" s="280">
        <v>4</v>
      </c>
      <c r="U25" s="280">
        <v>10</v>
      </c>
      <c r="V25" s="280">
        <v>19</v>
      </c>
      <c r="W25" s="277">
        <v>39</v>
      </c>
      <c r="X25" s="282">
        <v>39</v>
      </c>
      <c r="Y25" s="276">
        <v>37</v>
      </c>
      <c r="Z25" s="280">
        <v>47</v>
      </c>
      <c r="AA25" s="277">
        <v>84</v>
      </c>
      <c r="AB25" s="279">
        <v>0</v>
      </c>
      <c r="AC25" s="280">
        <v>91</v>
      </c>
      <c r="AD25" s="280">
        <v>123</v>
      </c>
      <c r="AE25" s="280">
        <v>45</v>
      </c>
      <c r="AF25" s="280">
        <v>73</v>
      </c>
      <c r="AG25" s="280">
        <v>36</v>
      </c>
      <c r="AH25" s="277">
        <v>368</v>
      </c>
      <c r="AI25" s="282">
        <v>452</v>
      </c>
      <c r="AJ25" s="276">
        <v>3</v>
      </c>
      <c r="AK25" s="280">
        <v>5</v>
      </c>
      <c r="AL25" s="277">
        <v>8</v>
      </c>
      <c r="AM25" s="279">
        <v>0</v>
      </c>
      <c r="AN25" s="280">
        <v>9</v>
      </c>
      <c r="AO25" s="280">
        <v>23</v>
      </c>
      <c r="AP25" s="280">
        <v>7</v>
      </c>
      <c r="AQ25" s="280">
        <v>8</v>
      </c>
      <c r="AR25" s="280">
        <v>7</v>
      </c>
      <c r="AS25" s="277">
        <v>54</v>
      </c>
      <c r="AT25" s="282">
        <v>62</v>
      </c>
      <c r="AU25" s="276">
        <v>10</v>
      </c>
      <c r="AV25" s="280">
        <v>13</v>
      </c>
      <c r="AW25" s="277">
        <v>23</v>
      </c>
      <c r="AX25" s="279">
        <v>0</v>
      </c>
      <c r="AY25" s="280">
        <v>169</v>
      </c>
      <c r="AZ25" s="280">
        <v>128</v>
      </c>
      <c r="BA25" s="280">
        <v>123</v>
      </c>
      <c r="BB25" s="280">
        <v>169</v>
      </c>
      <c r="BC25" s="280">
        <v>120</v>
      </c>
      <c r="BD25" s="281">
        <v>709</v>
      </c>
      <c r="BE25" s="282">
        <v>732</v>
      </c>
      <c r="BF25" s="276">
        <v>0</v>
      </c>
      <c r="BG25" s="280">
        <v>0</v>
      </c>
      <c r="BH25" s="277">
        <v>0</v>
      </c>
      <c r="BI25" s="279">
        <v>0</v>
      </c>
      <c r="BJ25" s="280">
        <v>281</v>
      </c>
      <c r="BK25" s="280">
        <v>251</v>
      </c>
      <c r="BL25" s="280">
        <v>111</v>
      </c>
      <c r="BM25" s="280">
        <v>74</v>
      </c>
      <c r="BN25" s="280">
        <v>29</v>
      </c>
      <c r="BO25" s="277">
        <v>746</v>
      </c>
      <c r="BP25" s="282">
        <v>746</v>
      </c>
      <c r="BQ25" s="276">
        <v>3</v>
      </c>
      <c r="BR25" s="280">
        <v>10</v>
      </c>
      <c r="BS25" s="277">
        <v>13</v>
      </c>
      <c r="BT25" s="279">
        <v>0</v>
      </c>
      <c r="BU25" s="280">
        <v>39</v>
      </c>
      <c r="BV25" s="280">
        <v>47</v>
      </c>
      <c r="BW25" s="280">
        <v>30</v>
      </c>
      <c r="BX25" s="280">
        <v>24</v>
      </c>
      <c r="BY25" s="280">
        <v>7</v>
      </c>
      <c r="BZ25" s="277">
        <v>147</v>
      </c>
      <c r="CA25" s="282">
        <v>160</v>
      </c>
      <c r="CB25" s="276">
        <v>2</v>
      </c>
      <c r="CC25" s="280">
        <v>2</v>
      </c>
      <c r="CD25" s="277">
        <v>4</v>
      </c>
      <c r="CE25" s="279">
        <v>0</v>
      </c>
      <c r="CF25" s="280">
        <v>22</v>
      </c>
      <c r="CG25" s="280">
        <v>32</v>
      </c>
      <c r="CH25" s="280">
        <v>36</v>
      </c>
      <c r="CI25" s="280">
        <v>37</v>
      </c>
      <c r="CJ25" s="280">
        <v>12</v>
      </c>
      <c r="CK25" s="277">
        <v>139</v>
      </c>
      <c r="CL25" s="282">
        <v>143</v>
      </c>
      <c r="CM25" s="276">
        <v>0</v>
      </c>
      <c r="CN25" s="280">
        <v>1</v>
      </c>
      <c r="CO25" s="277">
        <v>1</v>
      </c>
      <c r="CP25" s="279">
        <v>0</v>
      </c>
      <c r="CQ25" s="280">
        <v>1</v>
      </c>
      <c r="CR25" s="280">
        <v>2</v>
      </c>
      <c r="CS25" s="280">
        <v>2</v>
      </c>
      <c r="CT25" s="280">
        <v>3</v>
      </c>
      <c r="CU25" s="280">
        <v>3</v>
      </c>
      <c r="CV25" s="277">
        <v>11</v>
      </c>
      <c r="CW25" s="282">
        <v>12</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88</v>
      </c>
      <c r="DU25" s="280">
        <v>205</v>
      </c>
      <c r="DV25" s="277">
        <v>293</v>
      </c>
      <c r="DW25" s="279">
        <v>0</v>
      </c>
      <c r="DX25" s="280">
        <v>269</v>
      </c>
      <c r="DY25" s="280">
        <v>362</v>
      </c>
      <c r="DZ25" s="280">
        <v>181</v>
      </c>
      <c r="EA25" s="280">
        <v>180</v>
      </c>
      <c r="EB25" s="280">
        <v>91</v>
      </c>
      <c r="EC25" s="277">
        <v>1083</v>
      </c>
      <c r="ED25" s="282">
        <v>1376</v>
      </c>
      <c r="EE25" s="276">
        <v>6</v>
      </c>
      <c r="EF25" s="280">
        <v>3</v>
      </c>
      <c r="EG25" s="277">
        <v>9</v>
      </c>
      <c r="EH25" s="279">
        <v>0</v>
      </c>
      <c r="EI25" s="280">
        <v>52</v>
      </c>
      <c r="EJ25" s="280">
        <v>35</v>
      </c>
      <c r="EK25" s="280">
        <v>33</v>
      </c>
      <c r="EL25" s="280">
        <v>64</v>
      </c>
      <c r="EM25" s="280">
        <v>41</v>
      </c>
      <c r="EN25" s="277">
        <v>225</v>
      </c>
      <c r="EO25" s="282">
        <v>234</v>
      </c>
      <c r="EP25" s="276">
        <v>126</v>
      </c>
      <c r="EQ25" s="280">
        <v>246</v>
      </c>
      <c r="ER25" s="277">
        <v>372</v>
      </c>
      <c r="ES25" s="279">
        <v>0</v>
      </c>
      <c r="ET25" s="280">
        <v>538</v>
      </c>
      <c r="EU25" s="280">
        <v>486</v>
      </c>
      <c r="EV25" s="280">
        <v>236</v>
      </c>
      <c r="EW25" s="280">
        <v>199</v>
      </c>
      <c r="EX25" s="280">
        <v>94</v>
      </c>
      <c r="EY25" s="277">
        <v>1553</v>
      </c>
      <c r="EZ25" s="282">
        <v>1925</v>
      </c>
    </row>
    <row r="26" spans="2:156" ht="21" customHeight="1" x14ac:dyDescent="0.2">
      <c r="B26" s="261" t="s">
        <v>24</v>
      </c>
      <c r="C26" s="276">
        <v>0</v>
      </c>
      <c r="D26" s="280">
        <v>0</v>
      </c>
      <c r="E26" s="384">
        <v>0</v>
      </c>
      <c r="F26" s="279">
        <v>0</v>
      </c>
      <c r="G26" s="280">
        <v>65</v>
      </c>
      <c r="H26" s="280">
        <v>60</v>
      </c>
      <c r="I26" s="280">
        <v>41</v>
      </c>
      <c r="J26" s="280">
        <v>35</v>
      </c>
      <c r="K26" s="280">
        <v>34</v>
      </c>
      <c r="L26" s="281">
        <v>235</v>
      </c>
      <c r="M26" s="282">
        <v>235</v>
      </c>
      <c r="N26" s="276">
        <v>0</v>
      </c>
      <c r="O26" s="280">
        <v>0</v>
      </c>
      <c r="P26" s="277">
        <v>0</v>
      </c>
      <c r="Q26" s="279">
        <v>0</v>
      </c>
      <c r="R26" s="280">
        <v>0</v>
      </c>
      <c r="S26" s="280">
        <v>4</v>
      </c>
      <c r="T26" s="280">
        <v>5</v>
      </c>
      <c r="U26" s="280">
        <v>10</v>
      </c>
      <c r="V26" s="280">
        <v>21</v>
      </c>
      <c r="W26" s="277">
        <v>40</v>
      </c>
      <c r="X26" s="282">
        <v>40</v>
      </c>
      <c r="Y26" s="276">
        <v>15</v>
      </c>
      <c r="Z26" s="280">
        <v>27</v>
      </c>
      <c r="AA26" s="277">
        <v>42</v>
      </c>
      <c r="AB26" s="279">
        <v>0</v>
      </c>
      <c r="AC26" s="280">
        <v>50</v>
      </c>
      <c r="AD26" s="280">
        <v>53</v>
      </c>
      <c r="AE26" s="280">
        <v>38</v>
      </c>
      <c r="AF26" s="280">
        <v>33</v>
      </c>
      <c r="AG26" s="280">
        <v>27</v>
      </c>
      <c r="AH26" s="277">
        <v>201</v>
      </c>
      <c r="AI26" s="282">
        <v>243</v>
      </c>
      <c r="AJ26" s="276">
        <v>0</v>
      </c>
      <c r="AK26" s="280">
        <v>1</v>
      </c>
      <c r="AL26" s="277">
        <v>1</v>
      </c>
      <c r="AM26" s="279">
        <v>0</v>
      </c>
      <c r="AN26" s="280">
        <v>3</v>
      </c>
      <c r="AO26" s="280">
        <v>8</v>
      </c>
      <c r="AP26" s="280">
        <v>0</v>
      </c>
      <c r="AQ26" s="280">
        <v>6</v>
      </c>
      <c r="AR26" s="280">
        <v>4</v>
      </c>
      <c r="AS26" s="277">
        <v>21</v>
      </c>
      <c r="AT26" s="282">
        <v>22</v>
      </c>
      <c r="AU26" s="276">
        <v>19</v>
      </c>
      <c r="AV26" s="280">
        <v>13</v>
      </c>
      <c r="AW26" s="277">
        <v>32</v>
      </c>
      <c r="AX26" s="279">
        <v>0</v>
      </c>
      <c r="AY26" s="280">
        <v>75</v>
      </c>
      <c r="AZ26" s="280">
        <v>75</v>
      </c>
      <c r="BA26" s="280">
        <v>80</v>
      </c>
      <c r="BB26" s="280">
        <v>80</v>
      </c>
      <c r="BC26" s="280">
        <v>72</v>
      </c>
      <c r="BD26" s="281">
        <v>382</v>
      </c>
      <c r="BE26" s="282">
        <v>414</v>
      </c>
      <c r="BF26" s="276">
        <v>0</v>
      </c>
      <c r="BG26" s="280">
        <v>0</v>
      </c>
      <c r="BH26" s="277">
        <v>0</v>
      </c>
      <c r="BI26" s="279">
        <v>0</v>
      </c>
      <c r="BJ26" s="280">
        <v>116</v>
      </c>
      <c r="BK26" s="280">
        <v>76</v>
      </c>
      <c r="BL26" s="280">
        <v>37</v>
      </c>
      <c r="BM26" s="280">
        <v>26</v>
      </c>
      <c r="BN26" s="280">
        <v>9</v>
      </c>
      <c r="BO26" s="277">
        <v>264</v>
      </c>
      <c r="BP26" s="282">
        <v>264</v>
      </c>
      <c r="BQ26" s="276">
        <v>9</v>
      </c>
      <c r="BR26" s="280">
        <v>11</v>
      </c>
      <c r="BS26" s="277">
        <v>20</v>
      </c>
      <c r="BT26" s="279">
        <v>0</v>
      </c>
      <c r="BU26" s="280">
        <v>40</v>
      </c>
      <c r="BV26" s="280">
        <v>35</v>
      </c>
      <c r="BW26" s="280">
        <v>21</v>
      </c>
      <c r="BX26" s="280">
        <v>10</v>
      </c>
      <c r="BY26" s="280">
        <v>13</v>
      </c>
      <c r="BZ26" s="277">
        <v>119</v>
      </c>
      <c r="CA26" s="282">
        <v>139</v>
      </c>
      <c r="CB26" s="276">
        <v>2</v>
      </c>
      <c r="CC26" s="280">
        <v>2</v>
      </c>
      <c r="CD26" s="277">
        <v>4</v>
      </c>
      <c r="CE26" s="279">
        <v>0</v>
      </c>
      <c r="CF26" s="280">
        <v>20</v>
      </c>
      <c r="CG26" s="280">
        <v>22</v>
      </c>
      <c r="CH26" s="280">
        <v>22</v>
      </c>
      <c r="CI26" s="280">
        <v>20</v>
      </c>
      <c r="CJ26" s="280">
        <v>10</v>
      </c>
      <c r="CK26" s="277">
        <v>94</v>
      </c>
      <c r="CL26" s="282">
        <v>98</v>
      </c>
      <c r="CM26" s="276">
        <v>0</v>
      </c>
      <c r="CN26" s="280">
        <v>0</v>
      </c>
      <c r="CO26" s="277">
        <v>0</v>
      </c>
      <c r="CP26" s="279">
        <v>0</v>
      </c>
      <c r="CQ26" s="280">
        <v>4</v>
      </c>
      <c r="CR26" s="280">
        <v>2</v>
      </c>
      <c r="CS26" s="280">
        <v>2</v>
      </c>
      <c r="CT26" s="280">
        <v>1</v>
      </c>
      <c r="CU26" s="280">
        <v>2</v>
      </c>
      <c r="CV26" s="277">
        <v>11</v>
      </c>
      <c r="CW26" s="282">
        <v>11</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81</v>
      </c>
      <c r="DU26" s="280">
        <v>78</v>
      </c>
      <c r="DV26" s="277">
        <v>159</v>
      </c>
      <c r="DW26" s="279">
        <v>0</v>
      </c>
      <c r="DX26" s="280">
        <v>137</v>
      </c>
      <c r="DY26" s="280">
        <v>164</v>
      </c>
      <c r="DZ26" s="280">
        <v>99</v>
      </c>
      <c r="EA26" s="280">
        <v>68</v>
      </c>
      <c r="EB26" s="280">
        <v>53</v>
      </c>
      <c r="EC26" s="277">
        <v>521</v>
      </c>
      <c r="ED26" s="282">
        <v>680</v>
      </c>
      <c r="EE26" s="276">
        <v>13</v>
      </c>
      <c r="EF26" s="280">
        <v>8</v>
      </c>
      <c r="EG26" s="277">
        <v>21</v>
      </c>
      <c r="EH26" s="279">
        <v>0</v>
      </c>
      <c r="EI26" s="280">
        <v>35</v>
      </c>
      <c r="EJ26" s="280">
        <v>31</v>
      </c>
      <c r="EK26" s="280">
        <v>23</v>
      </c>
      <c r="EL26" s="280">
        <v>35</v>
      </c>
      <c r="EM26" s="280">
        <v>23</v>
      </c>
      <c r="EN26" s="277">
        <v>147</v>
      </c>
      <c r="EO26" s="282">
        <v>168</v>
      </c>
      <c r="EP26" s="276">
        <v>99</v>
      </c>
      <c r="EQ26" s="280">
        <v>99</v>
      </c>
      <c r="ER26" s="277">
        <v>198</v>
      </c>
      <c r="ES26" s="279">
        <v>0</v>
      </c>
      <c r="ET26" s="280">
        <v>273</v>
      </c>
      <c r="EU26" s="280">
        <v>202</v>
      </c>
      <c r="EV26" s="280">
        <v>123</v>
      </c>
      <c r="EW26" s="280">
        <v>71</v>
      </c>
      <c r="EX26" s="280">
        <v>58</v>
      </c>
      <c r="EY26" s="277">
        <v>727</v>
      </c>
      <c r="EZ26" s="282">
        <v>925</v>
      </c>
    </row>
    <row r="27" spans="2:156" ht="21" customHeight="1" x14ac:dyDescent="0.2">
      <c r="B27" s="261" t="s">
        <v>25</v>
      </c>
      <c r="C27" s="276">
        <v>0</v>
      </c>
      <c r="D27" s="280">
        <v>0</v>
      </c>
      <c r="E27" s="384">
        <v>0</v>
      </c>
      <c r="F27" s="279">
        <v>0</v>
      </c>
      <c r="G27" s="280">
        <v>105</v>
      </c>
      <c r="H27" s="280">
        <v>77</v>
      </c>
      <c r="I27" s="280">
        <v>50</v>
      </c>
      <c r="J27" s="280">
        <v>40</v>
      </c>
      <c r="K27" s="280">
        <v>25</v>
      </c>
      <c r="L27" s="281">
        <v>297</v>
      </c>
      <c r="M27" s="282">
        <v>297</v>
      </c>
      <c r="N27" s="276">
        <v>0</v>
      </c>
      <c r="O27" s="280">
        <v>0</v>
      </c>
      <c r="P27" s="277">
        <v>0</v>
      </c>
      <c r="Q27" s="279">
        <v>0</v>
      </c>
      <c r="R27" s="280">
        <v>2</v>
      </c>
      <c r="S27" s="280">
        <v>12</v>
      </c>
      <c r="T27" s="280">
        <v>13</v>
      </c>
      <c r="U27" s="280">
        <v>16</v>
      </c>
      <c r="V27" s="280">
        <v>17</v>
      </c>
      <c r="W27" s="277">
        <v>60</v>
      </c>
      <c r="X27" s="282">
        <v>60</v>
      </c>
      <c r="Y27" s="276">
        <v>18</v>
      </c>
      <c r="Z27" s="280">
        <v>43</v>
      </c>
      <c r="AA27" s="277">
        <v>61</v>
      </c>
      <c r="AB27" s="279">
        <v>0</v>
      </c>
      <c r="AC27" s="280">
        <v>77</v>
      </c>
      <c r="AD27" s="280">
        <v>80</v>
      </c>
      <c r="AE27" s="280">
        <v>44</v>
      </c>
      <c r="AF27" s="280">
        <v>44</v>
      </c>
      <c r="AG27" s="280">
        <v>19</v>
      </c>
      <c r="AH27" s="277">
        <v>264</v>
      </c>
      <c r="AI27" s="282">
        <v>325</v>
      </c>
      <c r="AJ27" s="276">
        <v>1</v>
      </c>
      <c r="AK27" s="280">
        <v>6</v>
      </c>
      <c r="AL27" s="277">
        <v>7</v>
      </c>
      <c r="AM27" s="279">
        <v>0</v>
      </c>
      <c r="AN27" s="280">
        <v>0</v>
      </c>
      <c r="AO27" s="280">
        <v>9</v>
      </c>
      <c r="AP27" s="280">
        <v>10</v>
      </c>
      <c r="AQ27" s="280">
        <v>5</v>
      </c>
      <c r="AR27" s="280">
        <v>4</v>
      </c>
      <c r="AS27" s="277">
        <v>28</v>
      </c>
      <c r="AT27" s="282">
        <v>35</v>
      </c>
      <c r="AU27" s="276">
        <v>8</v>
      </c>
      <c r="AV27" s="280">
        <v>17</v>
      </c>
      <c r="AW27" s="277">
        <v>25</v>
      </c>
      <c r="AX27" s="279">
        <v>0</v>
      </c>
      <c r="AY27" s="280">
        <v>57</v>
      </c>
      <c r="AZ27" s="280">
        <v>78</v>
      </c>
      <c r="BA27" s="280">
        <v>59</v>
      </c>
      <c r="BB27" s="280">
        <v>79</v>
      </c>
      <c r="BC27" s="280">
        <v>45</v>
      </c>
      <c r="BD27" s="281">
        <v>318</v>
      </c>
      <c r="BE27" s="282">
        <v>343</v>
      </c>
      <c r="BF27" s="276">
        <v>0</v>
      </c>
      <c r="BG27" s="280">
        <v>0</v>
      </c>
      <c r="BH27" s="277">
        <v>0</v>
      </c>
      <c r="BI27" s="279">
        <v>0</v>
      </c>
      <c r="BJ27" s="280">
        <v>133</v>
      </c>
      <c r="BK27" s="280">
        <v>81</v>
      </c>
      <c r="BL27" s="280">
        <v>54</v>
      </c>
      <c r="BM27" s="280">
        <v>37</v>
      </c>
      <c r="BN27" s="280">
        <v>6</v>
      </c>
      <c r="BO27" s="277">
        <v>311</v>
      </c>
      <c r="BP27" s="282">
        <v>311</v>
      </c>
      <c r="BQ27" s="276">
        <v>11</v>
      </c>
      <c r="BR27" s="280">
        <v>21</v>
      </c>
      <c r="BS27" s="277">
        <v>32</v>
      </c>
      <c r="BT27" s="279">
        <v>0</v>
      </c>
      <c r="BU27" s="280">
        <v>35</v>
      </c>
      <c r="BV27" s="280">
        <v>53</v>
      </c>
      <c r="BW27" s="280">
        <v>25</v>
      </c>
      <c r="BX27" s="280">
        <v>17</v>
      </c>
      <c r="BY27" s="280">
        <v>2</v>
      </c>
      <c r="BZ27" s="277">
        <v>132</v>
      </c>
      <c r="CA27" s="282">
        <v>164</v>
      </c>
      <c r="CB27" s="276">
        <v>2</v>
      </c>
      <c r="CC27" s="280">
        <v>3</v>
      </c>
      <c r="CD27" s="277">
        <v>5</v>
      </c>
      <c r="CE27" s="279">
        <v>0</v>
      </c>
      <c r="CF27" s="280">
        <v>12</v>
      </c>
      <c r="CG27" s="280">
        <v>28</v>
      </c>
      <c r="CH27" s="280">
        <v>21</v>
      </c>
      <c r="CI27" s="280">
        <v>14</v>
      </c>
      <c r="CJ27" s="280">
        <v>3</v>
      </c>
      <c r="CK27" s="277">
        <v>78</v>
      </c>
      <c r="CL27" s="282">
        <v>83</v>
      </c>
      <c r="CM27" s="276">
        <v>0</v>
      </c>
      <c r="CN27" s="280">
        <v>0</v>
      </c>
      <c r="CO27" s="277">
        <v>0</v>
      </c>
      <c r="CP27" s="279">
        <v>0</v>
      </c>
      <c r="CQ27" s="280">
        <v>5</v>
      </c>
      <c r="CR27" s="280">
        <v>6</v>
      </c>
      <c r="CS27" s="280">
        <v>2</v>
      </c>
      <c r="CT27" s="280">
        <v>4</v>
      </c>
      <c r="CU27" s="280">
        <v>1</v>
      </c>
      <c r="CV27" s="277">
        <v>18</v>
      </c>
      <c r="CW27" s="282">
        <v>18</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70</v>
      </c>
      <c r="DU27" s="280">
        <v>140</v>
      </c>
      <c r="DV27" s="277">
        <v>210</v>
      </c>
      <c r="DW27" s="279">
        <v>0</v>
      </c>
      <c r="DX27" s="280">
        <v>125</v>
      </c>
      <c r="DY27" s="280">
        <v>217</v>
      </c>
      <c r="DZ27" s="280">
        <v>123</v>
      </c>
      <c r="EA27" s="280">
        <v>100</v>
      </c>
      <c r="EB27" s="280">
        <v>41</v>
      </c>
      <c r="EC27" s="277">
        <v>606</v>
      </c>
      <c r="ED27" s="282">
        <v>816</v>
      </c>
      <c r="EE27" s="276">
        <v>4</v>
      </c>
      <c r="EF27" s="280">
        <v>4</v>
      </c>
      <c r="EG27" s="277">
        <v>8</v>
      </c>
      <c r="EH27" s="279">
        <v>0</v>
      </c>
      <c r="EI27" s="280">
        <v>17</v>
      </c>
      <c r="EJ27" s="280">
        <v>13</v>
      </c>
      <c r="EK27" s="280">
        <v>11</v>
      </c>
      <c r="EL27" s="280">
        <v>20</v>
      </c>
      <c r="EM27" s="280">
        <v>13</v>
      </c>
      <c r="EN27" s="277">
        <v>74</v>
      </c>
      <c r="EO27" s="282">
        <v>82</v>
      </c>
      <c r="EP27" s="276">
        <v>87</v>
      </c>
      <c r="EQ27" s="280">
        <v>168</v>
      </c>
      <c r="ER27" s="277">
        <v>255</v>
      </c>
      <c r="ES27" s="279">
        <v>0</v>
      </c>
      <c r="ET27" s="280">
        <v>332</v>
      </c>
      <c r="EU27" s="280">
        <v>276</v>
      </c>
      <c r="EV27" s="280">
        <v>145</v>
      </c>
      <c r="EW27" s="280">
        <v>114</v>
      </c>
      <c r="EX27" s="280">
        <v>45</v>
      </c>
      <c r="EY27" s="277">
        <v>912</v>
      </c>
      <c r="EZ27" s="282">
        <v>1167</v>
      </c>
    </row>
    <row r="28" spans="2:156" ht="21" customHeight="1" x14ac:dyDescent="0.2">
      <c r="B28" s="261" t="s">
        <v>26</v>
      </c>
      <c r="C28" s="276">
        <v>0</v>
      </c>
      <c r="D28" s="280">
        <v>0</v>
      </c>
      <c r="E28" s="384">
        <v>0</v>
      </c>
      <c r="F28" s="279">
        <v>0</v>
      </c>
      <c r="G28" s="280">
        <v>86</v>
      </c>
      <c r="H28" s="280">
        <v>62</v>
      </c>
      <c r="I28" s="280">
        <v>47</v>
      </c>
      <c r="J28" s="280">
        <v>38</v>
      </c>
      <c r="K28" s="280">
        <v>40</v>
      </c>
      <c r="L28" s="281">
        <v>273</v>
      </c>
      <c r="M28" s="282">
        <v>273</v>
      </c>
      <c r="N28" s="276">
        <v>0</v>
      </c>
      <c r="O28" s="280">
        <v>0</v>
      </c>
      <c r="P28" s="277">
        <v>0</v>
      </c>
      <c r="Q28" s="279">
        <v>0</v>
      </c>
      <c r="R28" s="280">
        <v>0</v>
      </c>
      <c r="S28" s="280">
        <v>1</v>
      </c>
      <c r="T28" s="280">
        <v>4</v>
      </c>
      <c r="U28" s="280">
        <v>10</v>
      </c>
      <c r="V28" s="280">
        <v>11</v>
      </c>
      <c r="W28" s="277">
        <v>26</v>
      </c>
      <c r="X28" s="282">
        <v>26</v>
      </c>
      <c r="Y28" s="276">
        <v>12</v>
      </c>
      <c r="Z28" s="280">
        <v>14</v>
      </c>
      <c r="AA28" s="277">
        <v>26</v>
      </c>
      <c r="AB28" s="279">
        <v>0</v>
      </c>
      <c r="AC28" s="280">
        <v>61</v>
      </c>
      <c r="AD28" s="280">
        <v>60</v>
      </c>
      <c r="AE28" s="280">
        <v>44</v>
      </c>
      <c r="AF28" s="280">
        <v>40</v>
      </c>
      <c r="AG28" s="280">
        <v>35</v>
      </c>
      <c r="AH28" s="277">
        <v>240</v>
      </c>
      <c r="AI28" s="282">
        <v>266</v>
      </c>
      <c r="AJ28" s="276">
        <v>0</v>
      </c>
      <c r="AK28" s="280">
        <v>0</v>
      </c>
      <c r="AL28" s="277">
        <v>0</v>
      </c>
      <c r="AM28" s="279">
        <v>0</v>
      </c>
      <c r="AN28" s="280">
        <v>1</v>
      </c>
      <c r="AO28" s="280">
        <v>6</v>
      </c>
      <c r="AP28" s="280">
        <v>5</v>
      </c>
      <c r="AQ28" s="280">
        <v>4</v>
      </c>
      <c r="AR28" s="280">
        <v>3</v>
      </c>
      <c r="AS28" s="277">
        <v>19</v>
      </c>
      <c r="AT28" s="282">
        <v>19</v>
      </c>
      <c r="AU28" s="276">
        <v>12</v>
      </c>
      <c r="AV28" s="280">
        <v>10</v>
      </c>
      <c r="AW28" s="277">
        <v>22</v>
      </c>
      <c r="AX28" s="279">
        <v>0</v>
      </c>
      <c r="AY28" s="280">
        <v>65</v>
      </c>
      <c r="AZ28" s="280">
        <v>54</v>
      </c>
      <c r="BA28" s="280">
        <v>68</v>
      </c>
      <c r="BB28" s="280">
        <v>55</v>
      </c>
      <c r="BC28" s="280">
        <v>54</v>
      </c>
      <c r="BD28" s="281">
        <v>296</v>
      </c>
      <c r="BE28" s="282">
        <v>318</v>
      </c>
      <c r="BF28" s="276">
        <v>0</v>
      </c>
      <c r="BG28" s="280">
        <v>0</v>
      </c>
      <c r="BH28" s="277">
        <v>0</v>
      </c>
      <c r="BI28" s="279">
        <v>0</v>
      </c>
      <c r="BJ28" s="280">
        <v>104</v>
      </c>
      <c r="BK28" s="280">
        <v>86</v>
      </c>
      <c r="BL28" s="280">
        <v>43</v>
      </c>
      <c r="BM28" s="280">
        <v>21</v>
      </c>
      <c r="BN28" s="280">
        <v>20</v>
      </c>
      <c r="BO28" s="277">
        <v>274</v>
      </c>
      <c r="BP28" s="282">
        <v>274</v>
      </c>
      <c r="BQ28" s="276">
        <v>7</v>
      </c>
      <c r="BR28" s="280">
        <v>5</v>
      </c>
      <c r="BS28" s="277">
        <v>12</v>
      </c>
      <c r="BT28" s="279">
        <v>0</v>
      </c>
      <c r="BU28" s="280">
        <v>15</v>
      </c>
      <c r="BV28" s="280">
        <v>29</v>
      </c>
      <c r="BW28" s="280">
        <v>12</v>
      </c>
      <c r="BX28" s="280">
        <v>9</v>
      </c>
      <c r="BY28" s="280">
        <v>6</v>
      </c>
      <c r="BZ28" s="277">
        <v>71</v>
      </c>
      <c r="CA28" s="282">
        <v>83</v>
      </c>
      <c r="CB28" s="276">
        <v>0</v>
      </c>
      <c r="CC28" s="280">
        <v>2</v>
      </c>
      <c r="CD28" s="277">
        <v>2</v>
      </c>
      <c r="CE28" s="279">
        <v>0</v>
      </c>
      <c r="CF28" s="280">
        <v>16</v>
      </c>
      <c r="CG28" s="280">
        <v>21</v>
      </c>
      <c r="CH28" s="280">
        <v>18</v>
      </c>
      <c r="CI28" s="280">
        <v>10</v>
      </c>
      <c r="CJ28" s="280">
        <v>8</v>
      </c>
      <c r="CK28" s="277">
        <v>73</v>
      </c>
      <c r="CL28" s="282">
        <v>75</v>
      </c>
      <c r="CM28" s="276">
        <v>0</v>
      </c>
      <c r="CN28" s="280">
        <v>0</v>
      </c>
      <c r="CO28" s="277">
        <v>0</v>
      </c>
      <c r="CP28" s="279">
        <v>0</v>
      </c>
      <c r="CQ28" s="280">
        <v>4</v>
      </c>
      <c r="CR28" s="280">
        <v>5</v>
      </c>
      <c r="CS28" s="280">
        <v>4</v>
      </c>
      <c r="CT28" s="280">
        <v>3</v>
      </c>
      <c r="CU28" s="280">
        <v>0</v>
      </c>
      <c r="CV28" s="277">
        <v>16</v>
      </c>
      <c r="CW28" s="282">
        <v>16</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52</v>
      </c>
      <c r="DU28" s="280">
        <v>93</v>
      </c>
      <c r="DV28" s="277">
        <v>145</v>
      </c>
      <c r="DW28" s="279">
        <v>0</v>
      </c>
      <c r="DX28" s="280">
        <v>143</v>
      </c>
      <c r="DY28" s="280">
        <v>173</v>
      </c>
      <c r="DZ28" s="280">
        <v>111</v>
      </c>
      <c r="EA28" s="280">
        <v>84</v>
      </c>
      <c r="EB28" s="280">
        <v>61</v>
      </c>
      <c r="EC28" s="277">
        <v>572</v>
      </c>
      <c r="ED28" s="282">
        <v>717</v>
      </c>
      <c r="EE28" s="276">
        <v>10</v>
      </c>
      <c r="EF28" s="280">
        <v>5</v>
      </c>
      <c r="EG28" s="277">
        <v>15</v>
      </c>
      <c r="EH28" s="279">
        <v>0</v>
      </c>
      <c r="EI28" s="280">
        <v>25</v>
      </c>
      <c r="EJ28" s="280">
        <v>17</v>
      </c>
      <c r="EK28" s="280">
        <v>22</v>
      </c>
      <c r="EL28" s="280">
        <v>13</v>
      </c>
      <c r="EM28" s="280">
        <v>11</v>
      </c>
      <c r="EN28" s="277">
        <v>88</v>
      </c>
      <c r="EO28" s="282">
        <v>103</v>
      </c>
      <c r="EP28" s="276">
        <v>65</v>
      </c>
      <c r="EQ28" s="280">
        <v>102</v>
      </c>
      <c r="ER28" s="277">
        <v>167</v>
      </c>
      <c r="ES28" s="279">
        <v>0</v>
      </c>
      <c r="ET28" s="280">
        <v>266</v>
      </c>
      <c r="EU28" s="280">
        <v>228</v>
      </c>
      <c r="EV28" s="280">
        <v>133</v>
      </c>
      <c r="EW28" s="280">
        <v>88</v>
      </c>
      <c r="EX28" s="280">
        <v>61</v>
      </c>
      <c r="EY28" s="277">
        <v>776</v>
      </c>
      <c r="EZ28" s="282">
        <v>943</v>
      </c>
    </row>
    <row r="29" spans="2:156" ht="21" customHeight="1" x14ac:dyDescent="0.2">
      <c r="B29" s="261" t="s">
        <v>27</v>
      </c>
      <c r="C29" s="276">
        <v>0</v>
      </c>
      <c r="D29" s="280">
        <v>0</v>
      </c>
      <c r="E29" s="384">
        <v>0</v>
      </c>
      <c r="F29" s="279">
        <v>0</v>
      </c>
      <c r="G29" s="280">
        <v>52</v>
      </c>
      <c r="H29" s="280">
        <v>52</v>
      </c>
      <c r="I29" s="280">
        <v>43</v>
      </c>
      <c r="J29" s="280">
        <v>31</v>
      </c>
      <c r="K29" s="280">
        <v>33</v>
      </c>
      <c r="L29" s="281">
        <v>211</v>
      </c>
      <c r="M29" s="282">
        <v>211</v>
      </c>
      <c r="N29" s="276">
        <v>0</v>
      </c>
      <c r="O29" s="280">
        <v>0</v>
      </c>
      <c r="P29" s="277">
        <v>0</v>
      </c>
      <c r="Q29" s="279">
        <v>0</v>
      </c>
      <c r="R29" s="280">
        <v>1</v>
      </c>
      <c r="S29" s="280">
        <v>2</v>
      </c>
      <c r="T29" s="280">
        <v>5</v>
      </c>
      <c r="U29" s="280">
        <v>11</v>
      </c>
      <c r="V29" s="280">
        <v>15</v>
      </c>
      <c r="W29" s="277">
        <v>34</v>
      </c>
      <c r="X29" s="282">
        <v>34</v>
      </c>
      <c r="Y29" s="276">
        <v>25</v>
      </c>
      <c r="Z29" s="280">
        <v>41</v>
      </c>
      <c r="AA29" s="277">
        <v>66</v>
      </c>
      <c r="AB29" s="279">
        <v>0</v>
      </c>
      <c r="AC29" s="280">
        <v>43</v>
      </c>
      <c r="AD29" s="280">
        <v>34</v>
      </c>
      <c r="AE29" s="280">
        <v>41</v>
      </c>
      <c r="AF29" s="280">
        <v>33</v>
      </c>
      <c r="AG29" s="280">
        <v>27</v>
      </c>
      <c r="AH29" s="277">
        <v>178</v>
      </c>
      <c r="AI29" s="282">
        <v>244</v>
      </c>
      <c r="AJ29" s="276">
        <v>0</v>
      </c>
      <c r="AK29" s="280">
        <v>2</v>
      </c>
      <c r="AL29" s="277">
        <v>2</v>
      </c>
      <c r="AM29" s="279">
        <v>0</v>
      </c>
      <c r="AN29" s="280">
        <v>0</v>
      </c>
      <c r="AO29" s="280">
        <v>1</v>
      </c>
      <c r="AP29" s="280">
        <v>0</v>
      </c>
      <c r="AQ29" s="280">
        <v>0</v>
      </c>
      <c r="AR29" s="280">
        <v>1</v>
      </c>
      <c r="AS29" s="277">
        <v>2</v>
      </c>
      <c r="AT29" s="282">
        <v>4</v>
      </c>
      <c r="AU29" s="276">
        <v>8</v>
      </c>
      <c r="AV29" s="280">
        <v>15</v>
      </c>
      <c r="AW29" s="277">
        <v>23</v>
      </c>
      <c r="AX29" s="279">
        <v>0</v>
      </c>
      <c r="AY29" s="280">
        <v>54</v>
      </c>
      <c r="AZ29" s="280">
        <v>58</v>
      </c>
      <c r="BA29" s="280">
        <v>78</v>
      </c>
      <c r="BB29" s="280">
        <v>69</v>
      </c>
      <c r="BC29" s="280">
        <v>46</v>
      </c>
      <c r="BD29" s="281">
        <v>305</v>
      </c>
      <c r="BE29" s="282">
        <v>328</v>
      </c>
      <c r="BF29" s="276">
        <v>0</v>
      </c>
      <c r="BG29" s="280">
        <v>0</v>
      </c>
      <c r="BH29" s="277">
        <v>0</v>
      </c>
      <c r="BI29" s="279">
        <v>0</v>
      </c>
      <c r="BJ29" s="280">
        <v>111</v>
      </c>
      <c r="BK29" s="280">
        <v>63</v>
      </c>
      <c r="BL29" s="280">
        <v>42</v>
      </c>
      <c r="BM29" s="280">
        <v>30</v>
      </c>
      <c r="BN29" s="280">
        <v>14</v>
      </c>
      <c r="BO29" s="277">
        <v>260</v>
      </c>
      <c r="BP29" s="282">
        <v>260</v>
      </c>
      <c r="BQ29" s="276">
        <v>12</v>
      </c>
      <c r="BR29" s="280">
        <v>30</v>
      </c>
      <c r="BS29" s="277">
        <v>42</v>
      </c>
      <c r="BT29" s="279">
        <v>0</v>
      </c>
      <c r="BU29" s="280">
        <v>16</v>
      </c>
      <c r="BV29" s="280">
        <v>26</v>
      </c>
      <c r="BW29" s="280">
        <v>12</v>
      </c>
      <c r="BX29" s="280">
        <v>5</v>
      </c>
      <c r="BY29" s="280">
        <v>5</v>
      </c>
      <c r="BZ29" s="277">
        <v>64</v>
      </c>
      <c r="CA29" s="282">
        <v>106</v>
      </c>
      <c r="CB29" s="276">
        <v>1</v>
      </c>
      <c r="CC29" s="280">
        <v>2</v>
      </c>
      <c r="CD29" s="277">
        <v>3</v>
      </c>
      <c r="CE29" s="279">
        <v>0</v>
      </c>
      <c r="CF29" s="280">
        <v>9</v>
      </c>
      <c r="CG29" s="280">
        <v>13</v>
      </c>
      <c r="CH29" s="280">
        <v>19</v>
      </c>
      <c r="CI29" s="280">
        <v>8</v>
      </c>
      <c r="CJ29" s="280">
        <v>7</v>
      </c>
      <c r="CK29" s="277">
        <v>56</v>
      </c>
      <c r="CL29" s="282">
        <v>59</v>
      </c>
      <c r="CM29" s="276">
        <v>0</v>
      </c>
      <c r="CN29" s="280">
        <v>0</v>
      </c>
      <c r="CO29" s="277">
        <v>0</v>
      </c>
      <c r="CP29" s="279">
        <v>0</v>
      </c>
      <c r="CQ29" s="280">
        <v>3</v>
      </c>
      <c r="CR29" s="280">
        <v>1</v>
      </c>
      <c r="CS29" s="280">
        <v>3</v>
      </c>
      <c r="CT29" s="280">
        <v>2</v>
      </c>
      <c r="CU29" s="280">
        <v>2</v>
      </c>
      <c r="CV29" s="277">
        <v>11</v>
      </c>
      <c r="CW29" s="282">
        <v>11</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86</v>
      </c>
      <c r="DU29" s="280">
        <v>140</v>
      </c>
      <c r="DV29" s="277">
        <v>226</v>
      </c>
      <c r="DW29" s="279">
        <v>0</v>
      </c>
      <c r="DX29" s="280">
        <v>71</v>
      </c>
      <c r="DY29" s="280">
        <v>116</v>
      </c>
      <c r="DZ29" s="280">
        <v>85</v>
      </c>
      <c r="EA29" s="280">
        <v>63</v>
      </c>
      <c r="EB29" s="280">
        <v>42</v>
      </c>
      <c r="EC29" s="277">
        <v>377</v>
      </c>
      <c r="ED29" s="282">
        <v>603</v>
      </c>
      <c r="EE29" s="276">
        <v>11</v>
      </c>
      <c r="EF29" s="280">
        <v>13</v>
      </c>
      <c r="EG29" s="277">
        <v>24</v>
      </c>
      <c r="EH29" s="279">
        <v>0</v>
      </c>
      <c r="EI29" s="280">
        <v>41</v>
      </c>
      <c r="EJ29" s="280">
        <v>33</v>
      </c>
      <c r="EK29" s="280">
        <v>35</v>
      </c>
      <c r="EL29" s="280">
        <v>37</v>
      </c>
      <c r="EM29" s="280">
        <v>9</v>
      </c>
      <c r="EN29" s="277">
        <v>155</v>
      </c>
      <c r="EO29" s="282">
        <v>179</v>
      </c>
      <c r="EP29" s="276">
        <v>115</v>
      </c>
      <c r="EQ29" s="280">
        <v>167</v>
      </c>
      <c r="ER29" s="277">
        <v>282</v>
      </c>
      <c r="ES29" s="279">
        <v>0</v>
      </c>
      <c r="ET29" s="280">
        <v>202</v>
      </c>
      <c r="EU29" s="280">
        <v>151</v>
      </c>
      <c r="EV29" s="280">
        <v>108</v>
      </c>
      <c r="EW29" s="280">
        <v>68</v>
      </c>
      <c r="EX29" s="280">
        <v>52</v>
      </c>
      <c r="EY29" s="277">
        <v>581</v>
      </c>
      <c r="EZ29" s="282">
        <v>863</v>
      </c>
    </row>
    <row r="30" spans="2:156" ht="21" customHeight="1" x14ac:dyDescent="0.2">
      <c r="B30" s="261" t="s">
        <v>28</v>
      </c>
      <c r="C30" s="276">
        <v>0</v>
      </c>
      <c r="D30" s="280">
        <v>0</v>
      </c>
      <c r="E30" s="384">
        <v>0</v>
      </c>
      <c r="F30" s="279">
        <v>0</v>
      </c>
      <c r="G30" s="280">
        <v>12</v>
      </c>
      <c r="H30" s="280">
        <v>17</v>
      </c>
      <c r="I30" s="280">
        <v>8</v>
      </c>
      <c r="J30" s="280">
        <v>9</v>
      </c>
      <c r="K30" s="280">
        <v>6</v>
      </c>
      <c r="L30" s="281">
        <v>52</v>
      </c>
      <c r="M30" s="282">
        <v>52</v>
      </c>
      <c r="N30" s="276">
        <v>0</v>
      </c>
      <c r="O30" s="280">
        <v>0</v>
      </c>
      <c r="P30" s="277">
        <v>0</v>
      </c>
      <c r="Q30" s="279">
        <v>0</v>
      </c>
      <c r="R30" s="280">
        <v>0</v>
      </c>
      <c r="S30" s="280">
        <v>2</v>
      </c>
      <c r="T30" s="280">
        <v>3</v>
      </c>
      <c r="U30" s="280">
        <v>3</v>
      </c>
      <c r="V30" s="280">
        <v>2</v>
      </c>
      <c r="W30" s="277">
        <v>10</v>
      </c>
      <c r="X30" s="282">
        <v>10</v>
      </c>
      <c r="Y30" s="276">
        <v>1</v>
      </c>
      <c r="Z30" s="280">
        <v>2</v>
      </c>
      <c r="AA30" s="277">
        <v>3</v>
      </c>
      <c r="AB30" s="279">
        <v>0</v>
      </c>
      <c r="AC30" s="280">
        <v>5</v>
      </c>
      <c r="AD30" s="280">
        <v>16</v>
      </c>
      <c r="AE30" s="280">
        <v>15</v>
      </c>
      <c r="AF30" s="280">
        <v>12</v>
      </c>
      <c r="AG30" s="280">
        <v>8</v>
      </c>
      <c r="AH30" s="277">
        <v>56</v>
      </c>
      <c r="AI30" s="282">
        <v>59</v>
      </c>
      <c r="AJ30" s="276">
        <v>0</v>
      </c>
      <c r="AK30" s="280">
        <v>0</v>
      </c>
      <c r="AL30" s="277">
        <v>0</v>
      </c>
      <c r="AM30" s="279">
        <v>0</v>
      </c>
      <c r="AN30" s="280">
        <v>2</v>
      </c>
      <c r="AO30" s="280">
        <v>0</v>
      </c>
      <c r="AP30" s="280">
        <v>0</v>
      </c>
      <c r="AQ30" s="280">
        <v>1</v>
      </c>
      <c r="AR30" s="280">
        <v>3</v>
      </c>
      <c r="AS30" s="277">
        <v>6</v>
      </c>
      <c r="AT30" s="282">
        <v>6</v>
      </c>
      <c r="AU30" s="276">
        <v>1</v>
      </c>
      <c r="AV30" s="280">
        <v>1</v>
      </c>
      <c r="AW30" s="277">
        <v>2</v>
      </c>
      <c r="AX30" s="279">
        <v>0</v>
      </c>
      <c r="AY30" s="280">
        <v>10</v>
      </c>
      <c r="AZ30" s="280">
        <v>21</v>
      </c>
      <c r="BA30" s="280">
        <v>24</v>
      </c>
      <c r="BB30" s="280">
        <v>26</v>
      </c>
      <c r="BC30" s="280">
        <v>10</v>
      </c>
      <c r="BD30" s="281">
        <v>91</v>
      </c>
      <c r="BE30" s="282">
        <v>93</v>
      </c>
      <c r="BF30" s="276">
        <v>0</v>
      </c>
      <c r="BG30" s="280">
        <v>0</v>
      </c>
      <c r="BH30" s="277">
        <v>0</v>
      </c>
      <c r="BI30" s="279">
        <v>0</v>
      </c>
      <c r="BJ30" s="280">
        <v>33</v>
      </c>
      <c r="BK30" s="280">
        <v>29</v>
      </c>
      <c r="BL30" s="280">
        <v>19</v>
      </c>
      <c r="BM30" s="280">
        <v>12</v>
      </c>
      <c r="BN30" s="280">
        <v>5</v>
      </c>
      <c r="BO30" s="277">
        <v>98</v>
      </c>
      <c r="BP30" s="282">
        <v>98</v>
      </c>
      <c r="BQ30" s="276">
        <v>0</v>
      </c>
      <c r="BR30" s="280">
        <v>4</v>
      </c>
      <c r="BS30" s="277">
        <v>4</v>
      </c>
      <c r="BT30" s="279">
        <v>0</v>
      </c>
      <c r="BU30" s="280">
        <v>6</v>
      </c>
      <c r="BV30" s="280">
        <v>19</v>
      </c>
      <c r="BW30" s="280">
        <v>9</v>
      </c>
      <c r="BX30" s="280">
        <v>8</v>
      </c>
      <c r="BY30" s="280">
        <v>5</v>
      </c>
      <c r="BZ30" s="277">
        <v>47</v>
      </c>
      <c r="CA30" s="282">
        <v>51</v>
      </c>
      <c r="CB30" s="276">
        <v>0</v>
      </c>
      <c r="CC30" s="280">
        <v>0</v>
      </c>
      <c r="CD30" s="277">
        <v>0</v>
      </c>
      <c r="CE30" s="279">
        <v>0</v>
      </c>
      <c r="CF30" s="280">
        <v>2</v>
      </c>
      <c r="CG30" s="280">
        <v>6</v>
      </c>
      <c r="CH30" s="280">
        <v>9</v>
      </c>
      <c r="CI30" s="280">
        <v>3</v>
      </c>
      <c r="CJ30" s="280">
        <v>6</v>
      </c>
      <c r="CK30" s="277">
        <v>26</v>
      </c>
      <c r="CL30" s="282">
        <v>26</v>
      </c>
      <c r="CM30" s="276">
        <v>0</v>
      </c>
      <c r="CN30" s="280">
        <v>1</v>
      </c>
      <c r="CO30" s="277">
        <v>1</v>
      </c>
      <c r="CP30" s="279">
        <v>0</v>
      </c>
      <c r="CQ30" s="280">
        <v>1</v>
      </c>
      <c r="CR30" s="280">
        <v>2</v>
      </c>
      <c r="CS30" s="280">
        <v>2</v>
      </c>
      <c r="CT30" s="280">
        <v>3</v>
      </c>
      <c r="CU30" s="280">
        <v>2</v>
      </c>
      <c r="CV30" s="277">
        <v>10</v>
      </c>
      <c r="CW30" s="282">
        <v>11</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7</v>
      </c>
      <c r="DU30" s="280">
        <v>18</v>
      </c>
      <c r="DV30" s="277">
        <v>25</v>
      </c>
      <c r="DW30" s="279">
        <v>0</v>
      </c>
      <c r="DX30" s="280">
        <v>32</v>
      </c>
      <c r="DY30" s="280">
        <v>57</v>
      </c>
      <c r="DZ30" s="280">
        <v>35</v>
      </c>
      <c r="EA30" s="280">
        <v>24</v>
      </c>
      <c r="EB30" s="280">
        <v>17</v>
      </c>
      <c r="EC30" s="277">
        <v>165</v>
      </c>
      <c r="ED30" s="282">
        <v>190</v>
      </c>
      <c r="EE30" s="276">
        <v>1</v>
      </c>
      <c r="EF30" s="280">
        <v>0</v>
      </c>
      <c r="EG30" s="277">
        <v>1</v>
      </c>
      <c r="EH30" s="279">
        <v>0</v>
      </c>
      <c r="EI30" s="280">
        <v>1</v>
      </c>
      <c r="EJ30" s="280">
        <v>6</v>
      </c>
      <c r="EK30" s="280">
        <v>4</v>
      </c>
      <c r="EL30" s="280">
        <v>9</v>
      </c>
      <c r="EM30" s="280">
        <v>1</v>
      </c>
      <c r="EN30" s="277">
        <v>21</v>
      </c>
      <c r="EO30" s="282">
        <v>22</v>
      </c>
      <c r="EP30" s="276">
        <v>9</v>
      </c>
      <c r="EQ30" s="280">
        <v>20</v>
      </c>
      <c r="ER30" s="277">
        <v>29</v>
      </c>
      <c r="ES30" s="279">
        <v>0</v>
      </c>
      <c r="ET30" s="280">
        <v>69</v>
      </c>
      <c r="EU30" s="280">
        <v>85</v>
      </c>
      <c r="EV30" s="280">
        <v>44</v>
      </c>
      <c r="EW30" s="280">
        <v>31</v>
      </c>
      <c r="EX30" s="280">
        <v>18</v>
      </c>
      <c r="EY30" s="277">
        <v>247</v>
      </c>
      <c r="EZ30" s="282">
        <v>276</v>
      </c>
    </row>
    <row r="31" spans="2:156" ht="21" customHeight="1" x14ac:dyDescent="0.2">
      <c r="B31" s="261" t="s">
        <v>29</v>
      </c>
      <c r="C31" s="276">
        <v>0</v>
      </c>
      <c r="D31" s="280">
        <v>0</v>
      </c>
      <c r="E31" s="384">
        <v>0</v>
      </c>
      <c r="F31" s="279">
        <v>0</v>
      </c>
      <c r="G31" s="280">
        <v>23</v>
      </c>
      <c r="H31" s="280">
        <v>21</v>
      </c>
      <c r="I31" s="280">
        <v>10</v>
      </c>
      <c r="J31" s="280">
        <v>12</v>
      </c>
      <c r="K31" s="280">
        <v>10</v>
      </c>
      <c r="L31" s="281">
        <v>76</v>
      </c>
      <c r="M31" s="282">
        <v>76</v>
      </c>
      <c r="N31" s="276">
        <v>0</v>
      </c>
      <c r="O31" s="280">
        <v>0</v>
      </c>
      <c r="P31" s="277">
        <v>0</v>
      </c>
      <c r="Q31" s="279">
        <v>0</v>
      </c>
      <c r="R31" s="280">
        <v>0</v>
      </c>
      <c r="S31" s="280">
        <v>1</v>
      </c>
      <c r="T31" s="280">
        <v>0</v>
      </c>
      <c r="U31" s="280">
        <v>2</v>
      </c>
      <c r="V31" s="280">
        <v>4</v>
      </c>
      <c r="W31" s="277">
        <v>7</v>
      </c>
      <c r="X31" s="282">
        <v>7</v>
      </c>
      <c r="Y31" s="276">
        <v>3</v>
      </c>
      <c r="Z31" s="280">
        <v>5</v>
      </c>
      <c r="AA31" s="277">
        <v>8</v>
      </c>
      <c r="AB31" s="279">
        <v>0</v>
      </c>
      <c r="AC31" s="280">
        <v>18</v>
      </c>
      <c r="AD31" s="280">
        <v>19</v>
      </c>
      <c r="AE31" s="280">
        <v>14</v>
      </c>
      <c r="AF31" s="280">
        <v>7</v>
      </c>
      <c r="AG31" s="280">
        <v>6</v>
      </c>
      <c r="AH31" s="277">
        <v>64</v>
      </c>
      <c r="AI31" s="282">
        <v>72</v>
      </c>
      <c r="AJ31" s="276">
        <v>1</v>
      </c>
      <c r="AK31" s="280">
        <v>1</v>
      </c>
      <c r="AL31" s="277">
        <v>2</v>
      </c>
      <c r="AM31" s="279">
        <v>0</v>
      </c>
      <c r="AN31" s="280">
        <v>3</v>
      </c>
      <c r="AO31" s="280">
        <v>3</v>
      </c>
      <c r="AP31" s="280">
        <v>1</v>
      </c>
      <c r="AQ31" s="280">
        <v>3</v>
      </c>
      <c r="AR31" s="280">
        <v>0</v>
      </c>
      <c r="AS31" s="277">
        <v>10</v>
      </c>
      <c r="AT31" s="282">
        <v>12</v>
      </c>
      <c r="AU31" s="276">
        <v>0</v>
      </c>
      <c r="AV31" s="280">
        <v>2</v>
      </c>
      <c r="AW31" s="277">
        <v>2</v>
      </c>
      <c r="AX31" s="279">
        <v>0</v>
      </c>
      <c r="AY31" s="280">
        <v>17</v>
      </c>
      <c r="AZ31" s="280">
        <v>29</v>
      </c>
      <c r="BA31" s="280">
        <v>12</v>
      </c>
      <c r="BB31" s="280">
        <v>19</v>
      </c>
      <c r="BC31" s="280">
        <v>9</v>
      </c>
      <c r="BD31" s="281">
        <v>86</v>
      </c>
      <c r="BE31" s="282">
        <v>88</v>
      </c>
      <c r="BF31" s="276">
        <v>0</v>
      </c>
      <c r="BG31" s="280">
        <v>0</v>
      </c>
      <c r="BH31" s="277">
        <v>0</v>
      </c>
      <c r="BI31" s="279">
        <v>0</v>
      </c>
      <c r="BJ31" s="280">
        <v>40</v>
      </c>
      <c r="BK31" s="280">
        <v>36</v>
      </c>
      <c r="BL31" s="280">
        <v>22</v>
      </c>
      <c r="BM31" s="280">
        <v>16</v>
      </c>
      <c r="BN31" s="280">
        <v>5</v>
      </c>
      <c r="BO31" s="277">
        <v>119</v>
      </c>
      <c r="BP31" s="282">
        <v>119</v>
      </c>
      <c r="BQ31" s="276">
        <v>2</v>
      </c>
      <c r="BR31" s="280">
        <v>2</v>
      </c>
      <c r="BS31" s="277">
        <v>4</v>
      </c>
      <c r="BT31" s="279">
        <v>0</v>
      </c>
      <c r="BU31" s="280">
        <v>17</v>
      </c>
      <c r="BV31" s="280">
        <v>11</v>
      </c>
      <c r="BW31" s="280">
        <v>7</v>
      </c>
      <c r="BX31" s="280">
        <v>4</v>
      </c>
      <c r="BY31" s="280">
        <v>0</v>
      </c>
      <c r="BZ31" s="277">
        <v>39</v>
      </c>
      <c r="CA31" s="282">
        <v>43</v>
      </c>
      <c r="CB31" s="276">
        <v>0</v>
      </c>
      <c r="CC31" s="280">
        <v>1</v>
      </c>
      <c r="CD31" s="277">
        <v>1</v>
      </c>
      <c r="CE31" s="279">
        <v>0</v>
      </c>
      <c r="CF31" s="280">
        <v>7</v>
      </c>
      <c r="CG31" s="280">
        <v>11</v>
      </c>
      <c r="CH31" s="280">
        <v>15</v>
      </c>
      <c r="CI31" s="280">
        <v>8</v>
      </c>
      <c r="CJ31" s="280">
        <v>5</v>
      </c>
      <c r="CK31" s="277">
        <v>46</v>
      </c>
      <c r="CL31" s="282">
        <v>47</v>
      </c>
      <c r="CM31" s="276">
        <v>0</v>
      </c>
      <c r="CN31" s="280">
        <v>0</v>
      </c>
      <c r="CO31" s="277">
        <v>0</v>
      </c>
      <c r="CP31" s="279">
        <v>0</v>
      </c>
      <c r="CQ31" s="280">
        <v>3</v>
      </c>
      <c r="CR31" s="280">
        <v>2</v>
      </c>
      <c r="CS31" s="280">
        <v>0</v>
      </c>
      <c r="CT31" s="280">
        <v>1</v>
      </c>
      <c r="CU31" s="280">
        <v>0</v>
      </c>
      <c r="CV31" s="277">
        <v>6</v>
      </c>
      <c r="CW31" s="282">
        <v>6</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3</v>
      </c>
      <c r="DU31" s="280">
        <v>28</v>
      </c>
      <c r="DV31" s="277">
        <v>51</v>
      </c>
      <c r="DW31" s="279">
        <v>0</v>
      </c>
      <c r="DX31" s="280">
        <v>39</v>
      </c>
      <c r="DY31" s="280">
        <v>59</v>
      </c>
      <c r="DZ31" s="280">
        <v>45</v>
      </c>
      <c r="EA31" s="280">
        <v>39</v>
      </c>
      <c r="EB31" s="280">
        <v>18</v>
      </c>
      <c r="EC31" s="277">
        <v>200</v>
      </c>
      <c r="ED31" s="282">
        <v>251</v>
      </c>
      <c r="EE31" s="276">
        <v>2</v>
      </c>
      <c r="EF31" s="280">
        <v>0</v>
      </c>
      <c r="EG31" s="277">
        <v>2</v>
      </c>
      <c r="EH31" s="279">
        <v>0</v>
      </c>
      <c r="EI31" s="280">
        <v>8</v>
      </c>
      <c r="EJ31" s="280">
        <v>8</v>
      </c>
      <c r="EK31" s="280">
        <v>4</v>
      </c>
      <c r="EL31" s="280">
        <v>8</v>
      </c>
      <c r="EM31" s="280">
        <v>5</v>
      </c>
      <c r="EN31" s="277">
        <v>33</v>
      </c>
      <c r="EO31" s="282">
        <v>35</v>
      </c>
      <c r="EP31" s="276">
        <v>29</v>
      </c>
      <c r="EQ31" s="280">
        <v>35</v>
      </c>
      <c r="ER31" s="277">
        <v>64</v>
      </c>
      <c r="ES31" s="279">
        <v>0</v>
      </c>
      <c r="ET31" s="280">
        <v>85</v>
      </c>
      <c r="EU31" s="280">
        <v>86</v>
      </c>
      <c r="EV31" s="280">
        <v>50</v>
      </c>
      <c r="EW31" s="280">
        <v>35</v>
      </c>
      <c r="EX31" s="280">
        <v>18</v>
      </c>
      <c r="EY31" s="277">
        <v>274</v>
      </c>
      <c r="EZ31" s="282">
        <v>338</v>
      </c>
    </row>
    <row r="32" spans="2:156" ht="21" customHeight="1" x14ac:dyDescent="0.2">
      <c r="B32" s="261" t="s">
        <v>30</v>
      </c>
      <c r="C32" s="276">
        <v>0</v>
      </c>
      <c r="D32" s="280">
        <v>0</v>
      </c>
      <c r="E32" s="384">
        <v>0</v>
      </c>
      <c r="F32" s="279">
        <v>0</v>
      </c>
      <c r="G32" s="280">
        <v>25</v>
      </c>
      <c r="H32" s="280">
        <v>20</v>
      </c>
      <c r="I32" s="280">
        <v>18</v>
      </c>
      <c r="J32" s="280">
        <v>11</v>
      </c>
      <c r="K32" s="280">
        <v>9</v>
      </c>
      <c r="L32" s="281">
        <v>83</v>
      </c>
      <c r="M32" s="282">
        <v>83</v>
      </c>
      <c r="N32" s="276">
        <v>0</v>
      </c>
      <c r="O32" s="280">
        <v>0</v>
      </c>
      <c r="P32" s="277">
        <v>0</v>
      </c>
      <c r="Q32" s="279">
        <v>0</v>
      </c>
      <c r="R32" s="280">
        <v>1</v>
      </c>
      <c r="S32" s="280">
        <v>0</v>
      </c>
      <c r="T32" s="280">
        <v>1</v>
      </c>
      <c r="U32" s="280">
        <v>7</v>
      </c>
      <c r="V32" s="280">
        <v>7</v>
      </c>
      <c r="W32" s="277">
        <v>16</v>
      </c>
      <c r="X32" s="282">
        <v>16</v>
      </c>
      <c r="Y32" s="276">
        <v>5</v>
      </c>
      <c r="Z32" s="280">
        <v>5</v>
      </c>
      <c r="AA32" s="277">
        <v>10</v>
      </c>
      <c r="AB32" s="279">
        <v>0</v>
      </c>
      <c r="AC32" s="280">
        <v>19</v>
      </c>
      <c r="AD32" s="280">
        <v>15</v>
      </c>
      <c r="AE32" s="280">
        <v>21</v>
      </c>
      <c r="AF32" s="280">
        <v>17</v>
      </c>
      <c r="AG32" s="280">
        <v>8</v>
      </c>
      <c r="AH32" s="277">
        <v>80</v>
      </c>
      <c r="AI32" s="282">
        <v>90</v>
      </c>
      <c r="AJ32" s="276">
        <v>0</v>
      </c>
      <c r="AK32" s="280">
        <v>0</v>
      </c>
      <c r="AL32" s="277">
        <v>0</v>
      </c>
      <c r="AM32" s="279">
        <v>0</v>
      </c>
      <c r="AN32" s="280">
        <v>1</v>
      </c>
      <c r="AO32" s="280">
        <v>0</v>
      </c>
      <c r="AP32" s="280">
        <v>5</v>
      </c>
      <c r="AQ32" s="280">
        <v>1</v>
      </c>
      <c r="AR32" s="280">
        <v>0</v>
      </c>
      <c r="AS32" s="277">
        <v>7</v>
      </c>
      <c r="AT32" s="282">
        <v>7</v>
      </c>
      <c r="AU32" s="276">
        <v>1</v>
      </c>
      <c r="AV32" s="280">
        <v>0</v>
      </c>
      <c r="AW32" s="277">
        <v>1</v>
      </c>
      <c r="AX32" s="279">
        <v>0</v>
      </c>
      <c r="AY32" s="280">
        <v>23</v>
      </c>
      <c r="AZ32" s="280">
        <v>14</v>
      </c>
      <c r="BA32" s="280">
        <v>23</v>
      </c>
      <c r="BB32" s="280">
        <v>21</v>
      </c>
      <c r="BC32" s="280">
        <v>9</v>
      </c>
      <c r="BD32" s="281">
        <v>90</v>
      </c>
      <c r="BE32" s="282">
        <v>91</v>
      </c>
      <c r="BF32" s="276">
        <v>0</v>
      </c>
      <c r="BG32" s="280">
        <v>0</v>
      </c>
      <c r="BH32" s="277">
        <v>0</v>
      </c>
      <c r="BI32" s="279">
        <v>0</v>
      </c>
      <c r="BJ32" s="280">
        <v>29</v>
      </c>
      <c r="BK32" s="280">
        <v>26</v>
      </c>
      <c r="BL32" s="280">
        <v>17</v>
      </c>
      <c r="BM32" s="280">
        <v>13</v>
      </c>
      <c r="BN32" s="280">
        <v>3</v>
      </c>
      <c r="BO32" s="277">
        <v>88</v>
      </c>
      <c r="BP32" s="282">
        <v>88</v>
      </c>
      <c r="BQ32" s="276">
        <v>3</v>
      </c>
      <c r="BR32" s="280">
        <v>3</v>
      </c>
      <c r="BS32" s="277">
        <v>6</v>
      </c>
      <c r="BT32" s="279">
        <v>0</v>
      </c>
      <c r="BU32" s="280">
        <v>6</v>
      </c>
      <c r="BV32" s="280">
        <v>9</v>
      </c>
      <c r="BW32" s="280">
        <v>6</v>
      </c>
      <c r="BX32" s="280">
        <v>5</v>
      </c>
      <c r="BY32" s="280">
        <v>0</v>
      </c>
      <c r="BZ32" s="277">
        <v>26</v>
      </c>
      <c r="CA32" s="282">
        <v>32</v>
      </c>
      <c r="CB32" s="276">
        <v>0</v>
      </c>
      <c r="CC32" s="280">
        <v>0</v>
      </c>
      <c r="CD32" s="277">
        <v>0</v>
      </c>
      <c r="CE32" s="279">
        <v>0</v>
      </c>
      <c r="CF32" s="280">
        <v>6</v>
      </c>
      <c r="CG32" s="280">
        <v>6</v>
      </c>
      <c r="CH32" s="280">
        <v>6</v>
      </c>
      <c r="CI32" s="280">
        <v>6</v>
      </c>
      <c r="CJ32" s="280">
        <v>1</v>
      </c>
      <c r="CK32" s="277">
        <v>25</v>
      </c>
      <c r="CL32" s="282">
        <v>25</v>
      </c>
      <c r="CM32" s="276">
        <v>0</v>
      </c>
      <c r="CN32" s="280">
        <v>0</v>
      </c>
      <c r="CO32" s="277">
        <v>0</v>
      </c>
      <c r="CP32" s="279">
        <v>0</v>
      </c>
      <c r="CQ32" s="280">
        <v>0</v>
      </c>
      <c r="CR32" s="280">
        <v>3</v>
      </c>
      <c r="CS32" s="280">
        <v>1</v>
      </c>
      <c r="CT32" s="280">
        <v>1</v>
      </c>
      <c r="CU32" s="280">
        <v>0</v>
      </c>
      <c r="CV32" s="277">
        <v>5</v>
      </c>
      <c r="CW32" s="282">
        <v>5</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5</v>
      </c>
      <c r="DU32" s="280">
        <v>22</v>
      </c>
      <c r="DV32" s="277">
        <v>57</v>
      </c>
      <c r="DW32" s="279">
        <v>0</v>
      </c>
      <c r="DX32" s="280">
        <v>53</v>
      </c>
      <c r="DY32" s="280">
        <v>54</v>
      </c>
      <c r="DZ32" s="280">
        <v>52</v>
      </c>
      <c r="EA32" s="280">
        <v>34</v>
      </c>
      <c r="EB32" s="280">
        <v>14</v>
      </c>
      <c r="EC32" s="277">
        <v>207</v>
      </c>
      <c r="ED32" s="282">
        <v>264</v>
      </c>
      <c r="EE32" s="276">
        <v>1</v>
      </c>
      <c r="EF32" s="280">
        <v>1</v>
      </c>
      <c r="EG32" s="277">
        <v>2</v>
      </c>
      <c r="EH32" s="279">
        <v>0</v>
      </c>
      <c r="EI32" s="280">
        <v>7</v>
      </c>
      <c r="EJ32" s="280">
        <v>5</v>
      </c>
      <c r="EK32" s="280">
        <v>4</v>
      </c>
      <c r="EL32" s="280">
        <v>4</v>
      </c>
      <c r="EM32" s="280">
        <v>1</v>
      </c>
      <c r="EN32" s="277">
        <v>21</v>
      </c>
      <c r="EO32" s="282">
        <v>23</v>
      </c>
      <c r="EP32" s="276">
        <v>39</v>
      </c>
      <c r="EQ32" s="280">
        <v>26</v>
      </c>
      <c r="ER32" s="277">
        <v>65</v>
      </c>
      <c r="ES32" s="279">
        <v>0</v>
      </c>
      <c r="ET32" s="280">
        <v>85</v>
      </c>
      <c r="EU32" s="280">
        <v>70</v>
      </c>
      <c r="EV32" s="280">
        <v>57</v>
      </c>
      <c r="EW32" s="280">
        <v>38</v>
      </c>
      <c r="EX32" s="280">
        <v>15</v>
      </c>
      <c r="EY32" s="277">
        <v>265</v>
      </c>
      <c r="EZ32" s="282">
        <v>330</v>
      </c>
    </row>
    <row r="33" spans="2:156" ht="21" customHeight="1" x14ac:dyDescent="0.2">
      <c r="B33" s="261" t="s">
        <v>31</v>
      </c>
      <c r="C33" s="276">
        <v>0</v>
      </c>
      <c r="D33" s="280">
        <v>0</v>
      </c>
      <c r="E33" s="384">
        <v>0</v>
      </c>
      <c r="F33" s="279">
        <v>0</v>
      </c>
      <c r="G33" s="280">
        <v>11</v>
      </c>
      <c r="H33" s="280">
        <v>15</v>
      </c>
      <c r="I33" s="280">
        <v>7</v>
      </c>
      <c r="J33" s="280">
        <v>6</v>
      </c>
      <c r="K33" s="280">
        <v>8</v>
      </c>
      <c r="L33" s="281">
        <v>47</v>
      </c>
      <c r="M33" s="282">
        <v>47</v>
      </c>
      <c r="N33" s="276">
        <v>0</v>
      </c>
      <c r="O33" s="280">
        <v>0</v>
      </c>
      <c r="P33" s="277">
        <v>0</v>
      </c>
      <c r="Q33" s="279">
        <v>0</v>
      </c>
      <c r="R33" s="280">
        <v>0</v>
      </c>
      <c r="S33" s="280">
        <v>2</v>
      </c>
      <c r="T33" s="280">
        <v>5</v>
      </c>
      <c r="U33" s="280">
        <v>5</v>
      </c>
      <c r="V33" s="280">
        <v>5</v>
      </c>
      <c r="W33" s="277">
        <v>17</v>
      </c>
      <c r="X33" s="282">
        <v>17</v>
      </c>
      <c r="Y33" s="276">
        <v>3</v>
      </c>
      <c r="Z33" s="280">
        <v>8</v>
      </c>
      <c r="AA33" s="277">
        <v>11</v>
      </c>
      <c r="AB33" s="279">
        <v>0</v>
      </c>
      <c r="AC33" s="280">
        <v>16</v>
      </c>
      <c r="AD33" s="280">
        <v>22</v>
      </c>
      <c r="AE33" s="280">
        <v>12</v>
      </c>
      <c r="AF33" s="280">
        <v>13</v>
      </c>
      <c r="AG33" s="280">
        <v>10</v>
      </c>
      <c r="AH33" s="277">
        <v>73</v>
      </c>
      <c r="AI33" s="282">
        <v>84</v>
      </c>
      <c r="AJ33" s="276">
        <v>0</v>
      </c>
      <c r="AK33" s="280">
        <v>2</v>
      </c>
      <c r="AL33" s="277">
        <v>2</v>
      </c>
      <c r="AM33" s="279">
        <v>0</v>
      </c>
      <c r="AN33" s="280">
        <v>3</v>
      </c>
      <c r="AO33" s="280">
        <v>2</v>
      </c>
      <c r="AP33" s="280">
        <v>2</v>
      </c>
      <c r="AQ33" s="280">
        <v>3</v>
      </c>
      <c r="AR33" s="280">
        <v>1</v>
      </c>
      <c r="AS33" s="277">
        <v>11</v>
      </c>
      <c r="AT33" s="282">
        <v>13</v>
      </c>
      <c r="AU33" s="276">
        <v>2</v>
      </c>
      <c r="AV33" s="280">
        <v>0</v>
      </c>
      <c r="AW33" s="277">
        <v>2</v>
      </c>
      <c r="AX33" s="279">
        <v>0</v>
      </c>
      <c r="AY33" s="280">
        <v>10</v>
      </c>
      <c r="AZ33" s="280">
        <v>17</v>
      </c>
      <c r="BA33" s="280">
        <v>11</v>
      </c>
      <c r="BB33" s="280">
        <v>11</v>
      </c>
      <c r="BC33" s="280">
        <v>9</v>
      </c>
      <c r="BD33" s="281">
        <v>58</v>
      </c>
      <c r="BE33" s="282">
        <v>60</v>
      </c>
      <c r="BF33" s="276">
        <v>0</v>
      </c>
      <c r="BG33" s="280">
        <v>0</v>
      </c>
      <c r="BH33" s="277">
        <v>0</v>
      </c>
      <c r="BI33" s="279">
        <v>0</v>
      </c>
      <c r="BJ33" s="280">
        <v>39</v>
      </c>
      <c r="BK33" s="280">
        <v>37</v>
      </c>
      <c r="BL33" s="280">
        <v>22</v>
      </c>
      <c r="BM33" s="280">
        <v>12</v>
      </c>
      <c r="BN33" s="280">
        <v>3</v>
      </c>
      <c r="BO33" s="277">
        <v>113</v>
      </c>
      <c r="BP33" s="282">
        <v>113</v>
      </c>
      <c r="BQ33" s="276">
        <v>0</v>
      </c>
      <c r="BR33" s="280">
        <v>0</v>
      </c>
      <c r="BS33" s="277">
        <v>0</v>
      </c>
      <c r="BT33" s="279">
        <v>0</v>
      </c>
      <c r="BU33" s="280">
        <v>4</v>
      </c>
      <c r="BV33" s="280">
        <v>9</v>
      </c>
      <c r="BW33" s="280">
        <v>4</v>
      </c>
      <c r="BX33" s="280">
        <v>3</v>
      </c>
      <c r="BY33" s="280">
        <v>1</v>
      </c>
      <c r="BZ33" s="277">
        <v>21</v>
      </c>
      <c r="CA33" s="282">
        <v>21</v>
      </c>
      <c r="CB33" s="276">
        <v>1</v>
      </c>
      <c r="CC33" s="280">
        <v>1</v>
      </c>
      <c r="CD33" s="277">
        <v>2</v>
      </c>
      <c r="CE33" s="279">
        <v>0</v>
      </c>
      <c r="CF33" s="280">
        <v>3</v>
      </c>
      <c r="CG33" s="280">
        <v>9</v>
      </c>
      <c r="CH33" s="280">
        <v>13</v>
      </c>
      <c r="CI33" s="280">
        <v>6</v>
      </c>
      <c r="CJ33" s="280">
        <v>2</v>
      </c>
      <c r="CK33" s="277">
        <v>33</v>
      </c>
      <c r="CL33" s="282">
        <v>35</v>
      </c>
      <c r="CM33" s="276">
        <v>0</v>
      </c>
      <c r="CN33" s="280">
        <v>0</v>
      </c>
      <c r="CO33" s="277">
        <v>0</v>
      </c>
      <c r="CP33" s="279">
        <v>0</v>
      </c>
      <c r="CQ33" s="280">
        <v>0</v>
      </c>
      <c r="CR33" s="280">
        <v>2</v>
      </c>
      <c r="CS33" s="280">
        <v>0</v>
      </c>
      <c r="CT33" s="280">
        <v>0</v>
      </c>
      <c r="CU33" s="280">
        <v>1</v>
      </c>
      <c r="CV33" s="277">
        <v>3</v>
      </c>
      <c r="CW33" s="282">
        <v>3</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0</v>
      </c>
      <c r="DU33" s="280">
        <v>54</v>
      </c>
      <c r="DV33" s="277">
        <v>74</v>
      </c>
      <c r="DW33" s="279">
        <v>0</v>
      </c>
      <c r="DX33" s="280">
        <v>62</v>
      </c>
      <c r="DY33" s="280">
        <v>61</v>
      </c>
      <c r="DZ33" s="280">
        <v>39</v>
      </c>
      <c r="EA33" s="280">
        <v>30</v>
      </c>
      <c r="EB33" s="280">
        <v>17</v>
      </c>
      <c r="EC33" s="277">
        <v>209</v>
      </c>
      <c r="ED33" s="282">
        <v>283</v>
      </c>
      <c r="EE33" s="276">
        <v>1</v>
      </c>
      <c r="EF33" s="280">
        <v>1</v>
      </c>
      <c r="EG33" s="277">
        <v>2</v>
      </c>
      <c r="EH33" s="279">
        <v>0</v>
      </c>
      <c r="EI33" s="280">
        <v>8</v>
      </c>
      <c r="EJ33" s="280">
        <v>6</v>
      </c>
      <c r="EK33" s="280">
        <v>6</v>
      </c>
      <c r="EL33" s="280">
        <v>3</v>
      </c>
      <c r="EM33" s="280">
        <v>2</v>
      </c>
      <c r="EN33" s="277">
        <v>25</v>
      </c>
      <c r="EO33" s="282">
        <v>27</v>
      </c>
      <c r="EP33" s="276">
        <v>24</v>
      </c>
      <c r="EQ33" s="280">
        <v>58</v>
      </c>
      <c r="ER33" s="277">
        <v>82</v>
      </c>
      <c r="ES33" s="279">
        <v>0</v>
      </c>
      <c r="ET33" s="280">
        <v>103</v>
      </c>
      <c r="EU33" s="280">
        <v>86</v>
      </c>
      <c r="EV33" s="280">
        <v>44</v>
      </c>
      <c r="EW33" s="280">
        <v>27</v>
      </c>
      <c r="EX33" s="280">
        <v>15</v>
      </c>
      <c r="EY33" s="277">
        <v>275</v>
      </c>
      <c r="EZ33" s="282">
        <v>357</v>
      </c>
    </row>
    <row r="34" spans="2:156" ht="21" customHeight="1" x14ac:dyDescent="0.2">
      <c r="B34" s="261" t="s">
        <v>32</v>
      </c>
      <c r="C34" s="276">
        <v>0</v>
      </c>
      <c r="D34" s="280">
        <v>0</v>
      </c>
      <c r="E34" s="384">
        <v>0</v>
      </c>
      <c r="F34" s="279">
        <v>0</v>
      </c>
      <c r="G34" s="280">
        <v>32</v>
      </c>
      <c r="H34" s="280">
        <v>19</v>
      </c>
      <c r="I34" s="280">
        <v>15</v>
      </c>
      <c r="J34" s="280">
        <v>9</v>
      </c>
      <c r="K34" s="280">
        <v>12</v>
      </c>
      <c r="L34" s="281">
        <v>87</v>
      </c>
      <c r="M34" s="282">
        <v>87</v>
      </c>
      <c r="N34" s="276">
        <v>0</v>
      </c>
      <c r="O34" s="280">
        <v>0</v>
      </c>
      <c r="P34" s="277">
        <v>0</v>
      </c>
      <c r="Q34" s="279">
        <v>0</v>
      </c>
      <c r="R34" s="280">
        <v>0</v>
      </c>
      <c r="S34" s="280">
        <v>0</v>
      </c>
      <c r="T34" s="280">
        <v>3</v>
      </c>
      <c r="U34" s="280">
        <v>2</v>
      </c>
      <c r="V34" s="280">
        <v>7</v>
      </c>
      <c r="W34" s="277">
        <v>12</v>
      </c>
      <c r="X34" s="282">
        <v>12</v>
      </c>
      <c r="Y34" s="276">
        <v>4</v>
      </c>
      <c r="Z34" s="280">
        <v>8</v>
      </c>
      <c r="AA34" s="277">
        <v>12</v>
      </c>
      <c r="AB34" s="279">
        <v>0</v>
      </c>
      <c r="AC34" s="280">
        <v>29</v>
      </c>
      <c r="AD34" s="280">
        <v>23</v>
      </c>
      <c r="AE34" s="280">
        <v>16</v>
      </c>
      <c r="AF34" s="280">
        <v>15</v>
      </c>
      <c r="AG34" s="280">
        <v>8</v>
      </c>
      <c r="AH34" s="277">
        <v>91</v>
      </c>
      <c r="AI34" s="282">
        <v>103</v>
      </c>
      <c r="AJ34" s="276">
        <v>2</v>
      </c>
      <c r="AK34" s="280">
        <v>0</v>
      </c>
      <c r="AL34" s="277">
        <v>2</v>
      </c>
      <c r="AM34" s="279">
        <v>0</v>
      </c>
      <c r="AN34" s="280">
        <v>5</v>
      </c>
      <c r="AO34" s="280">
        <v>1</v>
      </c>
      <c r="AP34" s="280">
        <v>1</v>
      </c>
      <c r="AQ34" s="280">
        <v>3</v>
      </c>
      <c r="AR34" s="280">
        <v>2</v>
      </c>
      <c r="AS34" s="277">
        <v>12</v>
      </c>
      <c r="AT34" s="282">
        <v>14</v>
      </c>
      <c r="AU34" s="276">
        <v>3</v>
      </c>
      <c r="AV34" s="280">
        <v>2</v>
      </c>
      <c r="AW34" s="277">
        <v>5</v>
      </c>
      <c r="AX34" s="279">
        <v>0</v>
      </c>
      <c r="AY34" s="280">
        <v>16</v>
      </c>
      <c r="AZ34" s="280">
        <v>21</v>
      </c>
      <c r="BA34" s="280">
        <v>22</v>
      </c>
      <c r="BB34" s="280">
        <v>29</v>
      </c>
      <c r="BC34" s="280">
        <v>18</v>
      </c>
      <c r="BD34" s="281">
        <v>106</v>
      </c>
      <c r="BE34" s="282">
        <v>111</v>
      </c>
      <c r="BF34" s="276">
        <v>0</v>
      </c>
      <c r="BG34" s="280">
        <v>0</v>
      </c>
      <c r="BH34" s="277">
        <v>0</v>
      </c>
      <c r="BI34" s="279">
        <v>0</v>
      </c>
      <c r="BJ34" s="280">
        <v>51</v>
      </c>
      <c r="BK34" s="280">
        <v>46</v>
      </c>
      <c r="BL34" s="280">
        <v>23</v>
      </c>
      <c r="BM34" s="280">
        <v>19</v>
      </c>
      <c r="BN34" s="280">
        <v>5</v>
      </c>
      <c r="BO34" s="277">
        <v>144</v>
      </c>
      <c r="BP34" s="282">
        <v>144</v>
      </c>
      <c r="BQ34" s="276">
        <v>2</v>
      </c>
      <c r="BR34" s="280">
        <v>1</v>
      </c>
      <c r="BS34" s="277">
        <v>3</v>
      </c>
      <c r="BT34" s="279">
        <v>0</v>
      </c>
      <c r="BU34" s="280">
        <v>9</v>
      </c>
      <c r="BV34" s="280">
        <v>11</v>
      </c>
      <c r="BW34" s="280">
        <v>5</v>
      </c>
      <c r="BX34" s="280">
        <v>6</v>
      </c>
      <c r="BY34" s="280">
        <v>3</v>
      </c>
      <c r="BZ34" s="277">
        <v>34</v>
      </c>
      <c r="CA34" s="282">
        <v>37</v>
      </c>
      <c r="CB34" s="276">
        <v>0</v>
      </c>
      <c r="CC34" s="280">
        <v>1</v>
      </c>
      <c r="CD34" s="277">
        <v>1</v>
      </c>
      <c r="CE34" s="279">
        <v>0</v>
      </c>
      <c r="CF34" s="280">
        <v>6</v>
      </c>
      <c r="CG34" s="280">
        <v>10</v>
      </c>
      <c r="CH34" s="280">
        <v>11</v>
      </c>
      <c r="CI34" s="280">
        <v>4</v>
      </c>
      <c r="CJ34" s="280">
        <v>5</v>
      </c>
      <c r="CK34" s="277">
        <v>36</v>
      </c>
      <c r="CL34" s="282">
        <v>37</v>
      </c>
      <c r="CM34" s="276">
        <v>0</v>
      </c>
      <c r="CN34" s="280">
        <v>0</v>
      </c>
      <c r="CO34" s="277">
        <v>0</v>
      </c>
      <c r="CP34" s="279">
        <v>0</v>
      </c>
      <c r="CQ34" s="280">
        <v>0</v>
      </c>
      <c r="CR34" s="280">
        <v>0</v>
      </c>
      <c r="CS34" s="280">
        <v>1</v>
      </c>
      <c r="CT34" s="280">
        <v>4</v>
      </c>
      <c r="CU34" s="280">
        <v>0</v>
      </c>
      <c r="CV34" s="277">
        <v>5</v>
      </c>
      <c r="CW34" s="282">
        <v>5</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19</v>
      </c>
      <c r="DU34" s="280">
        <v>38</v>
      </c>
      <c r="DV34" s="277">
        <v>57</v>
      </c>
      <c r="DW34" s="279">
        <v>0</v>
      </c>
      <c r="DX34" s="280">
        <v>67</v>
      </c>
      <c r="DY34" s="280">
        <v>76</v>
      </c>
      <c r="DZ34" s="280">
        <v>51</v>
      </c>
      <c r="EA34" s="280">
        <v>33</v>
      </c>
      <c r="EB34" s="280">
        <v>18</v>
      </c>
      <c r="EC34" s="277">
        <v>245</v>
      </c>
      <c r="ED34" s="282">
        <v>302</v>
      </c>
      <c r="EE34" s="276">
        <v>2</v>
      </c>
      <c r="EF34" s="280">
        <v>3</v>
      </c>
      <c r="EG34" s="277">
        <v>5</v>
      </c>
      <c r="EH34" s="279">
        <v>0</v>
      </c>
      <c r="EI34" s="280">
        <v>7</v>
      </c>
      <c r="EJ34" s="280">
        <v>5</v>
      </c>
      <c r="EK34" s="280">
        <v>5</v>
      </c>
      <c r="EL34" s="280">
        <v>10</v>
      </c>
      <c r="EM34" s="280">
        <v>5</v>
      </c>
      <c r="EN34" s="277">
        <v>32</v>
      </c>
      <c r="EO34" s="282">
        <v>37</v>
      </c>
      <c r="EP34" s="276">
        <v>21</v>
      </c>
      <c r="EQ34" s="280">
        <v>43</v>
      </c>
      <c r="ER34" s="277">
        <v>64</v>
      </c>
      <c r="ES34" s="279">
        <v>0</v>
      </c>
      <c r="ET34" s="280">
        <v>135</v>
      </c>
      <c r="EU34" s="280">
        <v>113</v>
      </c>
      <c r="EV34" s="280">
        <v>57</v>
      </c>
      <c r="EW34" s="280">
        <v>36</v>
      </c>
      <c r="EX34" s="280">
        <v>22</v>
      </c>
      <c r="EY34" s="277">
        <v>363</v>
      </c>
      <c r="EZ34" s="282">
        <v>427</v>
      </c>
    </row>
    <row r="35" spans="2:156" ht="21" customHeight="1" x14ac:dyDescent="0.2">
      <c r="B35" s="261" t="s">
        <v>33</v>
      </c>
      <c r="C35" s="276">
        <v>0</v>
      </c>
      <c r="D35" s="280">
        <v>0</v>
      </c>
      <c r="E35" s="384">
        <v>0</v>
      </c>
      <c r="F35" s="279">
        <v>0</v>
      </c>
      <c r="G35" s="280">
        <v>21</v>
      </c>
      <c r="H35" s="280">
        <v>17</v>
      </c>
      <c r="I35" s="280">
        <v>11</v>
      </c>
      <c r="J35" s="280">
        <v>7</v>
      </c>
      <c r="K35" s="280">
        <v>11</v>
      </c>
      <c r="L35" s="281">
        <v>67</v>
      </c>
      <c r="M35" s="282">
        <v>67</v>
      </c>
      <c r="N35" s="276">
        <v>0</v>
      </c>
      <c r="O35" s="280">
        <v>0</v>
      </c>
      <c r="P35" s="277">
        <v>0</v>
      </c>
      <c r="Q35" s="279">
        <v>0</v>
      </c>
      <c r="R35" s="280">
        <v>0</v>
      </c>
      <c r="S35" s="280">
        <v>1</v>
      </c>
      <c r="T35" s="280">
        <v>2</v>
      </c>
      <c r="U35" s="280">
        <v>4</v>
      </c>
      <c r="V35" s="280">
        <v>4</v>
      </c>
      <c r="W35" s="277">
        <v>11</v>
      </c>
      <c r="X35" s="282">
        <v>11</v>
      </c>
      <c r="Y35" s="276">
        <v>1</v>
      </c>
      <c r="Z35" s="280">
        <v>3</v>
      </c>
      <c r="AA35" s="277">
        <v>4</v>
      </c>
      <c r="AB35" s="279">
        <v>0</v>
      </c>
      <c r="AC35" s="280">
        <v>17</v>
      </c>
      <c r="AD35" s="280">
        <v>17</v>
      </c>
      <c r="AE35" s="280">
        <v>6</v>
      </c>
      <c r="AF35" s="280">
        <v>7</v>
      </c>
      <c r="AG35" s="280">
        <v>8</v>
      </c>
      <c r="AH35" s="277">
        <v>55</v>
      </c>
      <c r="AI35" s="282">
        <v>59</v>
      </c>
      <c r="AJ35" s="276">
        <v>13</v>
      </c>
      <c r="AK35" s="280">
        <v>22</v>
      </c>
      <c r="AL35" s="277">
        <v>35</v>
      </c>
      <c r="AM35" s="279">
        <v>0</v>
      </c>
      <c r="AN35" s="280">
        <v>31</v>
      </c>
      <c r="AO35" s="280">
        <v>21</v>
      </c>
      <c r="AP35" s="280">
        <v>7</v>
      </c>
      <c r="AQ35" s="280">
        <v>8</v>
      </c>
      <c r="AR35" s="280">
        <v>4</v>
      </c>
      <c r="AS35" s="277">
        <v>71</v>
      </c>
      <c r="AT35" s="282">
        <v>106</v>
      </c>
      <c r="AU35" s="276">
        <v>5</v>
      </c>
      <c r="AV35" s="280">
        <v>10</v>
      </c>
      <c r="AW35" s="277">
        <v>15</v>
      </c>
      <c r="AX35" s="279">
        <v>0</v>
      </c>
      <c r="AY35" s="280">
        <v>22</v>
      </c>
      <c r="AZ35" s="280">
        <v>37</v>
      </c>
      <c r="BA35" s="280">
        <v>28</v>
      </c>
      <c r="BB35" s="280">
        <v>14</v>
      </c>
      <c r="BC35" s="280">
        <v>13</v>
      </c>
      <c r="BD35" s="281">
        <v>114</v>
      </c>
      <c r="BE35" s="282">
        <v>129</v>
      </c>
      <c r="BF35" s="276">
        <v>0</v>
      </c>
      <c r="BG35" s="280">
        <v>0</v>
      </c>
      <c r="BH35" s="277">
        <v>0</v>
      </c>
      <c r="BI35" s="279">
        <v>0</v>
      </c>
      <c r="BJ35" s="280">
        <v>14</v>
      </c>
      <c r="BK35" s="280">
        <v>8</v>
      </c>
      <c r="BL35" s="280">
        <v>1</v>
      </c>
      <c r="BM35" s="280">
        <v>5</v>
      </c>
      <c r="BN35" s="280">
        <v>3</v>
      </c>
      <c r="BO35" s="277">
        <v>31</v>
      </c>
      <c r="BP35" s="282">
        <v>31</v>
      </c>
      <c r="BQ35" s="276">
        <v>5</v>
      </c>
      <c r="BR35" s="280">
        <v>11</v>
      </c>
      <c r="BS35" s="277">
        <v>16</v>
      </c>
      <c r="BT35" s="279">
        <v>0</v>
      </c>
      <c r="BU35" s="280">
        <v>30</v>
      </c>
      <c r="BV35" s="280">
        <v>16</v>
      </c>
      <c r="BW35" s="280">
        <v>10</v>
      </c>
      <c r="BX35" s="280">
        <v>6</v>
      </c>
      <c r="BY35" s="280">
        <v>1</v>
      </c>
      <c r="BZ35" s="277">
        <v>63</v>
      </c>
      <c r="CA35" s="282">
        <v>79</v>
      </c>
      <c r="CB35" s="276">
        <v>0</v>
      </c>
      <c r="CC35" s="280">
        <v>0</v>
      </c>
      <c r="CD35" s="277">
        <v>0</v>
      </c>
      <c r="CE35" s="279">
        <v>0</v>
      </c>
      <c r="CF35" s="280">
        <v>2</v>
      </c>
      <c r="CG35" s="280">
        <v>7</v>
      </c>
      <c r="CH35" s="280">
        <v>5</v>
      </c>
      <c r="CI35" s="280">
        <v>7</v>
      </c>
      <c r="CJ35" s="280">
        <v>3</v>
      </c>
      <c r="CK35" s="277">
        <v>24</v>
      </c>
      <c r="CL35" s="282">
        <v>24</v>
      </c>
      <c r="CM35" s="276">
        <v>0</v>
      </c>
      <c r="CN35" s="280">
        <v>0</v>
      </c>
      <c r="CO35" s="277">
        <v>0</v>
      </c>
      <c r="CP35" s="279">
        <v>0</v>
      </c>
      <c r="CQ35" s="280">
        <v>1</v>
      </c>
      <c r="CR35" s="280">
        <v>1</v>
      </c>
      <c r="CS35" s="280">
        <v>0</v>
      </c>
      <c r="CT35" s="280">
        <v>3</v>
      </c>
      <c r="CU35" s="280">
        <v>1</v>
      </c>
      <c r="CV35" s="277">
        <v>6</v>
      </c>
      <c r="CW35" s="282">
        <v>6</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21</v>
      </c>
      <c r="DU35" s="280">
        <v>36</v>
      </c>
      <c r="DV35" s="277">
        <v>57</v>
      </c>
      <c r="DW35" s="279">
        <v>0</v>
      </c>
      <c r="DX35" s="280">
        <v>61</v>
      </c>
      <c r="DY35" s="280">
        <v>46</v>
      </c>
      <c r="DZ35" s="280">
        <v>28</v>
      </c>
      <c r="EA35" s="280">
        <v>24</v>
      </c>
      <c r="EB35" s="280">
        <v>18</v>
      </c>
      <c r="EC35" s="277">
        <v>177</v>
      </c>
      <c r="ED35" s="282">
        <v>234</v>
      </c>
      <c r="EE35" s="276">
        <v>4</v>
      </c>
      <c r="EF35" s="280">
        <v>5</v>
      </c>
      <c r="EG35" s="277">
        <v>9</v>
      </c>
      <c r="EH35" s="279">
        <v>0</v>
      </c>
      <c r="EI35" s="280">
        <v>14</v>
      </c>
      <c r="EJ35" s="280">
        <v>17</v>
      </c>
      <c r="EK35" s="280">
        <v>11</v>
      </c>
      <c r="EL35" s="280">
        <v>10</v>
      </c>
      <c r="EM35" s="280">
        <v>2</v>
      </c>
      <c r="EN35" s="277">
        <v>54</v>
      </c>
      <c r="EO35" s="282">
        <v>63</v>
      </c>
      <c r="EP35" s="276">
        <v>35</v>
      </c>
      <c r="EQ35" s="280">
        <v>56</v>
      </c>
      <c r="ER35" s="277">
        <v>91</v>
      </c>
      <c r="ES35" s="279">
        <v>0</v>
      </c>
      <c r="ET35" s="280">
        <v>111</v>
      </c>
      <c r="EU35" s="280">
        <v>66</v>
      </c>
      <c r="EV35" s="280">
        <v>35</v>
      </c>
      <c r="EW35" s="280">
        <v>22</v>
      </c>
      <c r="EX35" s="280">
        <v>18</v>
      </c>
      <c r="EY35" s="277">
        <v>252</v>
      </c>
      <c r="EZ35" s="282">
        <v>343</v>
      </c>
    </row>
    <row r="36" spans="2:156" ht="21" customHeight="1" x14ac:dyDescent="0.2">
      <c r="B36" s="261" t="s">
        <v>34</v>
      </c>
      <c r="C36" s="276">
        <v>0</v>
      </c>
      <c r="D36" s="280">
        <v>0</v>
      </c>
      <c r="E36" s="384">
        <v>0</v>
      </c>
      <c r="F36" s="279">
        <v>0</v>
      </c>
      <c r="G36" s="280">
        <v>12</v>
      </c>
      <c r="H36" s="280">
        <v>8</v>
      </c>
      <c r="I36" s="280">
        <v>6</v>
      </c>
      <c r="J36" s="280">
        <v>8</v>
      </c>
      <c r="K36" s="280">
        <v>2</v>
      </c>
      <c r="L36" s="281">
        <v>36</v>
      </c>
      <c r="M36" s="282">
        <v>36</v>
      </c>
      <c r="N36" s="276">
        <v>0</v>
      </c>
      <c r="O36" s="280">
        <v>0</v>
      </c>
      <c r="P36" s="277">
        <v>0</v>
      </c>
      <c r="Q36" s="279">
        <v>0</v>
      </c>
      <c r="R36" s="280">
        <v>0</v>
      </c>
      <c r="S36" s="280">
        <v>1</v>
      </c>
      <c r="T36" s="280">
        <v>0</v>
      </c>
      <c r="U36" s="280">
        <v>2</v>
      </c>
      <c r="V36" s="280">
        <v>4</v>
      </c>
      <c r="W36" s="277">
        <v>7</v>
      </c>
      <c r="X36" s="282">
        <v>7</v>
      </c>
      <c r="Y36" s="276">
        <v>1</v>
      </c>
      <c r="Z36" s="280">
        <v>6</v>
      </c>
      <c r="AA36" s="277">
        <v>7</v>
      </c>
      <c r="AB36" s="279">
        <v>0</v>
      </c>
      <c r="AC36" s="280">
        <v>12</v>
      </c>
      <c r="AD36" s="280">
        <v>13</v>
      </c>
      <c r="AE36" s="280">
        <v>8</v>
      </c>
      <c r="AF36" s="280">
        <v>8</v>
      </c>
      <c r="AG36" s="280">
        <v>3</v>
      </c>
      <c r="AH36" s="277">
        <v>44</v>
      </c>
      <c r="AI36" s="282">
        <v>51</v>
      </c>
      <c r="AJ36" s="276">
        <v>0</v>
      </c>
      <c r="AK36" s="280">
        <v>0</v>
      </c>
      <c r="AL36" s="277">
        <v>0</v>
      </c>
      <c r="AM36" s="279">
        <v>0</v>
      </c>
      <c r="AN36" s="280">
        <v>6</v>
      </c>
      <c r="AO36" s="280">
        <v>4</v>
      </c>
      <c r="AP36" s="280">
        <v>2</v>
      </c>
      <c r="AQ36" s="280">
        <v>1</v>
      </c>
      <c r="AR36" s="280">
        <v>2</v>
      </c>
      <c r="AS36" s="277">
        <v>15</v>
      </c>
      <c r="AT36" s="282">
        <v>15</v>
      </c>
      <c r="AU36" s="276">
        <v>5</v>
      </c>
      <c r="AV36" s="280">
        <v>4</v>
      </c>
      <c r="AW36" s="277">
        <v>9</v>
      </c>
      <c r="AX36" s="279">
        <v>0</v>
      </c>
      <c r="AY36" s="280">
        <v>26</v>
      </c>
      <c r="AZ36" s="280">
        <v>28</v>
      </c>
      <c r="BA36" s="280">
        <v>14</v>
      </c>
      <c r="BB36" s="280">
        <v>22</v>
      </c>
      <c r="BC36" s="280">
        <v>17</v>
      </c>
      <c r="BD36" s="281">
        <v>107</v>
      </c>
      <c r="BE36" s="282">
        <v>116</v>
      </c>
      <c r="BF36" s="276">
        <v>0</v>
      </c>
      <c r="BG36" s="280">
        <v>0</v>
      </c>
      <c r="BH36" s="277">
        <v>0</v>
      </c>
      <c r="BI36" s="279">
        <v>0</v>
      </c>
      <c r="BJ36" s="280">
        <v>31</v>
      </c>
      <c r="BK36" s="280">
        <v>17</v>
      </c>
      <c r="BL36" s="280">
        <v>10</v>
      </c>
      <c r="BM36" s="280">
        <v>12</v>
      </c>
      <c r="BN36" s="280">
        <v>0</v>
      </c>
      <c r="BO36" s="277">
        <v>70</v>
      </c>
      <c r="BP36" s="282">
        <v>70</v>
      </c>
      <c r="BQ36" s="276">
        <v>3</v>
      </c>
      <c r="BR36" s="280">
        <v>3</v>
      </c>
      <c r="BS36" s="277">
        <v>6</v>
      </c>
      <c r="BT36" s="279">
        <v>0</v>
      </c>
      <c r="BU36" s="280">
        <v>8</v>
      </c>
      <c r="BV36" s="280">
        <v>4</v>
      </c>
      <c r="BW36" s="280">
        <v>1</v>
      </c>
      <c r="BX36" s="280">
        <v>5</v>
      </c>
      <c r="BY36" s="280">
        <v>0</v>
      </c>
      <c r="BZ36" s="277">
        <v>18</v>
      </c>
      <c r="CA36" s="282">
        <v>24</v>
      </c>
      <c r="CB36" s="276">
        <v>1</v>
      </c>
      <c r="CC36" s="280">
        <v>0</v>
      </c>
      <c r="CD36" s="277">
        <v>1</v>
      </c>
      <c r="CE36" s="279">
        <v>0</v>
      </c>
      <c r="CF36" s="280">
        <v>4</v>
      </c>
      <c r="CG36" s="280">
        <v>0</v>
      </c>
      <c r="CH36" s="280">
        <v>2</v>
      </c>
      <c r="CI36" s="280">
        <v>1</v>
      </c>
      <c r="CJ36" s="280">
        <v>1</v>
      </c>
      <c r="CK36" s="277">
        <v>8</v>
      </c>
      <c r="CL36" s="282">
        <v>9</v>
      </c>
      <c r="CM36" s="276">
        <v>0</v>
      </c>
      <c r="CN36" s="280">
        <v>0</v>
      </c>
      <c r="CO36" s="277">
        <v>0</v>
      </c>
      <c r="CP36" s="279">
        <v>0</v>
      </c>
      <c r="CQ36" s="280">
        <v>1</v>
      </c>
      <c r="CR36" s="280">
        <v>0</v>
      </c>
      <c r="CS36" s="280">
        <v>0</v>
      </c>
      <c r="CT36" s="280">
        <v>1</v>
      </c>
      <c r="CU36" s="280">
        <v>0</v>
      </c>
      <c r="CV36" s="277">
        <v>2</v>
      </c>
      <c r="CW36" s="282">
        <v>2</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14</v>
      </c>
      <c r="DU36" s="280">
        <v>18</v>
      </c>
      <c r="DV36" s="277">
        <v>32</v>
      </c>
      <c r="DW36" s="279">
        <v>0</v>
      </c>
      <c r="DX36" s="280">
        <v>46</v>
      </c>
      <c r="DY36" s="280">
        <v>44</v>
      </c>
      <c r="DZ36" s="280">
        <v>21</v>
      </c>
      <c r="EA36" s="280">
        <v>26</v>
      </c>
      <c r="EB36" s="280">
        <v>12</v>
      </c>
      <c r="EC36" s="277">
        <v>149</v>
      </c>
      <c r="ED36" s="282">
        <v>181</v>
      </c>
      <c r="EE36" s="276">
        <v>3</v>
      </c>
      <c r="EF36" s="280">
        <v>2</v>
      </c>
      <c r="EG36" s="277">
        <v>5</v>
      </c>
      <c r="EH36" s="279">
        <v>0</v>
      </c>
      <c r="EI36" s="280">
        <v>11</v>
      </c>
      <c r="EJ36" s="280">
        <v>7</v>
      </c>
      <c r="EK36" s="280">
        <v>3</v>
      </c>
      <c r="EL36" s="280">
        <v>6</v>
      </c>
      <c r="EM36" s="280">
        <v>3</v>
      </c>
      <c r="EN36" s="277">
        <v>30</v>
      </c>
      <c r="EO36" s="282">
        <v>35</v>
      </c>
      <c r="EP36" s="276">
        <v>17</v>
      </c>
      <c r="EQ36" s="280">
        <v>22</v>
      </c>
      <c r="ER36" s="277">
        <v>39</v>
      </c>
      <c r="ES36" s="279">
        <v>0</v>
      </c>
      <c r="ET36" s="280">
        <v>78</v>
      </c>
      <c r="EU36" s="280">
        <v>46</v>
      </c>
      <c r="EV36" s="280">
        <v>22</v>
      </c>
      <c r="EW36" s="280">
        <v>24</v>
      </c>
      <c r="EX36" s="280">
        <v>7</v>
      </c>
      <c r="EY36" s="277">
        <v>177</v>
      </c>
      <c r="EZ36" s="282">
        <v>216</v>
      </c>
    </row>
    <row r="37" spans="2:156" ht="21" customHeight="1" x14ac:dyDescent="0.2">
      <c r="B37" s="261" t="s">
        <v>35</v>
      </c>
      <c r="C37" s="276">
        <v>0</v>
      </c>
      <c r="D37" s="280">
        <v>0</v>
      </c>
      <c r="E37" s="384">
        <v>0</v>
      </c>
      <c r="F37" s="279">
        <v>0</v>
      </c>
      <c r="G37" s="280">
        <v>116</v>
      </c>
      <c r="H37" s="280">
        <v>59</v>
      </c>
      <c r="I37" s="280">
        <v>32</v>
      </c>
      <c r="J37" s="280">
        <v>32</v>
      </c>
      <c r="K37" s="280">
        <v>18</v>
      </c>
      <c r="L37" s="281">
        <v>257</v>
      </c>
      <c r="M37" s="282">
        <v>257</v>
      </c>
      <c r="N37" s="276">
        <v>0</v>
      </c>
      <c r="O37" s="280">
        <v>0</v>
      </c>
      <c r="P37" s="277">
        <v>0</v>
      </c>
      <c r="Q37" s="279">
        <v>0</v>
      </c>
      <c r="R37" s="280">
        <v>0</v>
      </c>
      <c r="S37" s="280">
        <v>6</v>
      </c>
      <c r="T37" s="280">
        <v>5</v>
      </c>
      <c r="U37" s="280">
        <v>9</v>
      </c>
      <c r="V37" s="280">
        <v>9</v>
      </c>
      <c r="W37" s="277">
        <v>29</v>
      </c>
      <c r="X37" s="282">
        <v>29</v>
      </c>
      <c r="Y37" s="276">
        <v>2</v>
      </c>
      <c r="Z37" s="280">
        <v>8</v>
      </c>
      <c r="AA37" s="277">
        <v>10</v>
      </c>
      <c r="AB37" s="279">
        <v>0</v>
      </c>
      <c r="AC37" s="280">
        <v>45</v>
      </c>
      <c r="AD37" s="280">
        <v>32</v>
      </c>
      <c r="AE37" s="280">
        <v>21</v>
      </c>
      <c r="AF37" s="280">
        <v>28</v>
      </c>
      <c r="AG37" s="280">
        <v>13</v>
      </c>
      <c r="AH37" s="277">
        <v>139</v>
      </c>
      <c r="AI37" s="282">
        <v>149</v>
      </c>
      <c r="AJ37" s="276">
        <v>3</v>
      </c>
      <c r="AK37" s="280">
        <v>5</v>
      </c>
      <c r="AL37" s="277">
        <v>8</v>
      </c>
      <c r="AM37" s="279">
        <v>0</v>
      </c>
      <c r="AN37" s="280">
        <v>18</v>
      </c>
      <c r="AO37" s="280">
        <v>10</v>
      </c>
      <c r="AP37" s="280">
        <v>4</v>
      </c>
      <c r="AQ37" s="280">
        <v>8</v>
      </c>
      <c r="AR37" s="280">
        <v>3</v>
      </c>
      <c r="AS37" s="277">
        <v>43</v>
      </c>
      <c r="AT37" s="282">
        <v>51</v>
      </c>
      <c r="AU37" s="276">
        <v>19</v>
      </c>
      <c r="AV37" s="280">
        <v>23</v>
      </c>
      <c r="AW37" s="277">
        <v>42</v>
      </c>
      <c r="AX37" s="279">
        <v>0</v>
      </c>
      <c r="AY37" s="280">
        <v>100</v>
      </c>
      <c r="AZ37" s="280">
        <v>82</v>
      </c>
      <c r="BA37" s="280">
        <v>75</v>
      </c>
      <c r="BB37" s="280">
        <v>91</v>
      </c>
      <c r="BC37" s="280">
        <v>40</v>
      </c>
      <c r="BD37" s="281">
        <v>388</v>
      </c>
      <c r="BE37" s="282">
        <v>430</v>
      </c>
      <c r="BF37" s="276">
        <v>0</v>
      </c>
      <c r="BG37" s="280">
        <v>0</v>
      </c>
      <c r="BH37" s="277">
        <v>0</v>
      </c>
      <c r="BI37" s="279">
        <v>0</v>
      </c>
      <c r="BJ37" s="280">
        <v>150</v>
      </c>
      <c r="BK37" s="280">
        <v>85</v>
      </c>
      <c r="BL37" s="280">
        <v>33</v>
      </c>
      <c r="BM37" s="280">
        <v>29</v>
      </c>
      <c r="BN37" s="280">
        <v>18</v>
      </c>
      <c r="BO37" s="277">
        <v>315</v>
      </c>
      <c r="BP37" s="282">
        <v>315</v>
      </c>
      <c r="BQ37" s="276">
        <v>10</v>
      </c>
      <c r="BR37" s="280">
        <v>22</v>
      </c>
      <c r="BS37" s="277">
        <v>32</v>
      </c>
      <c r="BT37" s="279">
        <v>0</v>
      </c>
      <c r="BU37" s="280">
        <v>71</v>
      </c>
      <c r="BV37" s="280">
        <v>26</v>
      </c>
      <c r="BW37" s="280">
        <v>10</v>
      </c>
      <c r="BX37" s="280">
        <v>12</v>
      </c>
      <c r="BY37" s="280">
        <v>1</v>
      </c>
      <c r="BZ37" s="277">
        <v>120</v>
      </c>
      <c r="CA37" s="282">
        <v>152</v>
      </c>
      <c r="CB37" s="276">
        <v>0</v>
      </c>
      <c r="CC37" s="280">
        <v>0</v>
      </c>
      <c r="CD37" s="277">
        <v>0</v>
      </c>
      <c r="CE37" s="279">
        <v>0</v>
      </c>
      <c r="CF37" s="280">
        <v>10</v>
      </c>
      <c r="CG37" s="280">
        <v>10</v>
      </c>
      <c r="CH37" s="280">
        <v>8</v>
      </c>
      <c r="CI37" s="280">
        <v>15</v>
      </c>
      <c r="CJ37" s="280">
        <v>3</v>
      </c>
      <c r="CK37" s="277">
        <v>46</v>
      </c>
      <c r="CL37" s="282">
        <v>46</v>
      </c>
      <c r="CM37" s="276">
        <v>0</v>
      </c>
      <c r="CN37" s="280">
        <v>1</v>
      </c>
      <c r="CO37" s="277">
        <v>1</v>
      </c>
      <c r="CP37" s="279">
        <v>0</v>
      </c>
      <c r="CQ37" s="280">
        <v>3</v>
      </c>
      <c r="CR37" s="280">
        <v>2</v>
      </c>
      <c r="CS37" s="280">
        <v>1</v>
      </c>
      <c r="CT37" s="280">
        <v>3</v>
      </c>
      <c r="CU37" s="280">
        <v>0</v>
      </c>
      <c r="CV37" s="277">
        <v>9</v>
      </c>
      <c r="CW37" s="282">
        <v>1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43</v>
      </c>
      <c r="DU37" s="280">
        <v>70</v>
      </c>
      <c r="DV37" s="277">
        <v>113</v>
      </c>
      <c r="DW37" s="279">
        <v>0</v>
      </c>
      <c r="DX37" s="280">
        <v>181</v>
      </c>
      <c r="DY37" s="280">
        <v>152</v>
      </c>
      <c r="DZ37" s="280">
        <v>74</v>
      </c>
      <c r="EA37" s="280">
        <v>68</v>
      </c>
      <c r="EB37" s="280">
        <v>36</v>
      </c>
      <c r="EC37" s="277">
        <v>511</v>
      </c>
      <c r="ED37" s="282">
        <v>624</v>
      </c>
      <c r="EE37" s="276">
        <v>19</v>
      </c>
      <c r="EF37" s="280">
        <v>15</v>
      </c>
      <c r="EG37" s="277">
        <v>34</v>
      </c>
      <c r="EH37" s="279">
        <v>0</v>
      </c>
      <c r="EI37" s="280">
        <v>38</v>
      </c>
      <c r="EJ37" s="280">
        <v>22</v>
      </c>
      <c r="EK37" s="280">
        <v>24</v>
      </c>
      <c r="EL37" s="280">
        <v>33</v>
      </c>
      <c r="EM37" s="280">
        <v>8</v>
      </c>
      <c r="EN37" s="277">
        <v>125</v>
      </c>
      <c r="EO37" s="282">
        <v>159</v>
      </c>
      <c r="EP37" s="276">
        <v>52</v>
      </c>
      <c r="EQ37" s="280">
        <v>90</v>
      </c>
      <c r="ER37" s="277">
        <v>142</v>
      </c>
      <c r="ES37" s="279">
        <v>0</v>
      </c>
      <c r="ET37" s="280">
        <v>324</v>
      </c>
      <c r="EU37" s="280">
        <v>192</v>
      </c>
      <c r="EV37" s="280">
        <v>81</v>
      </c>
      <c r="EW37" s="280">
        <v>78</v>
      </c>
      <c r="EX37" s="280">
        <v>36</v>
      </c>
      <c r="EY37" s="277">
        <v>711</v>
      </c>
      <c r="EZ37" s="282">
        <v>853</v>
      </c>
    </row>
    <row r="38" spans="2:156" ht="21" customHeight="1" x14ac:dyDescent="0.2">
      <c r="B38" s="261" t="s">
        <v>36</v>
      </c>
      <c r="C38" s="276">
        <v>0</v>
      </c>
      <c r="D38" s="280">
        <v>0</v>
      </c>
      <c r="E38" s="384">
        <v>0</v>
      </c>
      <c r="F38" s="279">
        <v>0</v>
      </c>
      <c r="G38" s="280">
        <v>60</v>
      </c>
      <c r="H38" s="280">
        <v>64</v>
      </c>
      <c r="I38" s="280">
        <v>28</v>
      </c>
      <c r="J38" s="280">
        <v>37</v>
      </c>
      <c r="K38" s="280">
        <v>29</v>
      </c>
      <c r="L38" s="281">
        <v>218</v>
      </c>
      <c r="M38" s="282">
        <v>218</v>
      </c>
      <c r="N38" s="276">
        <v>0</v>
      </c>
      <c r="O38" s="280">
        <v>0</v>
      </c>
      <c r="P38" s="277">
        <v>0</v>
      </c>
      <c r="Q38" s="279">
        <v>0</v>
      </c>
      <c r="R38" s="280">
        <v>6</v>
      </c>
      <c r="S38" s="280">
        <v>5</v>
      </c>
      <c r="T38" s="280">
        <v>3</v>
      </c>
      <c r="U38" s="280">
        <v>9</v>
      </c>
      <c r="V38" s="280">
        <v>11</v>
      </c>
      <c r="W38" s="277">
        <v>34</v>
      </c>
      <c r="X38" s="282">
        <v>34</v>
      </c>
      <c r="Y38" s="276">
        <v>12</v>
      </c>
      <c r="Z38" s="280">
        <v>23</v>
      </c>
      <c r="AA38" s="277">
        <v>35</v>
      </c>
      <c r="AB38" s="279">
        <v>0</v>
      </c>
      <c r="AC38" s="280">
        <v>57</v>
      </c>
      <c r="AD38" s="280">
        <v>53</v>
      </c>
      <c r="AE38" s="280">
        <v>30</v>
      </c>
      <c r="AF38" s="280">
        <v>28</v>
      </c>
      <c r="AG38" s="280">
        <v>29</v>
      </c>
      <c r="AH38" s="277">
        <v>197</v>
      </c>
      <c r="AI38" s="282">
        <v>232</v>
      </c>
      <c r="AJ38" s="276">
        <v>4</v>
      </c>
      <c r="AK38" s="280">
        <v>10</v>
      </c>
      <c r="AL38" s="277">
        <v>14</v>
      </c>
      <c r="AM38" s="279">
        <v>0</v>
      </c>
      <c r="AN38" s="280">
        <v>15</v>
      </c>
      <c r="AO38" s="280">
        <v>14</v>
      </c>
      <c r="AP38" s="280">
        <v>8</v>
      </c>
      <c r="AQ38" s="280">
        <v>7</v>
      </c>
      <c r="AR38" s="280">
        <v>6</v>
      </c>
      <c r="AS38" s="277">
        <v>50</v>
      </c>
      <c r="AT38" s="282">
        <v>64</v>
      </c>
      <c r="AU38" s="276">
        <v>4</v>
      </c>
      <c r="AV38" s="280">
        <v>6</v>
      </c>
      <c r="AW38" s="277">
        <v>10</v>
      </c>
      <c r="AX38" s="279">
        <v>0</v>
      </c>
      <c r="AY38" s="280">
        <v>34</v>
      </c>
      <c r="AZ38" s="280">
        <v>68</v>
      </c>
      <c r="BA38" s="280">
        <v>63</v>
      </c>
      <c r="BB38" s="280">
        <v>54</v>
      </c>
      <c r="BC38" s="280">
        <v>44</v>
      </c>
      <c r="BD38" s="281">
        <v>263</v>
      </c>
      <c r="BE38" s="282">
        <v>273</v>
      </c>
      <c r="BF38" s="276">
        <v>0</v>
      </c>
      <c r="BG38" s="280">
        <v>0</v>
      </c>
      <c r="BH38" s="277">
        <v>0</v>
      </c>
      <c r="BI38" s="279">
        <v>0</v>
      </c>
      <c r="BJ38" s="280">
        <v>84</v>
      </c>
      <c r="BK38" s="280">
        <v>93</v>
      </c>
      <c r="BL38" s="280">
        <v>39</v>
      </c>
      <c r="BM38" s="280">
        <v>26</v>
      </c>
      <c r="BN38" s="280">
        <v>16</v>
      </c>
      <c r="BO38" s="277">
        <v>258</v>
      </c>
      <c r="BP38" s="282">
        <v>258</v>
      </c>
      <c r="BQ38" s="276">
        <v>5</v>
      </c>
      <c r="BR38" s="280">
        <v>7</v>
      </c>
      <c r="BS38" s="277">
        <v>12</v>
      </c>
      <c r="BT38" s="279">
        <v>0</v>
      </c>
      <c r="BU38" s="280">
        <v>27</v>
      </c>
      <c r="BV38" s="280">
        <v>26</v>
      </c>
      <c r="BW38" s="280">
        <v>18</v>
      </c>
      <c r="BX38" s="280">
        <v>4</v>
      </c>
      <c r="BY38" s="280">
        <v>2</v>
      </c>
      <c r="BZ38" s="277">
        <v>77</v>
      </c>
      <c r="CA38" s="282">
        <v>89</v>
      </c>
      <c r="CB38" s="276">
        <v>0</v>
      </c>
      <c r="CC38" s="280">
        <v>0</v>
      </c>
      <c r="CD38" s="277">
        <v>0</v>
      </c>
      <c r="CE38" s="279">
        <v>0</v>
      </c>
      <c r="CF38" s="280">
        <v>14</v>
      </c>
      <c r="CG38" s="280">
        <v>24</v>
      </c>
      <c r="CH38" s="280">
        <v>20</v>
      </c>
      <c r="CI38" s="280">
        <v>13</v>
      </c>
      <c r="CJ38" s="280">
        <v>10</v>
      </c>
      <c r="CK38" s="277">
        <v>81</v>
      </c>
      <c r="CL38" s="282">
        <v>81</v>
      </c>
      <c r="CM38" s="276">
        <v>0</v>
      </c>
      <c r="CN38" s="280">
        <v>0</v>
      </c>
      <c r="CO38" s="277">
        <v>0</v>
      </c>
      <c r="CP38" s="279">
        <v>0</v>
      </c>
      <c r="CQ38" s="280">
        <v>0</v>
      </c>
      <c r="CR38" s="280">
        <v>1</v>
      </c>
      <c r="CS38" s="280">
        <v>0</v>
      </c>
      <c r="CT38" s="280">
        <v>1</v>
      </c>
      <c r="CU38" s="280">
        <v>0</v>
      </c>
      <c r="CV38" s="277">
        <v>2</v>
      </c>
      <c r="CW38" s="282">
        <v>2</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35</v>
      </c>
      <c r="DU38" s="280">
        <v>97</v>
      </c>
      <c r="DV38" s="277">
        <v>132</v>
      </c>
      <c r="DW38" s="279">
        <v>0</v>
      </c>
      <c r="DX38" s="280">
        <v>156</v>
      </c>
      <c r="DY38" s="280">
        <v>174</v>
      </c>
      <c r="DZ38" s="280">
        <v>90</v>
      </c>
      <c r="EA38" s="280">
        <v>87</v>
      </c>
      <c r="EB38" s="280">
        <v>49</v>
      </c>
      <c r="EC38" s="277">
        <v>556</v>
      </c>
      <c r="ED38" s="282">
        <v>688</v>
      </c>
      <c r="EE38" s="276">
        <v>2</v>
      </c>
      <c r="EF38" s="280">
        <v>1</v>
      </c>
      <c r="EG38" s="277">
        <v>3</v>
      </c>
      <c r="EH38" s="279">
        <v>0</v>
      </c>
      <c r="EI38" s="280">
        <v>7</v>
      </c>
      <c r="EJ38" s="280">
        <v>16</v>
      </c>
      <c r="EK38" s="280">
        <v>15</v>
      </c>
      <c r="EL38" s="280">
        <v>10</v>
      </c>
      <c r="EM38" s="280">
        <v>3</v>
      </c>
      <c r="EN38" s="277">
        <v>51</v>
      </c>
      <c r="EO38" s="282">
        <v>54</v>
      </c>
      <c r="EP38" s="276">
        <v>47</v>
      </c>
      <c r="EQ38" s="280">
        <v>115</v>
      </c>
      <c r="ER38" s="277">
        <v>162</v>
      </c>
      <c r="ES38" s="279">
        <v>0</v>
      </c>
      <c r="ET38" s="280">
        <v>262</v>
      </c>
      <c r="EU38" s="280">
        <v>226</v>
      </c>
      <c r="EV38" s="280">
        <v>111</v>
      </c>
      <c r="EW38" s="280">
        <v>97</v>
      </c>
      <c r="EX38" s="280">
        <v>58</v>
      </c>
      <c r="EY38" s="277">
        <v>754</v>
      </c>
      <c r="EZ38" s="282">
        <v>916</v>
      </c>
    </row>
    <row r="39" spans="2:156" ht="21" customHeight="1" thickBot="1" x14ac:dyDescent="0.25">
      <c r="B39" s="262" t="s">
        <v>37</v>
      </c>
      <c r="C39" s="283">
        <v>0</v>
      </c>
      <c r="D39" s="287">
        <v>0</v>
      </c>
      <c r="E39" s="385">
        <v>0</v>
      </c>
      <c r="F39" s="286">
        <v>0</v>
      </c>
      <c r="G39" s="287">
        <v>3</v>
      </c>
      <c r="H39" s="287">
        <v>7</v>
      </c>
      <c r="I39" s="287">
        <v>5</v>
      </c>
      <c r="J39" s="287">
        <v>3</v>
      </c>
      <c r="K39" s="287">
        <v>3</v>
      </c>
      <c r="L39" s="288">
        <v>21</v>
      </c>
      <c r="M39" s="289">
        <v>21</v>
      </c>
      <c r="N39" s="283">
        <v>0</v>
      </c>
      <c r="O39" s="287">
        <v>0</v>
      </c>
      <c r="P39" s="284">
        <v>0</v>
      </c>
      <c r="Q39" s="286">
        <v>0</v>
      </c>
      <c r="R39" s="287">
        <v>0</v>
      </c>
      <c r="S39" s="287">
        <v>0</v>
      </c>
      <c r="T39" s="287">
        <v>0</v>
      </c>
      <c r="U39" s="287">
        <v>0</v>
      </c>
      <c r="V39" s="287">
        <v>0</v>
      </c>
      <c r="W39" s="284">
        <v>0</v>
      </c>
      <c r="X39" s="289">
        <v>0</v>
      </c>
      <c r="Y39" s="283">
        <v>1</v>
      </c>
      <c r="Z39" s="287">
        <v>2</v>
      </c>
      <c r="AA39" s="284">
        <v>3</v>
      </c>
      <c r="AB39" s="286">
        <v>0</v>
      </c>
      <c r="AC39" s="287">
        <v>4</v>
      </c>
      <c r="AD39" s="287">
        <v>4</v>
      </c>
      <c r="AE39" s="287">
        <v>3</v>
      </c>
      <c r="AF39" s="287">
        <v>3</v>
      </c>
      <c r="AG39" s="287">
        <v>1</v>
      </c>
      <c r="AH39" s="284">
        <v>15</v>
      </c>
      <c r="AI39" s="289">
        <v>18</v>
      </c>
      <c r="AJ39" s="283">
        <v>0</v>
      </c>
      <c r="AK39" s="287">
        <v>0</v>
      </c>
      <c r="AL39" s="284">
        <v>0</v>
      </c>
      <c r="AM39" s="286">
        <v>0</v>
      </c>
      <c r="AN39" s="287">
        <v>0</v>
      </c>
      <c r="AO39" s="287">
        <v>1</v>
      </c>
      <c r="AP39" s="287">
        <v>0</v>
      </c>
      <c r="AQ39" s="287">
        <v>2</v>
      </c>
      <c r="AR39" s="287">
        <v>0</v>
      </c>
      <c r="AS39" s="284">
        <v>3</v>
      </c>
      <c r="AT39" s="289">
        <v>3</v>
      </c>
      <c r="AU39" s="283">
        <v>1</v>
      </c>
      <c r="AV39" s="287">
        <v>0</v>
      </c>
      <c r="AW39" s="284">
        <v>1</v>
      </c>
      <c r="AX39" s="286">
        <v>0</v>
      </c>
      <c r="AY39" s="287">
        <v>2</v>
      </c>
      <c r="AZ39" s="287">
        <v>1</v>
      </c>
      <c r="BA39" s="287">
        <v>6</v>
      </c>
      <c r="BB39" s="287">
        <v>5</v>
      </c>
      <c r="BC39" s="287">
        <v>2</v>
      </c>
      <c r="BD39" s="288">
        <v>16</v>
      </c>
      <c r="BE39" s="289">
        <v>17</v>
      </c>
      <c r="BF39" s="283">
        <v>0</v>
      </c>
      <c r="BG39" s="287">
        <v>0</v>
      </c>
      <c r="BH39" s="284">
        <v>0</v>
      </c>
      <c r="BI39" s="286">
        <v>0</v>
      </c>
      <c r="BJ39" s="287">
        <v>5</v>
      </c>
      <c r="BK39" s="287">
        <v>4</v>
      </c>
      <c r="BL39" s="287">
        <v>6</v>
      </c>
      <c r="BM39" s="287">
        <v>1</v>
      </c>
      <c r="BN39" s="287">
        <v>1</v>
      </c>
      <c r="BO39" s="284">
        <v>17</v>
      </c>
      <c r="BP39" s="289">
        <v>17</v>
      </c>
      <c r="BQ39" s="283">
        <v>2</v>
      </c>
      <c r="BR39" s="287">
        <v>2</v>
      </c>
      <c r="BS39" s="284">
        <v>4</v>
      </c>
      <c r="BT39" s="286">
        <v>0</v>
      </c>
      <c r="BU39" s="287">
        <v>7</v>
      </c>
      <c r="BV39" s="287">
        <v>1</v>
      </c>
      <c r="BW39" s="287">
        <v>3</v>
      </c>
      <c r="BX39" s="287">
        <v>3</v>
      </c>
      <c r="BY39" s="287">
        <v>0</v>
      </c>
      <c r="BZ39" s="284">
        <v>14</v>
      </c>
      <c r="CA39" s="289">
        <v>18</v>
      </c>
      <c r="CB39" s="283">
        <v>0</v>
      </c>
      <c r="CC39" s="287">
        <v>0</v>
      </c>
      <c r="CD39" s="284">
        <v>0</v>
      </c>
      <c r="CE39" s="286">
        <v>0</v>
      </c>
      <c r="CF39" s="287">
        <v>1</v>
      </c>
      <c r="CG39" s="287">
        <v>1</v>
      </c>
      <c r="CH39" s="287">
        <v>4</v>
      </c>
      <c r="CI39" s="287">
        <v>2</v>
      </c>
      <c r="CJ39" s="287">
        <v>0</v>
      </c>
      <c r="CK39" s="284">
        <v>8</v>
      </c>
      <c r="CL39" s="289">
        <v>8</v>
      </c>
      <c r="CM39" s="283">
        <v>0</v>
      </c>
      <c r="CN39" s="287">
        <v>0</v>
      </c>
      <c r="CO39" s="284">
        <v>0</v>
      </c>
      <c r="CP39" s="286">
        <v>0</v>
      </c>
      <c r="CQ39" s="287">
        <v>1</v>
      </c>
      <c r="CR39" s="287">
        <v>0</v>
      </c>
      <c r="CS39" s="287">
        <v>1</v>
      </c>
      <c r="CT39" s="287">
        <v>0</v>
      </c>
      <c r="CU39" s="287">
        <v>1</v>
      </c>
      <c r="CV39" s="284">
        <v>3</v>
      </c>
      <c r="CW39" s="289">
        <v>3</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11</v>
      </c>
      <c r="DU39" s="287">
        <v>6</v>
      </c>
      <c r="DV39" s="284">
        <v>17</v>
      </c>
      <c r="DW39" s="286">
        <v>0</v>
      </c>
      <c r="DX39" s="287">
        <v>17</v>
      </c>
      <c r="DY39" s="287">
        <v>15</v>
      </c>
      <c r="DZ39" s="287">
        <v>19</v>
      </c>
      <c r="EA39" s="287">
        <v>8</v>
      </c>
      <c r="EB39" s="287">
        <v>4</v>
      </c>
      <c r="EC39" s="284">
        <v>63</v>
      </c>
      <c r="ED39" s="289">
        <v>80</v>
      </c>
      <c r="EE39" s="283">
        <v>0</v>
      </c>
      <c r="EF39" s="287">
        <v>0</v>
      </c>
      <c r="EG39" s="284">
        <v>0</v>
      </c>
      <c r="EH39" s="286">
        <v>0</v>
      </c>
      <c r="EI39" s="287">
        <v>0</v>
      </c>
      <c r="EJ39" s="287">
        <v>0</v>
      </c>
      <c r="EK39" s="287">
        <v>0</v>
      </c>
      <c r="EL39" s="287">
        <v>2</v>
      </c>
      <c r="EM39" s="287">
        <v>0</v>
      </c>
      <c r="EN39" s="284">
        <v>2</v>
      </c>
      <c r="EO39" s="289">
        <v>2</v>
      </c>
      <c r="EP39" s="283">
        <v>13</v>
      </c>
      <c r="EQ39" s="287">
        <v>8</v>
      </c>
      <c r="ER39" s="284">
        <v>21</v>
      </c>
      <c r="ES39" s="286">
        <v>0</v>
      </c>
      <c r="ET39" s="287">
        <v>24</v>
      </c>
      <c r="EU39" s="287">
        <v>17</v>
      </c>
      <c r="EV39" s="287">
        <v>21</v>
      </c>
      <c r="EW39" s="287">
        <v>9</v>
      </c>
      <c r="EX39" s="287">
        <v>4</v>
      </c>
      <c r="EY39" s="284">
        <v>75</v>
      </c>
      <c r="EZ39" s="289">
        <v>96</v>
      </c>
    </row>
  </sheetData>
  <mergeCells count="59">
    <mergeCell ref="EP3:EZ3"/>
    <mergeCell ref="EE3:EO3"/>
    <mergeCell ref="ES4:EY4"/>
    <mergeCell ref="EZ4:EZ5"/>
    <mergeCell ref="ED4:ED5"/>
    <mergeCell ref="EE4:EG4"/>
    <mergeCell ref="EH4:EN4"/>
    <mergeCell ref="EO4:EO5"/>
    <mergeCell ref="EP4:ER4"/>
    <mergeCell ref="DT3:ED3"/>
    <mergeCell ref="DT4:DV4"/>
    <mergeCell ref="DW4:EC4"/>
    <mergeCell ref="DI3:DS3"/>
    <mergeCell ref="DI4:DK4"/>
    <mergeCell ref="DL4:DR4"/>
    <mergeCell ref="DS4:DS5"/>
    <mergeCell ref="BI4:BO4"/>
    <mergeCell ref="CX3:DH3"/>
    <mergeCell ref="CM3:CW3"/>
    <mergeCell ref="CX4:CZ4"/>
    <mergeCell ref="DA4:DG4"/>
    <mergeCell ref="DH4:DH5"/>
    <mergeCell ref="I1:J1"/>
    <mergeCell ref="L1:M1"/>
    <mergeCell ref="BF3:BP3"/>
    <mergeCell ref="BQ3:CA3"/>
    <mergeCell ref="CB3:CL3"/>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f>第１表!F2</f>
        <v>5</v>
      </c>
      <c r="J1" s="524"/>
      <c r="K1" s="248">
        <f>第１表!G2</f>
        <v>4</v>
      </c>
      <c r="L1" s="529">
        <f>IF(K1&lt;3,K1+12-2,K1-2)</f>
        <v>2</v>
      </c>
      <c r="M1" s="529"/>
    </row>
    <row r="2" spans="2:156" ht="24" customHeight="1" thickBot="1" x14ac:dyDescent="0.25">
      <c r="B2" s="290" t="s">
        <v>131</v>
      </c>
      <c r="G2" s="247"/>
      <c r="H2" s="248"/>
      <c r="J2" s="322"/>
      <c r="K2" s="322"/>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323" t="s">
        <v>43</v>
      </c>
      <c r="D5" s="259" t="s">
        <v>44</v>
      </c>
      <c r="E5" s="382" t="s">
        <v>45</v>
      </c>
      <c r="F5" s="267" t="s">
        <v>83</v>
      </c>
      <c r="G5" s="259" t="s">
        <v>47</v>
      </c>
      <c r="H5" s="259" t="s">
        <v>48</v>
      </c>
      <c r="I5" s="259" t="s">
        <v>49</v>
      </c>
      <c r="J5" s="259" t="s">
        <v>50</v>
      </c>
      <c r="K5" s="259" t="s">
        <v>51</v>
      </c>
      <c r="L5" s="268" t="s">
        <v>45</v>
      </c>
      <c r="M5" s="531"/>
      <c r="N5" s="323" t="s">
        <v>43</v>
      </c>
      <c r="O5" s="259" t="s">
        <v>44</v>
      </c>
      <c r="P5" s="265" t="s">
        <v>45</v>
      </c>
      <c r="Q5" s="267" t="s">
        <v>83</v>
      </c>
      <c r="R5" s="259" t="s">
        <v>47</v>
      </c>
      <c r="S5" s="259" t="s">
        <v>48</v>
      </c>
      <c r="T5" s="259" t="s">
        <v>49</v>
      </c>
      <c r="U5" s="259" t="s">
        <v>50</v>
      </c>
      <c r="V5" s="259" t="s">
        <v>51</v>
      </c>
      <c r="W5" s="265" t="s">
        <v>45</v>
      </c>
      <c r="X5" s="531"/>
      <c r="Y5" s="323" t="s">
        <v>43</v>
      </c>
      <c r="Z5" s="259" t="s">
        <v>44</v>
      </c>
      <c r="AA5" s="265" t="s">
        <v>45</v>
      </c>
      <c r="AB5" s="267" t="s">
        <v>83</v>
      </c>
      <c r="AC5" s="259" t="s">
        <v>47</v>
      </c>
      <c r="AD5" s="259" t="s">
        <v>48</v>
      </c>
      <c r="AE5" s="259" t="s">
        <v>49</v>
      </c>
      <c r="AF5" s="259" t="s">
        <v>50</v>
      </c>
      <c r="AG5" s="259" t="s">
        <v>51</v>
      </c>
      <c r="AH5" s="265" t="s">
        <v>45</v>
      </c>
      <c r="AI5" s="531"/>
      <c r="AJ5" s="323" t="s">
        <v>43</v>
      </c>
      <c r="AK5" s="259" t="s">
        <v>44</v>
      </c>
      <c r="AL5" s="265" t="s">
        <v>45</v>
      </c>
      <c r="AM5" s="267" t="s">
        <v>83</v>
      </c>
      <c r="AN5" s="259" t="s">
        <v>47</v>
      </c>
      <c r="AO5" s="259" t="s">
        <v>48</v>
      </c>
      <c r="AP5" s="259" t="s">
        <v>49</v>
      </c>
      <c r="AQ5" s="259" t="s">
        <v>50</v>
      </c>
      <c r="AR5" s="259" t="s">
        <v>51</v>
      </c>
      <c r="AS5" s="265" t="s">
        <v>45</v>
      </c>
      <c r="AT5" s="531"/>
      <c r="AU5" s="323" t="s">
        <v>43</v>
      </c>
      <c r="AV5" s="259" t="s">
        <v>44</v>
      </c>
      <c r="AW5" s="265" t="s">
        <v>45</v>
      </c>
      <c r="AX5" s="267" t="s">
        <v>83</v>
      </c>
      <c r="AY5" s="259" t="s">
        <v>47</v>
      </c>
      <c r="AZ5" s="259" t="s">
        <v>48</v>
      </c>
      <c r="BA5" s="259" t="s">
        <v>49</v>
      </c>
      <c r="BB5" s="259" t="s">
        <v>50</v>
      </c>
      <c r="BC5" s="259" t="s">
        <v>51</v>
      </c>
      <c r="BD5" s="268" t="s">
        <v>45</v>
      </c>
      <c r="BE5" s="531"/>
      <c r="BF5" s="323" t="s">
        <v>43</v>
      </c>
      <c r="BG5" s="259" t="s">
        <v>44</v>
      </c>
      <c r="BH5" s="265" t="s">
        <v>45</v>
      </c>
      <c r="BI5" s="267" t="s">
        <v>83</v>
      </c>
      <c r="BJ5" s="259" t="s">
        <v>47</v>
      </c>
      <c r="BK5" s="259" t="s">
        <v>48</v>
      </c>
      <c r="BL5" s="259" t="s">
        <v>49</v>
      </c>
      <c r="BM5" s="259" t="s">
        <v>50</v>
      </c>
      <c r="BN5" s="259" t="s">
        <v>51</v>
      </c>
      <c r="BO5" s="265" t="s">
        <v>45</v>
      </c>
      <c r="BP5" s="531"/>
      <c r="BQ5" s="323" t="s">
        <v>43</v>
      </c>
      <c r="BR5" s="259" t="s">
        <v>44</v>
      </c>
      <c r="BS5" s="265" t="s">
        <v>45</v>
      </c>
      <c r="BT5" s="267" t="s">
        <v>83</v>
      </c>
      <c r="BU5" s="259" t="s">
        <v>47</v>
      </c>
      <c r="BV5" s="259" t="s">
        <v>48</v>
      </c>
      <c r="BW5" s="259" t="s">
        <v>49</v>
      </c>
      <c r="BX5" s="259" t="s">
        <v>50</v>
      </c>
      <c r="BY5" s="259" t="s">
        <v>51</v>
      </c>
      <c r="BZ5" s="265" t="s">
        <v>45</v>
      </c>
      <c r="CA5" s="531"/>
      <c r="CB5" s="323" t="s">
        <v>43</v>
      </c>
      <c r="CC5" s="259" t="s">
        <v>44</v>
      </c>
      <c r="CD5" s="265" t="s">
        <v>45</v>
      </c>
      <c r="CE5" s="267" t="s">
        <v>83</v>
      </c>
      <c r="CF5" s="259" t="s">
        <v>47</v>
      </c>
      <c r="CG5" s="259" t="s">
        <v>48</v>
      </c>
      <c r="CH5" s="259" t="s">
        <v>49</v>
      </c>
      <c r="CI5" s="259" t="s">
        <v>50</v>
      </c>
      <c r="CJ5" s="259" t="s">
        <v>51</v>
      </c>
      <c r="CK5" s="265" t="s">
        <v>45</v>
      </c>
      <c r="CL5" s="531"/>
      <c r="CM5" s="323" t="s">
        <v>43</v>
      </c>
      <c r="CN5" s="259" t="s">
        <v>44</v>
      </c>
      <c r="CO5" s="265" t="s">
        <v>45</v>
      </c>
      <c r="CP5" s="267" t="s">
        <v>83</v>
      </c>
      <c r="CQ5" s="259" t="s">
        <v>47</v>
      </c>
      <c r="CR5" s="259" t="s">
        <v>48</v>
      </c>
      <c r="CS5" s="259" t="s">
        <v>49</v>
      </c>
      <c r="CT5" s="259" t="s">
        <v>50</v>
      </c>
      <c r="CU5" s="259" t="s">
        <v>51</v>
      </c>
      <c r="CV5" s="265" t="s">
        <v>45</v>
      </c>
      <c r="CW5" s="531"/>
      <c r="CX5" s="323" t="s">
        <v>43</v>
      </c>
      <c r="CY5" s="259" t="s">
        <v>44</v>
      </c>
      <c r="CZ5" s="265" t="s">
        <v>45</v>
      </c>
      <c r="DA5" s="267" t="s">
        <v>83</v>
      </c>
      <c r="DB5" s="259" t="s">
        <v>47</v>
      </c>
      <c r="DC5" s="259" t="s">
        <v>48</v>
      </c>
      <c r="DD5" s="259" t="s">
        <v>49</v>
      </c>
      <c r="DE5" s="259" t="s">
        <v>50</v>
      </c>
      <c r="DF5" s="259" t="s">
        <v>51</v>
      </c>
      <c r="DG5" s="265" t="s">
        <v>45</v>
      </c>
      <c r="DH5" s="531"/>
      <c r="DI5" s="344" t="s">
        <v>43</v>
      </c>
      <c r="DJ5" s="259" t="s">
        <v>44</v>
      </c>
      <c r="DK5" s="265" t="s">
        <v>45</v>
      </c>
      <c r="DL5" s="267" t="s">
        <v>83</v>
      </c>
      <c r="DM5" s="259" t="s">
        <v>47</v>
      </c>
      <c r="DN5" s="259" t="s">
        <v>48</v>
      </c>
      <c r="DO5" s="259" t="s">
        <v>49</v>
      </c>
      <c r="DP5" s="259" t="s">
        <v>50</v>
      </c>
      <c r="DQ5" s="259" t="s">
        <v>51</v>
      </c>
      <c r="DR5" s="265" t="s">
        <v>45</v>
      </c>
      <c r="DS5" s="531"/>
      <c r="DT5" s="323" t="s">
        <v>43</v>
      </c>
      <c r="DU5" s="259" t="s">
        <v>44</v>
      </c>
      <c r="DV5" s="265" t="s">
        <v>45</v>
      </c>
      <c r="DW5" s="267" t="s">
        <v>83</v>
      </c>
      <c r="DX5" s="259" t="s">
        <v>47</v>
      </c>
      <c r="DY5" s="259" t="s">
        <v>48</v>
      </c>
      <c r="DZ5" s="259" t="s">
        <v>49</v>
      </c>
      <c r="EA5" s="259" t="s">
        <v>50</v>
      </c>
      <c r="EB5" s="259" t="s">
        <v>51</v>
      </c>
      <c r="EC5" s="265" t="s">
        <v>45</v>
      </c>
      <c r="ED5" s="531"/>
      <c r="EE5" s="323" t="s">
        <v>43</v>
      </c>
      <c r="EF5" s="259" t="s">
        <v>44</v>
      </c>
      <c r="EG5" s="265" t="s">
        <v>45</v>
      </c>
      <c r="EH5" s="267" t="s">
        <v>83</v>
      </c>
      <c r="EI5" s="259" t="s">
        <v>47</v>
      </c>
      <c r="EJ5" s="259" t="s">
        <v>48</v>
      </c>
      <c r="EK5" s="259" t="s">
        <v>49</v>
      </c>
      <c r="EL5" s="259" t="s">
        <v>50</v>
      </c>
      <c r="EM5" s="259" t="s">
        <v>51</v>
      </c>
      <c r="EN5" s="265" t="s">
        <v>45</v>
      </c>
      <c r="EO5" s="531"/>
      <c r="EP5" s="323"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0</v>
      </c>
      <c r="D6" s="273">
        <v>0</v>
      </c>
      <c r="E6" s="383">
        <v>0</v>
      </c>
      <c r="F6" s="272">
        <v>0</v>
      </c>
      <c r="G6" s="273">
        <v>1227</v>
      </c>
      <c r="H6" s="273">
        <v>1333</v>
      </c>
      <c r="I6" s="273">
        <v>791</v>
      </c>
      <c r="J6" s="273">
        <v>568</v>
      </c>
      <c r="K6" s="273">
        <v>388</v>
      </c>
      <c r="L6" s="274">
        <v>4307</v>
      </c>
      <c r="M6" s="275">
        <v>4307</v>
      </c>
      <c r="N6" s="269">
        <v>0</v>
      </c>
      <c r="O6" s="273">
        <v>0</v>
      </c>
      <c r="P6" s="270">
        <v>0</v>
      </c>
      <c r="Q6" s="272">
        <v>0</v>
      </c>
      <c r="R6" s="273">
        <v>12</v>
      </c>
      <c r="S6" s="273">
        <v>32</v>
      </c>
      <c r="T6" s="273">
        <v>65</v>
      </c>
      <c r="U6" s="273">
        <v>128</v>
      </c>
      <c r="V6" s="273">
        <v>206</v>
      </c>
      <c r="W6" s="270">
        <v>443</v>
      </c>
      <c r="X6" s="275">
        <v>443</v>
      </c>
      <c r="Y6" s="269">
        <v>179</v>
      </c>
      <c r="Z6" s="273">
        <v>368</v>
      </c>
      <c r="AA6" s="270">
        <v>547</v>
      </c>
      <c r="AB6" s="272">
        <v>0</v>
      </c>
      <c r="AC6" s="273">
        <v>919</v>
      </c>
      <c r="AD6" s="273">
        <v>1225</v>
      </c>
      <c r="AE6" s="273">
        <v>739</v>
      </c>
      <c r="AF6" s="273">
        <v>606</v>
      </c>
      <c r="AG6" s="273">
        <v>377</v>
      </c>
      <c r="AH6" s="270">
        <v>3866</v>
      </c>
      <c r="AI6" s="275">
        <v>4413</v>
      </c>
      <c r="AJ6" s="269">
        <v>20</v>
      </c>
      <c r="AK6" s="273">
        <v>46</v>
      </c>
      <c r="AL6" s="270">
        <v>66</v>
      </c>
      <c r="AM6" s="272">
        <v>0</v>
      </c>
      <c r="AN6" s="273">
        <v>66</v>
      </c>
      <c r="AO6" s="273">
        <v>136</v>
      </c>
      <c r="AP6" s="273">
        <v>79</v>
      </c>
      <c r="AQ6" s="273">
        <v>72</v>
      </c>
      <c r="AR6" s="273">
        <v>22</v>
      </c>
      <c r="AS6" s="270">
        <v>375</v>
      </c>
      <c r="AT6" s="275">
        <v>441</v>
      </c>
      <c r="AU6" s="269">
        <v>300</v>
      </c>
      <c r="AV6" s="273">
        <v>339</v>
      </c>
      <c r="AW6" s="270">
        <v>639</v>
      </c>
      <c r="AX6" s="272">
        <v>0</v>
      </c>
      <c r="AY6" s="273">
        <v>1317</v>
      </c>
      <c r="AZ6" s="273">
        <v>1577</v>
      </c>
      <c r="BA6" s="273">
        <v>1442</v>
      </c>
      <c r="BB6" s="273">
        <v>1250</v>
      </c>
      <c r="BC6" s="273">
        <v>868</v>
      </c>
      <c r="BD6" s="274">
        <v>6454</v>
      </c>
      <c r="BE6" s="275">
        <v>7093</v>
      </c>
      <c r="BF6" s="269">
        <v>0</v>
      </c>
      <c r="BG6" s="273">
        <v>0</v>
      </c>
      <c r="BH6" s="270">
        <v>0</v>
      </c>
      <c r="BI6" s="272">
        <v>0</v>
      </c>
      <c r="BJ6" s="273">
        <v>1627</v>
      </c>
      <c r="BK6" s="273">
        <v>1393</v>
      </c>
      <c r="BL6" s="273">
        <v>759</v>
      </c>
      <c r="BM6" s="273">
        <v>364</v>
      </c>
      <c r="BN6" s="273">
        <v>143</v>
      </c>
      <c r="BO6" s="270">
        <v>4286</v>
      </c>
      <c r="BP6" s="275">
        <v>4286</v>
      </c>
      <c r="BQ6" s="269">
        <v>139</v>
      </c>
      <c r="BR6" s="273">
        <v>165</v>
      </c>
      <c r="BS6" s="270">
        <v>304</v>
      </c>
      <c r="BT6" s="272">
        <v>0</v>
      </c>
      <c r="BU6" s="273">
        <v>373</v>
      </c>
      <c r="BV6" s="273">
        <v>498</v>
      </c>
      <c r="BW6" s="273">
        <v>303</v>
      </c>
      <c r="BX6" s="273">
        <v>166</v>
      </c>
      <c r="BY6" s="273">
        <v>52</v>
      </c>
      <c r="BZ6" s="270">
        <v>1392</v>
      </c>
      <c r="CA6" s="275">
        <v>1696</v>
      </c>
      <c r="CB6" s="269">
        <v>7</v>
      </c>
      <c r="CC6" s="273">
        <v>16</v>
      </c>
      <c r="CD6" s="270">
        <v>23</v>
      </c>
      <c r="CE6" s="272">
        <v>0</v>
      </c>
      <c r="CF6" s="273">
        <v>154</v>
      </c>
      <c r="CG6" s="273">
        <v>248</v>
      </c>
      <c r="CH6" s="273">
        <v>325</v>
      </c>
      <c r="CI6" s="273">
        <v>213</v>
      </c>
      <c r="CJ6" s="273">
        <v>89</v>
      </c>
      <c r="CK6" s="270">
        <v>1029</v>
      </c>
      <c r="CL6" s="275">
        <v>1052</v>
      </c>
      <c r="CM6" s="269">
        <v>1</v>
      </c>
      <c r="CN6" s="273">
        <v>1</v>
      </c>
      <c r="CO6" s="270">
        <v>2</v>
      </c>
      <c r="CP6" s="272">
        <v>0</v>
      </c>
      <c r="CQ6" s="273">
        <v>11</v>
      </c>
      <c r="CR6" s="273">
        <v>38</v>
      </c>
      <c r="CS6" s="273">
        <v>59</v>
      </c>
      <c r="CT6" s="273">
        <v>44</v>
      </c>
      <c r="CU6" s="273">
        <v>23</v>
      </c>
      <c r="CV6" s="270">
        <v>175</v>
      </c>
      <c r="CW6" s="275">
        <v>177</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620</v>
      </c>
      <c r="DU6" s="273">
        <v>1250</v>
      </c>
      <c r="DV6" s="270">
        <v>1870</v>
      </c>
      <c r="DW6" s="272">
        <v>0</v>
      </c>
      <c r="DX6" s="273">
        <v>1759</v>
      </c>
      <c r="DY6" s="273">
        <v>3097</v>
      </c>
      <c r="DZ6" s="273">
        <v>1889</v>
      </c>
      <c r="EA6" s="273">
        <v>1318</v>
      </c>
      <c r="EB6" s="273">
        <v>721</v>
      </c>
      <c r="EC6" s="270">
        <v>8784</v>
      </c>
      <c r="ED6" s="275">
        <v>10654</v>
      </c>
      <c r="EE6" s="269">
        <v>188</v>
      </c>
      <c r="EF6" s="273">
        <v>131</v>
      </c>
      <c r="EG6" s="270">
        <v>319</v>
      </c>
      <c r="EH6" s="272">
        <v>0</v>
      </c>
      <c r="EI6" s="273">
        <v>552</v>
      </c>
      <c r="EJ6" s="273">
        <v>484</v>
      </c>
      <c r="EK6" s="273">
        <v>464</v>
      </c>
      <c r="EL6" s="273">
        <v>420</v>
      </c>
      <c r="EM6" s="273">
        <v>267</v>
      </c>
      <c r="EN6" s="270">
        <v>2187</v>
      </c>
      <c r="EO6" s="275">
        <v>2506</v>
      </c>
      <c r="EP6" s="269">
        <v>898</v>
      </c>
      <c r="EQ6" s="273">
        <v>1591</v>
      </c>
      <c r="ER6" s="270">
        <v>2489</v>
      </c>
      <c r="ES6" s="272">
        <v>0</v>
      </c>
      <c r="ET6" s="273">
        <v>4253</v>
      </c>
      <c r="EU6" s="273">
        <v>4267</v>
      </c>
      <c r="EV6" s="273">
        <v>2298</v>
      </c>
      <c r="EW6" s="273">
        <v>1432</v>
      </c>
      <c r="EX6" s="273">
        <v>730</v>
      </c>
      <c r="EY6" s="270">
        <v>12980</v>
      </c>
      <c r="EZ6" s="275">
        <v>15469</v>
      </c>
    </row>
    <row r="7" spans="2:156" ht="21" customHeight="1" x14ac:dyDescent="0.2">
      <c r="B7" s="261" t="s">
        <v>5</v>
      </c>
      <c r="C7" s="276">
        <v>0</v>
      </c>
      <c r="D7" s="280">
        <v>0</v>
      </c>
      <c r="E7" s="384">
        <v>0</v>
      </c>
      <c r="F7" s="279">
        <v>0</v>
      </c>
      <c r="G7" s="280">
        <v>505</v>
      </c>
      <c r="H7" s="280">
        <v>648</v>
      </c>
      <c r="I7" s="280">
        <v>381</v>
      </c>
      <c r="J7" s="280">
        <v>251</v>
      </c>
      <c r="K7" s="280">
        <v>183</v>
      </c>
      <c r="L7" s="281">
        <v>1968</v>
      </c>
      <c r="M7" s="282">
        <v>1968</v>
      </c>
      <c r="N7" s="276">
        <v>0</v>
      </c>
      <c r="O7" s="280">
        <v>0</v>
      </c>
      <c r="P7" s="277">
        <v>0</v>
      </c>
      <c r="Q7" s="279">
        <v>0</v>
      </c>
      <c r="R7" s="280">
        <v>2</v>
      </c>
      <c r="S7" s="280">
        <v>14</v>
      </c>
      <c r="T7" s="280">
        <v>26</v>
      </c>
      <c r="U7" s="280">
        <v>59</v>
      </c>
      <c r="V7" s="280">
        <v>90</v>
      </c>
      <c r="W7" s="277">
        <v>191</v>
      </c>
      <c r="X7" s="282">
        <v>191</v>
      </c>
      <c r="Y7" s="276">
        <v>81</v>
      </c>
      <c r="Z7" s="280">
        <v>207</v>
      </c>
      <c r="AA7" s="277">
        <v>288</v>
      </c>
      <c r="AB7" s="279">
        <v>0</v>
      </c>
      <c r="AC7" s="280">
        <v>362</v>
      </c>
      <c r="AD7" s="280">
        <v>644</v>
      </c>
      <c r="AE7" s="280">
        <v>369</v>
      </c>
      <c r="AF7" s="280">
        <v>294</v>
      </c>
      <c r="AG7" s="280">
        <v>169</v>
      </c>
      <c r="AH7" s="277">
        <v>1838</v>
      </c>
      <c r="AI7" s="282">
        <v>2126</v>
      </c>
      <c r="AJ7" s="276">
        <v>9</v>
      </c>
      <c r="AK7" s="280">
        <v>27</v>
      </c>
      <c r="AL7" s="277">
        <v>36</v>
      </c>
      <c r="AM7" s="279">
        <v>0</v>
      </c>
      <c r="AN7" s="280">
        <v>18</v>
      </c>
      <c r="AO7" s="280">
        <v>58</v>
      </c>
      <c r="AP7" s="280">
        <v>37</v>
      </c>
      <c r="AQ7" s="280">
        <v>28</v>
      </c>
      <c r="AR7" s="280">
        <v>7</v>
      </c>
      <c r="AS7" s="277">
        <v>148</v>
      </c>
      <c r="AT7" s="282">
        <v>184</v>
      </c>
      <c r="AU7" s="276">
        <v>131</v>
      </c>
      <c r="AV7" s="280">
        <v>196</v>
      </c>
      <c r="AW7" s="277">
        <v>327</v>
      </c>
      <c r="AX7" s="279">
        <v>0</v>
      </c>
      <c r="AY7" s="280">
        <v>484</v>
      </c>
      <c r="AZ7" s="280">
        <v>719</v>
      </c>
      <c r="BA7" s="280">
        <v>649</v>
      </c>
      <c r="BB7" s="280">
        <v>537</v>
      </c>
      <c r="BC7" s="280">
        <v>391</v>
      </c>
      <c r="BD7" s="281">
        <v>2780</v>
      </c>
      <c r="BE7" s="282">
        <v>3107</v>
      </c>
      <c r="BF7" s="276">
        <v>0</v>
      </c>
      <c r="BG7" s="280">
        <v>0</v>
      </c>
      <c r="BH7" s="277">
        <v>0</v>
      </c>
      <c r="BI7" s="279">
        <v>0</v>
      </c>
      <c r="BJ7" s="280">
        <v>590</v>
      </c>
      <c r="BK7" s="280">
        <v>617</v>
      </c>
      <c r="BL7" s="280">
        <v>307</v>
      </c>
      <c r="BM7" s="280">
        <v>143</v>
      </c>
      <c r="BN7" s="280">
        <v>59</v>
      </c>
      <c r="BO7" s="277">
        <v>1716</v>
      </c>
      <c r="BP7" s="282">
        <v>1716</v>
      </c>
      <c r="BQ7" s="276">
        <v>66</v>
      </c>
      <c r="BR7" s="280">
        <v>83</v>
      </c>
      <c r="BS7" s="277">
        <v>149</v>
      </c>
      <c r="BT7" s="279">
        <v>0</v>
      </c>
      <c r="BU7" s="280">
        <v>129</v>
      </c>
      <c r="BV7" s="280">
        <v>217</v>
      </c>
      <c r="BW7" s="280">
        <v>155</v>
      </c>
      <c r="BX7" s="280">
        <v>78</v>
      </c>
      <c r="BY7" s="280">
        <v>23</v>
      </c>
      <c r="BZ7" s="277">
        <v>602</v>
      </c>
      <c r="CA7" s="282">
        <v>751</v>
      </c>
      <c r="CB7" s="276">
        <v>2</v>
      </c>
      <c r="CC7" s="280">
        <v>8</v>
      </c>
      <c r="CD7" s="277">
        <v>10</v>
      </c>
      <c r="CE7" s="279">
        <v>0</v>
      </c>
      <c r="CF7" s="280">
        <v>52</v>
      </c>
      <c r="CG7" s="280">
        <v>101</v>
      </c>
      <c r="CH7" s="280">
        <v>128</v>
      </c>
      <c r="CI7" s="280">
        <v>82</v>
      </c>
      <c r="CJ7" s="280">
        <v>36</v>
      </c>
      <c r="CK7" s="277">
        <v>399</v>
      </c>
      <c r="CL7" s="282">
        <v>409</v>
      </c>
      <c r="CM7" s="276">
        <v>1</v>
      </c>
      <c r="CN7" s="280">
        <v>0</v>
      </c>
      <c r="CO7" s="277">
        <v>1</v>
      </c>
      <c r="CP7" s="279">
        <v>0</v>
      </c>
      <c r="CQ7" s="280">
        <v>4</v>
      </c>
      <c r="CR7" s="280">
        <v>22</v>
      </c>
      <c r="CS7" s="280">
        <v>41</v>
      </c>
      <c r="CT7" s="280">
        <v>25</v>
      </c>
      <c r="CU7" s="280">
        <v>17</v>
      </c>
      <c r="CV7" s="277">
        <v>109</v>
      </c>
      <c r="CW7" s="282">
        <v>110</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42</v>
      </c>
      <c r="DU7" s="280">
        <v>570</v>
      </c>
      <c r="DV7" s="277">
        <v>812</v>
      </c>
      <c r="DW7" s="279">
        <v>0</v>
      </c>
      <c r="DX7" s="280">
        <v>577</v>
      </c>
      <c r="DY7" s="280">
        <v>1386</v>
      </c>
      <c r="DZ7" s="280">
        <v>841</v>
      </c>
      <c r="EA7" s="280">
        <v>559</v>
      </c>
      <c r="EB7" s="280">
        <v>327</v>
      </c>
      <c r="EC7" s="277">
        <v>3690</v>
      </c>
      <c r="ED7" s="282">
        <v>4502</v>
      </c>
      <c r="EE7" s="276">
        <v>72</v>
      </c>
      <c r="EF7" s="280">
        <v>68</v>
      </c>
      <c r="EG7" s="277">
        <v>140</v>
      </c>
      <c r="EH7" s="279">
        <v>0</v>
      </c>
      <c r="EI7" s="280">
        <v>202</v>
      </c>
      <c r="EJ7" s="280">
        <v>224</v>
      </c>
      <c r="EK7" s="280">
        <v>222</v>
      </c>
      <c r="EL7" s="280">
        <v>193</v>
      </c>
      <c r="EM7" s="280">
        <v>127</v>
      </c>
      <c r="EN7" s="277">
        <v>968</v>
      </c>
      <c r="EO7" s="282">
        <v>1108</v>
      </c>
      <c r="EP7" s="276">
        <v>363</v>
      </c>
      <c r="EQ7" s="280">
        <v>760</v>
      </c>
      <c r="ER7" s="277">
        <v>1123</v>
      </c>
      <c r="ES7" s="279">
        <v>0</v>
      </c>
      <c r="ET7" s="280">
        <v>1573</v>
      </c>
      <c r="EU7" s="280">
        <v>2010</v>
      </c>
      <c r="EV7" s="280">
        <v>1045</v>
      </c>
      <c r="EW7" s="280">
        <v>621</v>
      </c>
      <c r="EX7" s="280">
        <v>330</v>
      </c>
      <c r="EY7" s="277">
        <v>5579</v>
      </c>
      <c r="EZ7" s="282">
        <v>6702</v>
      </c>
    </row>
    <row r="8" spans="2:156" ht="21" customHeight="1" x14ac:dyDescent="0.2">
      <c r="B8" s="261" t="s">
        <v>6</v>
      </c>
      <c r="C8" s="276">
        <v>0</v>
      </c>
      <c r="D8" s="280">
        <v>0</v>
      </c>
      <c r="E8" s="384">
        <v>0</v>
      </c>
      <c r="F8" s="279">
        <v>0</v>
      </c>
      <c r="G8" s="280">
        <v>177</v>
      </c>
      <c r="H8" s="280">
        <v>142</v>
      </c>
      <c r="I8" s="280">
        <v>83</v>
      </c>
      <c r="J8" s="280">
        <v>62</v>
      </c>
      <c r="K8" s="280">
        <v>53</v>
      </c>
      <c r="L8" s="281">
        <v>517</v>
      </c>
      <c r="M8" s="282">
        <v>517</v>
      </c>
      <c r="N8" s="276">
        <v>0</v>
      </c>
      <c r="O8" s="280">
        <v>0</v>
      </c>
      <c r="P8" s="277">
        <v>0</v>
      </c>
      <c r="Q8" s="279">
        <v>0</v>
      </c>
      <c r="R8" s="280">
        <v>3</v>
      </c>
      <c r="S8" s="280">
        <v>3</v>
      </c>
      <c r="T8" s="280">
        <v>6</v>
      </c>
      <c r="U8" s="280">
        <v>12</v>
      </c>
      <c r="V8" s="280">
        <v>27</v>
      </c>
      <c r="W8" s="277">
        <v>51</v>
      </c>
      <c r="X8" s="282">
        <v>51</v>
      </c>
      <c r="Y8" s="276">
        <v>24</v>
      </c>
      <c r="Z8" s="280">
        <v>38</v>
      </c>
      <c r="AA8" s="277">
        <v>62</v>
      </c>
      <c r="AB8" s="279">
        <v>0</v>
      </c>
      <c r="AC8" s="280">
        <v>124</v>
      </c>
      <c r="AD8" s="280">
        <v>144</v>
      </c>
      <c r="AE8" s="280">
        <v>78</v>
      </c>
      <c r="AF8" s="280">
        <v>84</v>
      </c>
      <c r="AG8" s="280">
        <v>61</v>
      </c>
      <c r="AH8" s="277">
        <v>491</v>
      </c>
      <c r="AI8" s="282">
        <v>553</v>
      </c>
      <c r="AJ8" s="276">
        <v>2</v>
      </c>
      <c r="AK8" s="280">
        <v>0</v>
      </c>
      <c r="AL8" s="277">
        <v>2</v>
      </c>
      <c r="AM8" s="279">
        <v>0</v>
      </c>
      <c r="AN8" s="280">
        <v>8</v>
      </c>
      <c r="AO8" s="280">
        <v>17</v>
      </c>
      <c r="AP8" s="280">
        <v>6</v>
      </c>
      <c r="AQ8" s="280">
        <v>10</v>
      </c>
      <c r="AR8" s="280">
        <v>2</v>
      </c>
      <c r="AS8" s="277">
        <v>43</v>
      </c>
      <c r="AT8" s="282">
        <v>45</v>
      </c>
      <c r="AU8" s="276">
        <v>47</v>
      </c>
      <c r="AV8" s="280">
        <v>41</v>
      </c>
      <c r="AW8" s="277">
        <v>88</v>
      </c>
      <c r="AX8" s="279">
        <v>0</v>
      </c>
      <c r="AY8" s="280">
        <v>214</v>
      </c>
      <c r="AZ8" s="280">
        <v>210</v>
      </c>
      <c r="BA8" s="280">
        <v>189</v>
      </c>
      <c r="BB8" s="280">
        <v>191</v>
      </c>
      <c r="BC8" s="280">
        <v>131</v>
      </c>
      <c r="BD8" s="281">
        <v>935</v>
      </c>
      <c r="BE8" s="282">
        <v>1023</v>
      </c>
      <c r="BF8" s="276">
        <v>0</v>
      </c>
      <c r="BG8" s="280">
        <v>0</v>
      </c>
      <c r="BH8" s="277">
        <v>0</v>
      </c>
      <c r="BI8" s="279">
        <v>0</v>
      </c>
      <c r="BJ8" s="280">
        <v>230</v>
      </c>
      <c r="BK8" s="280">
        <v>152</v>
      </c>
      <c r="BL8" s="280">
        <v>79</v>
      </c>
      <c r="BM8" s="280">
        <v>49</v>
      </c>
      <c r="BN8" s="280">
        <v>24</v>
      </c>
      <c r="BO8" s="277">
        <v>534</v>
      </c>
      <c r="BP8" s="282">
        <v>534</v>
      </c>
      <c r="BQ8" s="276">
        <v>9</v>
      </c>
      <c r="BR8" s="280">
        <v>11</v>
      </c>
      <c r="BS8" s="277">
        <v>20</v>
      </c>
      <c r="BT8" s="279">
        <v>0</v>
      </c>
      <c r="BU8" s="280">
        <v>47</v>
      </c>
      <c r="BV8" s="280">
        <v>58</v>
      </c>
      <c r="BW8" s="280">
        <v>28</v>
      </c>
      <c r="BX8" s="280">
        <v>20</v>
      </c>
      <c r="BY8" s="280">
        <v>10</v>
      </c>
      <c r="BZ8" s="277">
        <v>163</v>
      </c>
      <c r="CA8" s="282">
        <v>183</v>
      </c>
      <c r="CB8" s="276">
        <v>3</v>
      </c>
      <c r="CC8" s="280">
        <v>2</v>
      </c>
      <c r="CD8" s="277">
        <v>5</v>
      </c>
      <c r="CE8" s="279">
        <v>0</v>
      </c>
      <c r="CF8" s="280">
        <v>16</v>
      </c>
      <c r="CG8" s="280">
        <v>25</v>
      </c>
      <c r="CH8" s="280">
        <v>28</v>
      </c>
      <c r="CI8" s="280">
        <v>14</v>
      </c>
      <c r="CJ8" s="280">
        <v>14</v>
      </c>
      <c r="CK8" s="277">
        <v>97</v>
      </c>
      <c r="CL8" s="282">
        <v>102</v>
      </c>
      <c r="CM8" s="276">
        <v>0</v>
      </c>
      <c r="CN8" s="280">
        <v>0</v>
      </c>
      <c r="CO8" s="277">
        <v>0</v>
      </c>
      <c r="CP8" s="279">
        <v>0</v>
      </c>
      <c r="CQ8" s="280">
        <v>2</v>
      </c>
      <c r="CR8" s="280">
        <v>4</v>
      </c>
      <c r="CS8" s="280">
        <v>5</v>
      </c>
      <c r="CT8" s="280">
        <v>6</v>
      </c>
      <c r="CU8" s="280">
        <v>4</v>
      </c>
      <c r="CV8" s="277">
        <v>21</v>
      </c>
      <c r="CW8" s="282">
        <v>21</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82</v>
      </c>
      <c r="DU8" s="280">
        <v>117</v>
      </c>
      <c r="DV8" s="277">
        <v>199</v>
      </c>
      <c r="DW8" s="279">
        <v>0</v>
      </c>
      <c r="DX8" s="280">
        <v>248</v>
      </c>
      <c r="DY8" s="280">
        <v>335</v>
      </c>
      <c r="DZ8" s="280">
        <v>207</v>
      </c>
      <c r="EA8" s="280">
        <v>188</v>
      </c>
      <c r="EB8" s="280">
        <v>113</v>
      </c>
      <c r="EC8" s="277">
        <v>1091</v>
      </c>
      <c r="ED8" s="282">
        <v>1290</v>
      </c>
      <c r="EE8" s="276">
        <v>35</v>
      </c>
      <c r="EF8" s="280">
        <v>19</v>
      </c>
      <c r="EG8" s="277">
        <v>54</v>
      </c>
      <c r="EH8" s="279">
        <v>0</v>
      </c>
      <c r="EI8" s="280">
        <v>86</v>
      </c>
      <c r="EJ8" s="280">
        <v>61</v>
      </c>
      <c r="EK8" s="280">
        <v>70</v>
      </c>
      <c r="EL8" s="280">
        <v>52</v>
      </c>
      <c r="EM8" s="280">
        <v>32</v>
      </c>
      <c r="EN8" s="277">
        <v>301</v>
      </c>
      <c r="EO8" s="282">
        <v>355</v>
      </c>
      <c r="EP8" s="276">
        <v>111</v>
      </c>
      <c r="EQ8" s="280">
        <v>143</v>
      </c>
      <c r="ER8" s="277">
        <v>254</v>
      </c>
      <c r="ES8" s="279">
        <v>0</v>
      </c>
      <c r="ET8" s="280">
        <v>571</v>
      </c>
      <c r="EU8" s="280">
        <v>447</v>
      </c>
      <c r="EV8" s="280">
        <v>246</v>
      </c>
      <c r="EW8" s="280">
        <v>185</v>
      </c>
      <c r="EX8" s="280">
        <v>120</v>
      </c>
      <c r="EY8" s="277">
        <v>1569</v>
      </c>
      <c r="EZ8" s="282">
        <v>1823</v>
      </c>
    </row>
    <row r="9" spans="2:156" ht="21" customHeight="1" x14ac:dyDescent="0.2">
      <c r="B9" s="261" t="s">
        <v>14</v>
      </c>
      <c r="C9" s="276">
        <v>0</v>
      </c>
      <c r="D9" s="280">
        <v>0</v>
      </c>
      <c r="E9" s="384">
        <v>0</v>
      </c>
      <c r="F9" s="279">
        <v>0</v>
      </c>
      <c r="G9" s="280">
        <v>60</v>
      </c>
      <c r="H9" s="280">
        <v>98</v>
      </c>
      <c r="I9" s="280">
        <v>58</v>
      </c>
      <c r="J9" s="280">
        <v>23</v>
      </c>
      <c r="K9" s="280">
        <v>20</v>
      </c>
      <c r="L9" s="281">
        <v>259</v>
      </c>
      <c r="M9" s="282">
        <v>259</v>
      </c>
      <c r="N9" s="276">
        <v>0</v>
      </c>
      <c r="O9" s="280">
        <v>0</v>
      </c>
      <c r="P9" s="277">
        <v>0</v>
      </c>
      <c r="Q9" s="279">
        <v>0</v>
      </c>
      <c r="R9" s="280">
        <v>0</v>
      </c>
      <c r="S9" s="280">
        <v>0</v>
      </c>
      <c r="T9" s="280">
        <v>1</v>
      </c>
      <c r="U9" s="280">
        <v>3</v>
      </c>
      <c r="V9" s="280">
        <v>9</v>
      </c>
      <c r="W9" s="277">
        <v>13</v>
      </c>
      <c r="X9" s="282">
        <v>13</v>
      </c>
      <c r="Y9" s="276">
        <v>4</v>
      </c>
      <c r="Z9" s="280">
        <v>27</v>
      </c>
      <c r="AA9" s="277">
        <v>31</v>
      </c>
      <c r="AB9" s="279">
        <v>0</v>
      </c>
      <c r="AC9" s="280">
        <v>48</v>
      </c>
      <c r="AD9" s="280">
        <v>87</v>
      </c>
      <c r="AE9" s="280">
        <v>60</v>
      </c>
      <c r="AF9" s="280">
        <v>28</v>
      </c>
      <c r="AG9" s="280">
        <v>19</v>
      </c>
      <c r="AH9" s="277">
        <v>242</v>
      </c>
      <c r="AI9" s="282">
        <v>273</v>
      </c>
      <c r="AJ9" s="276">
        <v>0</v>
      </c>
      <c r="AK9" s="280">
        <v>3</v>
      </c>
      <c r="AL9" s="277">
        <v>3</v>
      </c>
      <c r="AM9" s="279">
        <v>0</v>
      </c>
      <c r="AN9" s="280">
        <v>1</v>
      </c>
      <c r="AO9" s="280">
        <v>1</v>
      </c>
      <c r="AP9" s="280">
        <v>3</v>
      </c>
      <c r="AQ9" s="280">
        <v>5</v>
      </c>
      <c r="AR9" s="280">
        <v>0</v>
      </c>
      <c r="AS9" s="277">
        <v>10</v>
      </c>
      <c r="AT9" s="282">
        <v>13</v>
      </c>
      <c r="AU9" s="276">
        <v>13</v>
      </c>
      <c r="AV9" s="280">
        <v>24</v>
      </c>
      <c r="AW9" s="277">
        <v>37</v>
      </c>
      <c r="AX9" s="279">
        <v>0</v>
      </c>
      <c r="AY9" s="280">
        <v>85</v>
      </c>
      <c r="AZ9" s="280">
        <v>117</v>
      </c>
      <c r="BA9" s="280">
        <v>105</v>
      </c>
      <c r="BB9" s="280">
        <v>71</v>
      </c>
      <c r="BC9" s="280">
        <v>47</v>
      </c>
      <c r="BD9" s="281">
        <v>425</v>
      </c>
      <c r="BE9" s="282">
        <v>462</v>
      </c>
      <c r="BF9" s="276">
        <v>0</v>
      </c>
      <c r="BG9" s="280">
        <v>0</v>
      </c>
      <c r="BH9" s="277">
        <v>0</v>
      </c>
      <c r="BI9" s="279">
        <v>0</v>
      </c>
      <c r="BJ9" s="280">
        <v>122</v>
      </c>
      <c r="BK9" s="280">
        <v>119</v>
      </c>
      <c r="BL9" s="280">
        <v>75</v>
      </c>
      <c r="BM9" s="280">
        <v>32</v>
      </c>
      <c r="BN9" s="280">
        <v>7</v>
      </c>
      <c r="BO9" s="277">
        <v>355</v>
      </c>
      <c r="BP9" s="282">
        <v>355</v>
      </c>
      <c r="BQ9" s="276">
        <v>8</v>
      </c>
      <c r="BR9" s="280">
        <v>11</v>
      </c>
      <c r="BS9" s="277">
        <v>19</v>
      </c>
      <c r="BT9" s="279">
        <v>0</v>
      </c>
      <c r="BU9" s="280">
        <v>13</v>
      </c>
      <c r="BV9" s="280">
        <v>27</v>
      </c>
      <c r="BW9" s="280">
        <v>19</v>
      </c>
      <c r="BX9" s="280">
        <v>11</v>
      </c>
      <c r="BY9" s="280">
        <v>0</v>
      </c>
      <c r="BZ9" s="277">
        <v>70</v>
      </c>
      <c r="CA9" s="282">
        <v>89</v>
      </c>
      <c r="CB9" s="276">
        <v>0</v>
      </c>
      <c r="CC9" s="280">
        <v>1</v>
      </c>
      <c r="CD9" s="277">
        <v>1</v>
      </c>
      <c r="CE9" s="279">
        <v>0</v>
      </c>
      <c r="CF9" s="280">
        <v>12</v>
      </c>
      <c r="CG9" s="280">
        <v>19</v>
      </c>
      <c r="CH9" s="280">
        <v>32</v>
      </c>
      <c r="CI9" s="280">
        <v>12</v>
      </c>
      <c r="CJ9" s="280">
        <v>4</v>
      </c>
      <c r="CK9" s="277">
        <v>79</v>
      </c>
      <c r="CL9" s="282">
        <v>80</v>
      </c>
      <c r="CM9" s="276">
        <v>0</v>
      </c>
      <c r="CN9" s="280">
        <v>0</v>
      </c>
      <c r="CO9" s="277">
        <v>0</v>
      </c>
      <c r="CP9" s="279">
        <v>0</v>
      </c>
      <c r="CQ9" s="280">
        <v>0</v>
      </c>
      <c r="CR9" s="280">
        <v>1</v>
      </c>
      <c r="CS9" s="280">
        <v>1</v>
      </c>
      <c r="CT9" s="280">
        <v>2</v>
      </c>
      <c r="CU9" s="280">
        <v>1</v>
      </c>
      <c r="CV9" s="277">
        <v>5</v>
      </c>
      <c r="CW9" s="282">
        <v>5</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6</v>
      </c>
      <c r="DU9" s="280">
        <v>117</v>
      </c>
      <c r="DV9" s="277">
        <v>153</v>
      </c>
      <c r="DW9" s="279">
        <v>0</v>
      </c>
      <c r="DX9" s="280">
        <v>108</v>
      </c>
      <c r="DY9" s="280">
        <v>259</v>
      </c>
      <c r="DZ9" s="280">
        <v>163</v>
      </c>
      <c r="EA9" s="280">
        <v>77</v>
      </c>
      <c r="EB9" s="280">
        <v>35</v>
      </c>
      <c r="EC9" s="277">
        <v>642</v>
      </c>
      <c r="ED9" s="282">
        <v>795</v>
      </c>
      <c r="EE9" s="276">
        <v>11</v>
      </c>
      <c r="EF9" s="280">
        <v>10</v>
      </c>
      <c r="EG9" s="277">
        <v>21</v>
      </c>
      <c r="EH9" s="279">
        <v>0</v>
      </c>
      <c r="EI9" s="280">
        <v>35</v>
      </c>
      <c r="EJ9" s="280">
        <v>27</v>
      </c>
      <c r="EK9" s="280">
        <v>29</v>
      </c>
      <c r="EL9" s="280">
        <v>20</v>
      </c>
      <c r="EM9" s="280">
        <v>12</v>
      </c>
      <c r="EN9" s="277">
        <v>123</v>
      </c>
      <c r="EO9" s="282">
        <v>144</v>
      </c>
      <c r="EP9" s="276">
        <v>47</v>
      </c>
      <c r="EQ9" s="280">
        <v>135</v>
      </c>
      <c r="ER9" s="277">
        <v>182</v>
      </c>
      <c r="ES9" s="279">
        <v>0</v>
      </c>
      <c r="ET9" s="280">
        <v>274</v>
      </c>
      <c r="EU9" s="280">
        <v>346</v>
      </c>
      <c r="EV9" s="280">
        <v>195</v>
      </c>
      <c r="EW9" s="280">
        <v>88</v>
      </c>
      <c r="EX9" s="280">
        <v>34</v>
      </c>
      <c r="EY9" s="277">
        <v>937</v>
      </c>
      <c r="EZ9" s="282">
        <v>1119</v>
      </c>
    </row>
    <row r="10" spans="2:156" ht="21" customHeight="1" x14ac:dyDescent="0.2">
      <c r="B10" s="261" t="s">
        <v>7</v>
      </c>
      <c r="C10" s="276">
        <v>0</v>
      </c>
      <c r="D10" s="280">
        <v>0</v>
      </c>
      <c r="E10" s="384">
        <v>0</v>
      </c>
      <c r="F10" s="279">
        <v>0</v>
      </c>
      <c r="G10" s="280">
        <v>117</v>
      </c>
      <c r="H10" s="280">
        <v>97</v>
      </c>
      <c r="I10" s="280">
        <v>51</v>
      </c>
      <c r="J10" s="280">
        <v>42</v>
      </c>
      <c r="K10" s="280">
        <v>22</v>
      </c>
      <c r="L10" s="281">
        <v>329</v>
      </c>
      <c r="M10" s="282">
        <v>329</v>
      </c>
      <c r="N10" s="276">
        <v>0</v>
      </c>
      <c r="O10" s="280">
        <v>0</v>
      </c>
      <c r="P10" s="277">
        <v>0</v>
      </c>
      <c r="Q10" s="279">
        <v>0</v>
      </c>
      <c r="R10" s="280">
        <v>1</v>
      </c>
      <c r="S10" s="280">
        <v>5</v>
      </c>
      <c r="T10" s="280">
        <v>8</v>
      </c>
      <c r="U10" s="280">
        <v>17</v>
      </c>
      <c r="V10" s="280">
        <v>13</v>
      </c>
      <c r="W10" s="277">
        <v>44</v>
      </c>
      <c r="X10" s="282">
        <v>44</v>
      </c>
      <c r="Y10" s="276">
        <v>2</v>
      </c>
      <c r="Z10" s="280">
        <v>4</v>
      </c>
      <c r="AA10" s="277">
        <v>6</v>
      </c>
      <c r="AB10" s="279">
        <v>0</v>
      </c>
      <c r="AC10" s="280">
        <v>63</v>
      </c>
      <c r="AD10" s="280">
        <v>48</v>
      </c>
      <c r="AE10" s="280">
        <v>26</v>
      </c>
      <c r="AF10" s="280">
        <v>25</v>
      </c>
      <c r="AG10" s="280">
        <v>19</v>
      </c>
      <c r="AH10" s="277">
        <v>181</v>
      </c>
      <c r="AI10" s="282">
        <v>187</v>
      </c>
      <c r="AJ10" s="276">
        <v>0</v>
      </c>
      <c r="AK10" s="280">
        <v>0</v>
      </c>
      <c r="AL10" s="277">
        <v>0</v>
      </c>
      <c r="AM10" s="279">
        <v>0</v>
      </c>
      <c r="AN10" s="280">
        <v>6</v>
      </c>
      <c r="AO10" s="280">
        <v>5</v>
      </c>
      <c r="AP10" s="280">
        <v>8</v>
      </c>
      <c r="AQ10" s="280">
        <v>6</v>
      </c>
      <c r="AR10" s="280">
        <v>1</v>
      </c>
      <c r="AS10" s="277">
        <v>26</v>
      </c>
      <c r="AT10" s="282">
        <v>26</v>
      </c>
      <c r="AU10" s="276">
        <v>17</v>
      </c>
      <c r="AV10" s="280">
        <v>9</v>
      </c>
      <c r="AW10" s="277">
        <v>26</v>
      </c>
      <c r="AX10" s="279">
        <v>0</v>
      </c>
      <c r="AY10" s="280">
        <v>120</v>
      </c>
      <c r="AZ10" s="280">
        <v>112</v>
      </c>
      <c r="BA10" s="280">
        <v>96</v>
      </c>
      <c r="BB10" s="280">
        <v>76</v>
      </c>
      <c r="BC10" s="280">
        <v>54</v>
      </c>
      <c r="BD10" s="281">
        <v>458</v>
      </c>
      <c r="BE10" s="282">
        <v>484</v>
      </c>
      <c r="BF10" s="276">
        <v>0</v>
      </c>
      <c r="BG10" s="280">
        <v>0</v>
      </c>
      <c r="BH10" s="277">
        <v>0</v>
      </c>
      <c r="BI10" s="279">
        <v>0</v>
      </c>
      <c r="BJ10" s="280">
        <v>152</v>
      </c>
      <c r="BK10" s="280">
        <v>91</v>
      </c>
      <c r="BL10" s="280">
        <v>50</v>
      </c>
      <c r="BM10" s="280">
        <v>19</v>
      </c>
      <c r="BN10" s="280">
        <v>8</v>
      </c>
      <c r="BO10" s="277">
        <v>320</v>
      </c>
      <c r="BP10" s="282">
        <v>320</v>
      </c>
      <c r="BQ10" s="276">
        <v>1</v>
      </c>
      <c r="BR10" s="280">
        <v>2</v>
      </c>
      <c r="BS10" s="277">
        <v>3</v>
      </c>
      <c r="BT10" s="279">
        <v>0</v>
      </c>
      <c r="BU10" s="280">
        <v>24</v>
      </c>
      <c r="BV10" s="280">
        <v>21</v>
      </c>
      <c r="BW10" s="280">
        <v>9</v>
      </c>
      <c r="BX10" s="280">
        <v>5</v>
      </c>
      <c r="BY10" s="280">
        <v>2</v>
      </c>
      <c r="BZ10" s="277">
        <v>61</v>
      </c>
      <c r="CA10" s="282">
        <v>64</v>
      </c>
      <c r="CB10" s="276">
        <v>0</v>
      </c>
      <c r="CC10" s="280">
        <v>0</v>
      </c>
      <c r="CD10" s="277">
        <v>0</v>
      </c>
      <c r="CE10" s="279">
        <v>0</v>
      </c>
      <c r="CF10" s="280">
        <v>19</v>
      </c>
      <c r="CG10" s="280">
        <v>24</v>
      </c>
      <c r="CH10" s="280">
        <v>27</v>
      </c>
      <c r="CI10" s="280">
        <v>13</v>
      </c>
      <c r="CJ10" s="280">
        <v>6</v>
      </c>
      <c r="CK10" s="277">
        <v>89</v>
      </c>
      <c r="CL10" s="282">
        <v>89</v>
      </c>
      <c r="CM10" s="276">
        <v>0</v>
      </c>
      <c r="CN10" s="280">
        <v>0</v>
      </c>
      <c r="CO10" s="277">
        <v>0</v>
      </c>
      <c r="CP10" s="279">
        <v>0</v>
      </c>
      <c r="CQ10" s="280">
        <v>1</v>
      </c>
      <c r="CR10" s="280">
        <v>1</v>
      </c>
      <c r="CS10" s="280">
        <v>0</v>
      </c>
      <c r="CT10" s="280">
        <v>2</v>
      </c>
      <c r="CU10" s="280">
        <v>0</v>
      </c>
      <c r="CV10" s="277">
        <v>4</v>
      </c>
      <c r="CW10" s="282">
        <v>4</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29</v>
      </c>
      <c r="DU10" s="280">
        <v>41</v>
      </c>
      <c r="DV10" s="277">
        <v>70</v>
      </c>
      <c r="DW10" s="279">
        <v>0</v>
      </c>
      <c r="DX10" s="280">
        <v>156</v>
      </c>
      <c r="DY10" s="280">
        <v>217</v>
      </c>
      <c r="DZ10" s="280">
        <v>110</v>
      </c>
      <c r="EA10" s="280">
        <v>79</v>
      </c>
      <c r="EB10" s="280">
        <v>40</v>
      </c>
      <c r="EC10" s="277">
        <v>602</v>
      </c>
      <c r="ED10" s="282">
        <v>672</v>
      </c>
      <c r="EE10" s="276">
        <v>9</v>
      </c>
      <c r="EF10" s="280">
        <v>6</v>
      </c>
      <c r="EG10" s="277">
        <v>15</v>
      </c>
      <c r="EH10" s="279">
        <v>0</v>
      </c>
      <c r="EI10" s="280">
        <v>50</v>
      </c>
      <c r="EJ10" s="280">
        <v>37</v>
      </c>
      <c r="EK10" s="280">
        <v>26</v>
      </c>
      <c r="EL10" s="280">
        <v>25</v>
      </c>
      <c r="EM10" s="280">
        <v>16</v>
      </c>
      <c r="EN10" s="277">
        <v>154</v>
      </c>
      <c r="EO10" s="282">
        <v>169</v>
      </c>
      <c r="EP10" s="276">
        <v>31</v>
      </c>
      <c r="EQ10" s="280">
        <v>44</v>
      </c>
      <c r="ER10" s="277">
        <v>75</v>
      </c>
      <c r="ES10" s="279">
        <v>0</v>
      </c>
      <c r="ET10" s="280">
        <v>386</v>
      </c>
      <c r="EU10" s="280">
        <v>276</v>
      </c>
      <c r="EV10" s="280">
        <v>132</v>
      </c>
      <c r="EW10" s="280">
        <v>91</v>
      </c>
      <c r="EX10" s="280">
        <v>40</v>
      </c>
      <c r="EY10" s="277">
        <v>925</v>
      </c>
      <c r="EZ10" s="282">
        <v>1000</v>
      </c>
    </row>
    <row r="11" spans="2:156" ht="21" customHeight="1" x14ac:dyDescent="0.2">
      <c r="B11" s="261" t="s">
        <v>8</v>
      </c>
      <c r="C11" s="276">
        <v>0</v>
      </c>
      <c r="D11" s="280">
        <v>0</v>
      </c>
      <c r="E11" s="384">
        <v>0</v>
      </c>
      <c r="F11" s="279">
        <v>0</v>
      </c>
      <c r="G11" s="280">
        <v>21</v>
      </c>
      <c r="H11" s="280">
        <v>36</v>
      </c>
      <c r="I11" s="280">
        <v>19</v>
      </c>
      <c r="J11" s="280">
        <v>13</v>
      </c>
      <c r="K11" s="280">
        <v>7</v>
      </c>
      <c r="L11" s="281">
        <v>96</v>
      </c>
      <c r="M11" s="282">
        <v>96</v>
      </c>
      <c r="N11" s="276">
        <v>0</v>
      </c>
      <c r="O11" s="280">
        <v>0</v>
      </c>
      <c r="P11" s="277">
        <v>0</v>
      </c>
      <c r="Q11" s="279">
        <v>0</v>
      </c>
      <c r="R11" s="280">
        <v>0</v>
      </c>
      <c r="S11" s="280">
        <v>1</v>
      </c>
      <c r="T11" s="280">
        <v>1</v>
      </c>
      <c r="U11" s="280">
        <v>2</v>
      </c>
      <c r="V11" s="280">
        <v>6</v>
      </c>
      <c r="W11" s="277">
        <v>10</v>
      </c>
      <c r="X11" s="282">
        <v>10</v>
      </c>
      <c r="Y11" s="276">
        <v>4</v>
      </c>
      <c r="Z11" s="280">
        <v>6</v>
      </c>
      <c r="AA11" s="277">
        <v>10</v>
      </c>
      <c r="AB11" s="279">
        <v>0</v>
      </c>
      <c r="AC11" s="280">
        <v>23</v>
      </c>
      <c r="AD11" s="280">
        <v>23</v>
      </c>
      <c r="AE11" s="280">
        <v>23</v>
      </c>
      <c r="AF11" s="280">
        <v>16</v>
      </c>
      <c r="AG11" s="280">
        <v>13</v>
      </c>
      <c r="AH11" s="277">
        <v>98</v>
      </c>
      <c r="AI11" s="282">
        <v>108</v>
      </c>
      <c r="AJ11" s="276">
        <v>0</v>
      </c>
      <c r="AK11" s="280">
        <v>1</v>
      </c>
      <c r="AL11" s="277">
        <v>1</v>
      </c>
      <c r="AM11" s="279">
        <v>0</v>
      </c>
      <c r="AN11" s="280">
        <v>2</v>
      </c>
      <c r="AO11" s="280">
        <v>2</v>
      </c>
      <c r="AP11" s="280">
        <v>2</v>
      </c>
      <c r="AQ11" s="280">
        <v>2</v>
      </c>
      <c r="AR11" s="280">
        <v>0</v>
      </c>
      <c r="AS11" s="277">
        <v>8</v>
      </c>
      <c r="AT11" s="282">
        <v>9</v>
      </c>
      <c r="AU11" s="276">
        <v>9</v>
      </c>
      <c r="AV11" s="280">
        <v>4</v>
      </c>
      <c r="AW11" s="277">
        <v>13</v>
      </c>
      <c r="AX11" s="279">
        <v>0</v>
      </c>
      <c r="AY11" s="280">
        <v>32</v>
      </c>
      <c r="AZ11" s="280">
        <v>35</v>
      </c>
      <c r="BA11" s="280">
        <v>40</v>
      </c>
      <c r="BB11" s="280">
        <v>26</v>
      </c>
      <c r="BC11" s="280">
        <v>19</v>
      </c>
      <c r="BD11" s="281">
        <v>152</v>
      </c>
      <c r="BE11" s="282">
        <v>165</v>
      </c>
      <c r="BF11" s="276">
        <v>0</v>
      </c>
      <c r="BG11" s="280">
        <v>0</v>
      </c>
      <c r="BH11" s="277">
        <v>0</v>
      </c>
      <c r="BI11" s="279">
        <v>0</v>
      </c>
      <c r="BJ11" s="280">
        <v>32</v>
      </c>
      <c r="BK11" s="280">
        <v>32</v>
      </c>
      <c r="BL11" s="280">
        <v>22</v>
      </c>
      <c r="BM11" s="280">
        <v>8</v>
      </c>
      <c r="BN11" s="280">
        <v>6</v>
      </c>
      <c r="BO11" s="277">
        <v>100</v>
      </c>
      <c r="BP11" s="282">
        <v>100</v>
      </c>
      <c r="BQ11" s="276">
        <v>7</v>
      </c>
      <c r="BR11" s="280">
        <v>3</v>
      </c>
      <c r="BS11" s="277">
        <v>10</v>
      </c>
      <c r="BT11" s="279">
        <v>0</v>
      </c>
      <c r="BU11" s="280">
        <v>9</v>
      </c>
      <c r="BV11" s="280">
        <v>9</v>
      </c>
      <c r="BW11" s="280">
        <v>6</v>
      </c>
      <c r="BX11" s="280">
        <v>3</v>
      </c>
      <c r="BY11" s="280">
        <v>0</v>
      </c>
      <c r="BZ11" s="277">
        <v>27</v>
      </c>
      <c r="CA11" s="282">
        <v>37</v>
      </c>
      <c r="CB11" s="276">
        <v>1</v>
      </c>
      <c r="CC11" s="280">
        <v>0</v>
      </c>
      <c r="CD11" s="277">
        <v>1</v>
      </c>
      <c r="CE11" s="279">
        <v>0</v>
      </c>
      <c r="CF11" s="280">
        <v>5</v>
      </c>
      <c r="CG11" s="280">
        <v>7</v>
      </c>
      <c r="CH11" s="280">
        <v>9</v>
      </c>
      <c r="CI11" s="280">
        <v>6</v>
      </c>
      <c r="CJ11" s="280">
        <v>3</v>
      </c>
      <c r="CK11" s="277">
        <v>30</v>
      </c>
      <c r="CL11" s="282">
        <v>31</v>
      </c>
      <c r="CM11" s="276">
        <v>0</v>
      </c>
      <c r="CN11" s="280">
        <v>0</v>
      </c>
      <c r="CO11" s="277">
        <v>0</v>
      </c>
      <c r="CP11" s="279">
        <v>0</v>
      </c>
      <c r="CQ11" s="280">
        <v>0</v>
      </c>
      <c r="CR11" s="280">
        <v>1</v>
      </c>
      <c r="CS11" s="280">
        <v>1</v>
      </c>
      <c r="CT11" s="280">
        <v>0</v>
      </c>
      <c r="CU11" s="280">
        <v>0</v>
      </c>
      <c r="CV11" s="277">
        <v>2</v>
      </c>
      <c r="CW11" s="282">
        <v>2</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9</v>
      </c>
      <c r="DU11" s="280">
        <v>21</v>
      </c>
      <c r="DV11" s="277">
        <v>40</v>
      </c>
      <c r="DW11" s="279">
        <v>0</v>
      </c>
      <c r="DX11" s="280">
        <v>57</v>
      </c>
      <c r="DY11" s="280">
        <v>92</v>
      </c>
      <c r="DZ11" s="280">
        <v>56</v>
      </c>
      <c r="EA11" s="280">
        <v>32</v>
      </c>
      <c r="EB11" s="280">
        <v>16</v>
      </c>
      <c r="EC11" s="277">
        <v>253</v>
      </c>
      <c r="ED11" s="282">
        <v>293</v>
      </c>
      <c r="EE11" s="276">
        <v>8</v>
      </c>
      <c r="EF11" s="280">
        <v>2</v>
      </c>
      <c r="EG11" s="277">
        <v>10</v>
      </c>
      <c r="EH11" s="279">
        <v>0</v>
      </c>
      <c r="EI11" s="280">
        <v>12</v>
      </c>
      <c r="EJ11" s="280">
        <v>10</v>
      </c>
      <c r="EK11" s="280">
        <v>7</v>
      </c>
      <c r="EL11" s="280">
        <v>6</v>
      </c>
      <c r="EM11" s="280">
        <v>8</v>
      </c>
      <c r="EN11" s="277">
        <v>43</v>
      </c>
      <c r="EO11" s="282">
        <v>53</v>
      </c>
      <c r="EP11" s="276">
        <v>29</v>
      </c>
      <c r="EQ11" s="280">
        <v>28</v>
      </c>
      <c r="ER11" s="277">
        <v>57</v>
      </c>
      <c r="ES11" s="279">
        <v>0</v>
      </c>
      <c r="ET11" s="280">
        <v>113</v>
      </c>
      <c r="EU11" s="280">
        <v>114</v>
      </c>
      <c r="EV11" s="280">
        <v>65</v>
      </c>
      <c r="EW11" s="280">
        <v>34</v>
      </c>
      <c r="EX11" s="280">
        <v>17</v>
      </c>
      <c r="EY11" s="277">
        <v>343</v>
      </c>
      <c r="EZ11" s="282">
        <v>400</v>
      </c>
    </row>
    <row r="12" spans="2:156" ht="21" customHeight="1" x14ac:dyDescent="0.2">
      <c r="B12" s="261" t="s">
        <v>9</v>
      </c>
      <c r="C12" s="276">
        <v>0</v>
      </c>
      <c r="D12" s="280">
        <v>0</v>
      </c>
      <c r="E12" s="384">
        <v>0</v>
      </c>
      <c r="F12" s="279">
        <v>0</v>
      </c>
      <c r="G12" s="280">
        <v>53</v>
      </c>
      <c r="H12" s="280">
        <v>48</v>
      </c>
      <c r="I12" s="280">
        <v>36</v>
      </c>
      <c r="J12" s="280">
        <v>28</v>
      </c>
      <c r="K12" s="280">
        <v>17</v>
      </c>
      <c r="L12" s="281">
        <v>182</v>
      </c>
      <c r="M12" s="282">
        <v>182</v>
      </c>
      <c r="N12" s="276">
        <v>0</v>
      </c>
      <c r="O12" s="280">
        <v>0</v>
      </c>
      <c r="P12" s="277">
        <v>0</v>
      </c>
      <c r="Q12" s="279">
        <v>0</v>
      </c>
      <c r="R12" s="280">
        <v>0</v>
      </c>
      <c r="S12" s="280">
        <v>0</v>
      </c>
      <c r="T12" s="280">
        <v>3</v>
      </c>
      <c r="U12" s="280">
        <v>5</v>
      </c>
      <c r="V12" s="280">
        <v>7</v>
      </c>
      <c r="W12" s="277">
        <v>15</v>
      </c>
      <c r="X12" s="282">
        <v>15</v>
      </c>
      <c r="Y12" s="276">
        <v>3</v>
      </c>
      <c r="Z12" s="280">
        <v>8</v>
      </c>
      <c r="AA12" s="277">
        <v>11</v>
      </c>
      <c r="AB12" s="279">
        <v>0</v>
      </c>
      <c r="AC12" s="280">
        <v>46</v>
      </c>
      <c r="AD12" s="280">
        <v>29</v>
      </c>
      <c r="AE12" s="280">
        <v>28</v>
      </c>
      <c r="AF12" s="280">
        <v>24</v>
      </c>
      <c r="AG12" s="280">
        <v>15</v>
      </c>
      <c r="AH12" s="277">
        <v>142</v>
      </c>
      <c r="AI12" s="282">
        <v>153</v>
      </c>
      <c r="AJ12" s="276">
        <v>0</v>
      </c>
      <c r="AK12" s="280">
        <v>0</v>
      </c>
      <c r="AL12" s="277">
        <v>0</v>
      </c>
      <c r="AM12" s="279">
        <v>0</v>
      </c>
      <c r="AN12" s="280">
        <v>0</v>
      </c>
      <c r="AO12" s="280">
        <v>6</v>
      </c>
      <c r="AP12" s="280">
        <v>6</v>
      </c>
      <c r="AQ12" s="280">
        <v>6</v>
      </c>
      <c r="AR12" s="280">
        <v>2</v>
      </c>
      <c r="AS12" s="277">
        <v>20</v>
      </c>
      <c r="AT12" s="282">
        <v>20</v>
      </c>
      <c r="AU12" s="276">
        <v>14</v>
      </c>
      <c r="AV12" s="280">
        <v>8</v>
      </c>
      <c r="AW12" s="277">
        <v>22</v>
      </c>
      <c r="AX12" s="279">
        <v>0</v>
      </c>
      <c r="AY12" s="280">
        <v>57</v>
      </c>
      <c r="AZ12" s="280">
        <v>42</v>
      </c>
      <c r="BA12" s="280">
        <v>55</v>
      </c>
      <c r="BB12" s="280">
        <v>46</v>
      </c>
      <c r="BC12" s="280">
        <v>33</v>
      </c>
      <c r="BD12" s="281">
        <v>233</v>
      </c>
      <c r="BE12" s="282">
        <v>255</v>
      </c>
      <c r="BF12" s="276">
        <v>0</v>
      </c>
      <c r="BG12" s="280">
        <v>0</v>
      </c>
      <c r="BH12" s="277">
        <v>0</v>
      </c>
      <c r="BI12" s="279">
        <v>0</v>
      </c>
      <c r="BJ12" s="280">
        <v>41</v>
      </c>
      <c r="BK12" s="280">
        <v>42</v>
      </c>
      <c r="BL12" s="280">
        <v>29</v>
      </c>
      <c r="BM12" s="280">
        <v>11</v>
      </c>
      <c r="BN12" s="280">
        <v>3</v>
      </c>
      <c r="BO12" s="277">
        <v>126</v>
      </c>
      <c r="BP12" s="282">
        <v>126</v>
      </c>
      <c r="BQ12" s="276">
        <v>1</v>
      </c>
      <c r="BR12" s="280">
        <v>4</v>
      </c>
      <c r="BS12" s="277">
        <v>5</v>
      </c>
      <c r="BT12" s="279">
        <v>0</v>
      </c>
      <c r="BU12" s="280">
        <v>22</v>
      </c>
      <c r="BV12" s="280">
        <v>18</v>
      </c>
      <c r="BW12" s="280">
        <v>12</v>
      </c>
      <c r="BX12" s="280">
        <v>7</v>
      </c>
      <c r="BY12" s="280">
        <v>2</v>
      </c>
      <c r="BZ12" s="277">
        <v>61</v>
      </c>
      <c r="CA12" s="282">
        <v>66</v>
      </c>
      <c r="CB12" s="276">
        <v>0</v>
      </c>
      <c r="CC12" s="280">
        <v>0</v>
      </c>
      <c r="CD12" s="277">
        <v>0</v>
      </c>
      <c r="CE12" s="279">
        <v>0</v>
      </c>
      <c r="CF12" s="280">
        <v>7</v>
      </c>
      <c r="CG12" s="280">
        <v>3</v>
      </c>
      <c r="CH12" s="280">
        <v>8</v>
      </c>
      <c r="CI12" s="280">
        <v>6</v>
      </c>
      <c r="CJ12" s="280">
        <v>3</v>
      </c>
      <c r="CK12" s="277">
        <v>27</v>
      </c>
      <c r="CL12" s="282">
        <v>27</v>
      </c>
      <c r="CM12" s="276">
        <v>0</v>
      </c>
      <c r="CN12" s="280">
        <v>0</v>
      </c>
      <c r="CO12" s="277">
        <v>0</v>
      </c>
      <c r="CP12" s="279">
        <v>0</v>
      </c>
      <c r="CQ12" s="280">
        <v>0</v>
      </c>
      <c r="CR12" s="280">
        <v>1</v>
      </c>
      <c r="CS12" s="280">
        <v>2</v>
      </c>
      <c r="CT12" s="280">
        <v>1</v>
      </c>
      <c r="CU12" s="280">
        <v>0</v>
      </c>
      <c r="CV12" s="277">
        <v>4</v>
      </c>
      <c r="CW12" s="282">
        <v>4</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0</v>
      </c>
      <c r="DU12" s="280">
        <v>29</v>
      </c>
      <c r="DV12" s="277">
        <v>59</v>
      </c>
      <c r="DW12" s="279">
        <v>0</v>
      </c>
      <c r="DX12" s="280">
        <v>82</v>
      </c>
      <c r="DY12" s="280">
        <v>87</v>
      </c>
      <c r="DZ12" s="280">
        <v>78</v>
      </c>
      <c r="EA12" s="280">
        <v>48</v>
      </c>
      <c r="EB12" s="280">
        <v>28</v>
      </c>
      <c r="EC12" s="277">
        <v>323</v>
      </c>
      <c r="ED12" s="282">
        <v>382</v>
      </c>
      <c r="EE12" s="276">
        <v>9</v>
      </c>
      <c r="EF12" s="280">
        <v>2</v>
      </c>
      <c r="EG12" s="277">
        <v>11</v>
      </c>
      <c r="EH12" s="279">
        <v>0</v>
      </c>
      <c r="EI12" s="280">
        <v>19</v>
      </c>
      <c r="EJ12" s="280">
        <v>14</v>
      </c>
      <c r="EK12" s="280">
        <v>16</v>
      </c>
      <c r="EL12" s="280">
        <v>10</v>
      </c>
      <c r="EM12" s="280">
        <v>13</v>
      </c>
      <c r="EN12" s="277">
        <v>72</v>
      </c>
      <c r="EO12" s="282">
        <v>83</v>
      </c>
      <c r="EP12" s="276">
        <v>31</v>
      </c>
      <c r="EQ12" s="280">
        <v>37</v>
      </c>
      <c r="ER12" s="277">
        <v>68</v>
      </c>
      <c r="ES12" s="279">
        <v>0</v>
      </c>
      <c r="ET12" s="280">
        <v>158</v>
      </c>
      <c r="EU12" s="280">
        <v>124</v>
      </c>
      <c r="EV12" s="280">
        <v>89</v>
      </c>
      <c r="EW12" s="280">
        <v>51</v>
      </c>
      <c r="EX12" s="280">
        <v>28</v>
      </c>
      <c r="EY12" s="277">
        <v>450</v>
      </c>
      <c r="EZ12" s="282">
        <v>518</v>
      </c>
    </row>
    <row r="13" spans="2:156" ht="21" customHeight="1" x14ac:dyDescent="0.2">
      <c r="B13" s="261" t="s">
        <v>10</v>
      </c>
      <c r="C13" s="276">
        <v>0</v>
      </c>
      <c r="D13" s="280">
        <v>0</v>
      </c>
      <c r="E13" s="384">
        <v>0</v>
      </c>
      <c r="F13" s="279">
        <v>0</v>
      </c>
      <c r="G13" s="280">
        <v>89</v>
      </c>
      <c r="H13" s="280">
        <v>54</v>
      </c>
      <c r="I13" s="280">
        <v>32</v>
      </c>
      <c r="J13" s="280">
        <v>37</v>
      </c>
      <c r="K13" s="280">
        <v>15</v>
      </c>
      <c r="L13" s="281">
        <v>227</v>
      </c>
      <c r="M13" s="282">
        <v>227</v>
      </c>
      <c r="N13" s="276">
        <v>0</v>
      </c>
      <c r="O13" s="280">
        <v>0</v>
      </c>
      <c r="P13" s="277">
        <v>0</v>
      </c>
      <c r="Q13" s="279">
        <v>0</v>
      </c>
      <c r="R13" s="280">
        <v>1</v>
      </c>
      <c r="S13" s="280">
        <v>1</v>
      </c>
      <c r="T13" s="280">
        <v>4</v>
      </c>
      <c r="U13" s="280">
        <v>9</v>
      </c>
      <c r="V13" s="280">
        <v>11</v>
      </c>
      <c r="W13" s="277">
        <v>26</v>
      </c>
      <c r="X13" s="282">
        <v>26</v>
      </c>
      <c r="Y13" s="276">
        <v>16</v>
      </c>
      <c r="Z13" s="280">
        <v>17</v>
      </c>
      <c r="AA13" s="277">
        <v>33</v>
      </c>
      <c r="AB13" s="279">
        <v>0</v>
      </c>
      <c r="AC13" s="280">
        <v>59</v>
      </c>
      <c r="AD13" s="280">
        <v>43</v>
      </c>
      <c r="AE13" s="280">
        <v>20</v>
      </c>
      <c r="AF13" s="280">
        <v>25</v>
      </c>
      <c r="AG13" s="280">
        <v>12</v>
      </c>
      <c r="AH13" s="277">
        <v>159</v>
      </c>
      <c r="AI13" s="282">
        <v>192</v>
      </c>
      <c r="AJ13" s="276">
        <v>3</v>
      </c>
      <c r="AK13" s="280">
        <v>2</v>
      </c>
      <c r="AL13" s="277">
        <v>5</v>
      </c>
      <c r="AM13" s="279">
        <v>0</v>
      </c>
      <c r="AN13" s="280">
        <v>9</v>
      </c>
      <c r="AO13" s="280">
        <v>6</v>
      </c>
      <c r="AP13" s="280">
        <v>2</v>
      </c>
      <c r="AQ13" s="280">
        <v>4</v>
      </c>
      <c r="AR13" s="280">
        <v>6</v>
      </c>
      <c r="AS13" s="277">
        <v>27</v>
      </c>
      <c r="AT13" s="282">
        <v>32</v>
      </c>
      <c r="AU13" s="276">
        <v>19</v>
      </c>
      <c r="AV13" s="280">
        <v>14</v>
      </c>
      <c r="AW13" s="277">
        <v>33</v>
      </c>
      <c r="AX13" s="279">
        <v>0</v>
      </c>
      <c r="AY13" s="280">
        <v>87</v>
      </c>
      <c r="AZ13" s="280">
        <v>76</v>
      </c>
      <c r="BA13" s="280">
        <v>66</v>
      </c>
      <c r="BB13" s="280">
        <v>64</v>
      </c>
      <c r="BC13" s="280">
        <v>44</v>
      </c>
      <c r="BD13" s="281">
        <v>337</v>
      </c>
      <c r="BE13" s="282">
        <v>370</v>
      </c>
      <c r="BF13" s="276">
        <v>0</v>
      </c>
      <c r="BG13" s="280">
        <v>0</v>
      </c>
      <c r="BH13" s="277">
        <v>0</v>
      </c>
      <c r="BI13" s="279">
        <v>0</v>
      </c>
      <c r="BJ13" s="280">
        <v>118</v>
      </c>
      <c r="BK13" s="280">
        <v>73</v>
      </c>
      <c r="BL13" s="280">
        <v>38</v>
      </c>
      <c r="BM13" s="280">
        <v>21</v>
      </c>
      <c r="BN13" s="280">
        <v>9</v>
      </c>
      <c r="BO13" s="277">
        <v>259</v>
      </c>
      <c r="BP13" s="282">
        <v>259</v>
      </c>
      <c r="BQ13" s="276">
        <v>3</v>
      </c>
      <c r="BR13" s="280">
        <v>4</v>
      </c>
      <c r="BS13" s="277">
        <v>7</v>
      </c>
      <c r="BT13" s="279">
        <v>0</v>
      </c>
      <c r="BU13" s="280">
        <v>21</v>
      </c>
      <c r="BV13" s="280">
        <v>8</v>
      </c>
      <c r="BW13" s="280">
        <v>5</v>
      </c>
      <c r="BX13" s="280">
        <v>4</v>
      </c>
      <c r="BY13" s="280">
        <v>2</v>
      </c>
      <c r="BZ13" s="277">
        <v>40</v>
      </c>
      <c r="CA13" s="282">
        <v>47</v>
      </c>
      <c r="CB13" s="276">
        <v>0</v>
      </c>
      <c r="CC13" s="280">
        <v>2</v>
      </c>
      <c r="CD13" s="277">
        <v>2</v>
      </c>
      <c r="CE13" s="279">
        <v>0</v>
      </c>
      <c r="CF13" s="280">
        <v>10</v>
      </c>
      <c r="CG13" s="280">
        <v>17</v>
      </c>
      <c r="CH13" s="280">
        <v>14</v>
      </c>
      <c r="CI13" s="280">
        <v>18</v>
      </c>
      <c r="CJ13" s="280">
        <v>2</v>
      </c>
      <c r="CK13" s="277">
        <v>61</v>
      </c>
      <c r="CL13" s="282">
        <v>63</v>
      </c>
      <c r="CM13" s="276">
        <v>0</v>
      </c>
      <c r="CN13" s="280">
        <v>0</v>
      </c>
      <c r="CO13" s="277">
        <v>0</v>
      </c>
      <c r="CP13" s="279">
        <v>0</v>
      </c>
      <c r="CQ13" s="280">
        <v>0</v>
      </c>
      <c r="CR13" s="280">
        <v>3</v>
      </c>
      <c r="CS13" s="280">
        <v>1</v>
      </c>
      <c r="CT13" s="280">
        <v>1</v>
      </c>
      <c r="CU13" s="280">
        <v>0</v>
      </c>
      <c r="CV13" s="277">
        <v>5</v>
      </c>
      <c r="CW13" s="282">
        <v>5</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58</v>
      </c>
      <c r="DU13" s="280">
        <v>82</v>
      </c>
      <c r="DV13" s="277">
        <v>140</v>
      </c>
      <c r="DW13" s="279">
        <v>0</v>
      </c>
      <c r="DX13" s="280">
        <v>133</v>
      </c>
      <c r="DY13" s="280">
        <v>119</v>
      </c>
      <c r="DZ13" s="280">
        <v>67</v>
      </c>
      <c r="EA13" s="280">
        <v>72</v>
      </c>
      <c r="EB13" s="280">
        <v>30</v>
      </c>
      <c r="EC13" s="277">
        <v>421</v>
      </c>
      <c r="ED13" s="282">
        <v>561</v>
      </c>
      <c r="EE13" s="276">
        <v>8</v>
      </c>
      <c r="EF13" s="280">
        <v>1</v>
      </c>
      <c r="EG13" s="277">
        <v>9</v>
      </c>
      <c r="EH13" s="279">
        <v>0</v>
      </c>
      <c r="EI13" s="280">
        <v>33</v>
      </c>
      <c r="EJ13" s="280">
        <v>19</v>
      </c>
      <c r="EK13" s="280">
        <v>16</v>
      </c>
      <c r="EL13" s="280">
        <v>14</v>
      </c>
      <c r="EM13" s="280">
        <v>10</v>
      </c>
      <c r="EN13" s="277">
        <v>92</v>
      </c>
      <c r="EO13" s="282">
        <v>101</v>
      </c>
      <c r="EP13" s="276">
        <v>75</v>
      </c>
      <c r="EQ13" s="280">
        <v>95</v>
      </c>
      <c r="ER13" s="277">
        <v>170</v>
      </c>
      <c r="ES13" s="279">
        <v>0</v>
      </c>
      <c r="ET13" s="280">
        <v>266</v>
      </c>
      <c r="EU13" s="280">
        <v>158</v>
      </c>
      <c r="EV13" s="280">
        <v>77</v>
      </c>
      <c r="EW13" s="280">
        <v>70</v>
      </c>
      <c r="EX13" s="280">
        <v>27</v>
      </c>
      <c r="EY13" s="277">
        <v>598</v>
      </c>
      <c r="EZ13" s="282">
        <v>768</v>
      </c>
    </row>
    <row r="14" spans="2:156" ht="21" customHeight="1" x14ac:dyDescent="0.2">
      <c r="B14" s="261" t="s">
        <v>11</v>
      </c>
      <c r="C14" s="276">
        <v>0</v>
      </c>
      <c r="D14" s="280">
        <v>0</v>
      </c>
      <c r="E14" s="384">
        <v>0</v>
      </c>
      <c r="F14" s="279">
        <v>0</v>
      </c>
      <c r="G14" s="280">
        <v>9</v>
      </c>
      <c r="H14" s="280">
        <v>20</v>
      </c>
      <c r="I14" s="280">
        <v>8</v>
      </c>
      <c r="J14" s="280">
        <v>14</v>
      </c>
      <c r="K14" s="280">
        <v>10</v>
      </c>
      <c r="L14" s="281">
        <v>61</v>
      </c>
      <c r="M14" s="282">
        <v>61</v>
      </c>
      <c r="N14" s="276">
        <v>0</v>
      </c>
      <c r="O14" s="280">
        <v>0</v>
      </c>
      <c r="P14" s="277">
        <v>0</v>
      </c>
      <c r="Q14" s="279">
        <v>0</v>
      </c>
      <c r="R14" s="280">
        <v>1</v>
      </c>
      <c r="S14" s="280">
        <v>2</v>
      </c>
      <c r="T14" s="280">
        <v>2</v>
      </c>
      <c r="U14" s="280">
        <v>4</v>
      </c>
      <c r="V14" s="280">
        <v>4</v>
      </c>
      <c r="W14" s="277">
        <v>13</v>
      </c>
      <c r="X14" s="282">
        <v>13</v>
      </c>
      <c r="Y14" s="276">
        <v>5</v>
      </c>
      <c r="Z14" s="280">
        <v>6</v>
      </c>
      <c r="AA14" s="277">
        <v>11</v>
      </c>
      <c r="AB14" s="279">
        <v>0</v>
      </c>
      <c r="AC14" s="280">
        <v>22</v>
      </c>
      <c r="AD14" s="280">
        <v>19</v>
      </c>
      <c r="AE14" s="280">
        <v>12</v>
      </c>
      <c r="AF14" s="280">
        <v>13</v>
      </c>
      <c r="AG14" s="280">
        <v>7</v>
      </c>
      <c r="AH14" s="277">
        <v>73</v>
      </c>
      <c r="AI14" s="282">
        <v>84</v>
      </c>
      <c r="AJ14" s="276">
        <v>0</v>
      </c>
      <c r="AK14" s="280">
        <v>2</v>
      </c>
      <c r="AL14" s="277">
        <v>2</v>
      </c>
      <c r="AM14" s="279">
        <v>0</v>
      </c>
      <c r="AN14" s="280">
        <v>2</v>
      </c>
      <c r="AO14" s="280">
        <v>1</v>
      </c>
      <c r="AP14" s="280">
        <v>0</v>
      </c>
      <c r="AQ14" s="280">
        <v>3</v>
      </c>
      <c r="AR14" s="280">
        <v>1</v>
      </c>
      <c r="AS14" s="277">
        <v>7</v>
      </c>
      <c r="AT14" s="282">
        <v>9</v>
      </c>
      <c r="AU14" s="276">
        <v>5</v>
      </c>
      <c r="AV14" s="280">
        <v>5</v>
      </c>
      <c r="AW14" s="277">
        <v>10</v>
      </c>
      <c r="AX14" s="279">
        <v>0</v>
      </c>
      <c r="AY14" s="280">
        <v>24</v>
      </c>
      <c r="AZ14" s="280">
        <v>26</v>
      </c>
      <c r="BA14" s="280">
        <v>21</v>
      </c>
      <c r="BB14" s="280">
        <v>24</v>
      </c>
      <c r="BC14" s="280">
        <v>17</v>
      </c>
      <c r="BD14" s="281">
        <v>112</v>
      </c>
      <c r="BE14" s="282">
        <v>122</v>
      </c>
      <c r="BF14" s="276">
        <v>0</v>
      </c>
      <c r="BG14" s="280">
        <v>0</v>
      </c>
      <c r="BH14" s="277">
        <v>0</v>
      </c>
      <c r="BI14" s="279">
        <v>0</v>
      </c>
      <c r="BJ14" s="280">
        <v>35</v>
      </c>
      <c r="BK14" s="280">
        <v>23</v>
      </c>
      <c r="BL14" s="280">
        <v>18</v>
      </c>
      <c r="BM14" s="280">
        <v>8</v>
      </c>
      <c r="BN14" s="280">
        <v>1</v>
      </c>
      <c r="BO14" s="277">
        <v>85</v>
      </c>
      <c r="BP14" s="282">
        <v>85</v>
      </c>
      <c r="BQ14" s="276">
        <v>5</v>
      </c>
      <c r="BR14" s="280">
        <v>3</v>
      </c>
      <c r="BS14" s="277">
        <v>8</v>
      </c>
      <c r="BT14" s="279">
        <v>0</v>
      </c>
      <c r="BU14" s="280">
        <v>21</v>
      </c>
      <c r="BV14" s="280">
        <v>11</v>
      </c>
      <c r="BW14" s="280">
        <v>4</v>
      </c>
      <c r="BX14" s="280">
        <v>7</v>
      </c>
      <c r="BY14" s="280">
        <v>1</v>
      </c>
      <c r="BZ14" s="277">
        <v>44</v>
      </c>
      <c r="CA14" s="282">
        <v>52</v>
      </c>
      <c r="CB14" s="276">
        <v>1</v>
      </c>
      <c r="CC14" s="280">
        <v>0</v>
      </c>
      <c r="CD14" s="277">
        <v>1</v>
      </c>
      <c r="CE14" s="279">
        <v>0</v>
      </c>
      <c r="CF14" s="280">
        <v>5</v>
      </c>
      <c r="CG14" s="280">
        <v>3</v>
      </c>
      <c r="CH14" s="280">
        <v>5</v>
      </c>
      <c r="CI14" s="280">
        <v>2</v>
      </c>
      <c r="CJ14" s="280">
        <v>0</v>
      </c>
      <c r="CK14" s="277">
        <v>15</v>
      </c>
      <c r="CL14" s="282">
        <v>16</v>
      </c>
      <c r="CM14" s="276">
        <v>0</v>
      </c>
      <c r="CN14" s="280">
        <v>0</v>
      </c>
      <c r="CO14" s="277">
        <v>0</v>
      </c>
      <c r="CP14" s="279">
        <v>0</v>
      </c>
      <c r="CQ14" s="280">
        <v>0</v>
      </c>
      <c r="CR14" s="280">
        <v>1</v>
      </c>
      <c r="CS14" s="280">
        <v>0</v>
      </c>
      <c r="CT14" s="280">
        <v>0</v>
      </c>
      <c r="CU14" s="280">
        <v>0</v>
      </c>
      <c r="CV14" s="277">
        <v>1</v>
      </c>
      <c r="CW14" s="282">
        <v>1</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20</v>
      </c>
      <c r="DU14" s="280">
        <v>33</v>
      </c>
      <c r="DV14" s="277">
        <v>53</v>
      </c>
      <c r="DW14" s="279">
        <v>0</v>
      </c>
      <c r="DX14" s="280">
        <v>51</v>
      </c>
      <c r="DY14" s="280">
        <v>50</v>
      </c>
      <c r="DZ14" s="280">
        <v>31</v>
      </c>
      <c r="EA14" s="280">
        <v>28</v>
      </c>
      <c r="EB14" s="280">
        <v>14</v>
      </c>
      <c r="EC14" s="277">
        <v>174</v>
      </c>
      <c r="ED14" s="282">
        <v>227</v>
      </c>
      <c r="EE14" s="276">
        <v>2</v>
      </c>
      <c r="EF14" s="280">
        <v>2</v>
      </c>
      <c r="EG14" s="277">
        <v>4</v>
      </c>
      <c r="EH14" s="279">
        <v>0</v>
      </c>
      <c r="EI14" s="280">
        <v>17</v>
      </c>
      <c r="EJ14" s="280">
        <v>11</v>
      </c>
      <c r="EK14" s="280">
        <v>9</v>
      </c>
      <c r="EL14" s="280">
        <v>14</v>
      </c>
      <c r="EM14" s="280">
        <v>4</v>
      </c>
      <c r="EN14" s="277">
        <v>55</v>
      </c>
      <c r="EO14" s="282">
        <v>59</v>
      </c>
      <c r="EP14" s="276">
        <v>29</v>
      </c>
      <c r="EQ14" s="280">
        <v>37</v>
      </c>
      <c r="ER14" s="277">
        <v>66</v>
      </c>
      <c r="ES14" s="279">
        <v>0</v>
      </c>
      <c r="ET14" s="280">
        <v>95</v>
      </c>
      <c r="EU14" s="280">
        <v>68</v>
      </c>
      <c r="EV14" s="280">
        <v>42</v>
      </c>
      <c r="EW14" s="280">
        <v>30</v>
      </c>
      <c r="EX14" s="280">
        <v>14</v>
      </c>
      <c r="EY14" s="277">
        <v>249</v>
      </c>
      <c r="EZ14" s="282">
        <v>315</v>
      </c>
    </row>
    <row r="15" spans="2:156" ht="21" customHeight="1" x14ac:dyDescent="0.2">
      <c r="B15" s="261" t="s">
        <v>12</v>
      </c>
      <c r="C15" s="276">
        <v>0</v>
      </c>
      <c r="D15" s="280">
        <v>0</v>
      </c>
      <c r="E15" s="384">
        <v>0</v>
      </c>
      <c r="F15" s="279">
        <v>0</v>
      </c>
      <c r="G15" s="280">
        <v>38</v>
      </c>
      <c r="H15" s="280">
        <v>28</v>
      </c>
      <c r="I15" s="280">
        <v>18</v>
      </c>
      <c r="J15" s="280">
        <v>27</v>
      </c>
      <c r="K15" s="280">
        <v>10</v>
      </c>
      <c r="L15" s="281">
        <v>121</v>
      </c>
      <c r="M15" s="282">
        <v>121</v>
      </c>
      <c r="N15" s="276">
        <v>0</v>
      </c>
      <c r="O15" s="280">
        <v>0</v>
      </c>
      <c r="P15" s="277">
        <v>0</v>
      </c>
      <c r="Q15" s="279">
        <v>0</v>
      </c>
      <c r="R15" s="280">
        <v>0</v>
      </c>
      <c r="S15" s="280">
        <v>1</v>
      </c>
      <c r="T15" s="280">
        <v>3</v>
      </c>
      <c r="U15" s="280">
        <v>4</v>
      </c>
      <c r="V15" s="280">
        <v>3</v>
      </c>
      <c r="W15" s="277">
        <v>11</v>
      </c>
      <c r="X15" s="282">
        <v>11</v>
      </c>
      <c r="Y15" s="276">
        <v>18</v>
      </c>
      <c r="Z15" s="280">
        <v>18</v>
      </c>
      <c r="AA15" s="277">
        <v>36</v>
      </c>
      <c r="AB15" s="279">
        <v>0</v>
      </c>
      <c r="AC15" s="280">
        <v>22</v>
      </c>
      <c r="AD15" s="280">
        <v>37</v>
      </c>
      <c r="AE15" s="280">
        <v>24</v>
      </c>
      <c r="AF15" s="280">
        <v>15</v>
      </c>
      <c r="AG15" s="280">
        <v>11</v>
      </c>
      <c r="AH15" s="277">
        <v>109</v>
      </c>
      <c r="AI15" s="282">
        <v>145</v>
      </c>
      <c r="AJ15" s="276">
        <v>1</v>
      </c>
      <c r="AK15" s="280">
        <v>0</v>
      </c>
      <c r="AL15" s="277">
        <v>1</v>
      </c>
      <c r="AM15" s="279">
        <v>0</v>
      </c>
      <c r="AN15" s="280">
        <v>2</v>
      </c>
      <c r="AO15" s="280">
        <v>6</v>
      </c>
      <c r="AP15" s="280">
        <v>1</v>
      </c>
      <c r="AQ15" s="280">
        <v>1</v>
      </c>
      <c r="AR15" s="280">
        <v>0</v>
      </c>
      <c r="AS15" s="277">
        <v>10</v>
      </c>
      <c r="AT15" s="282">
        <v>11</v>
      </c>
      <c r="AU15" s="276">
        <v>7</v>
      </c>
      <c r="AV15" s="280">
        <v>7</v>
      </c>
      <c r="AW15" s="277">
        <v>14</v>
      </c>
      <c r="AX15" s="279">
        <v>0</v>
      </c>
      <c r="AY15" s="280">
        <v>19</v>
      </c>
      <c r="AZ15" s="280">
        <v>35</v>
      </c>
      <c r="BA15" s="280">
        <v>27</v>
      </c>
      <c r="BB15" s="280">
        <v>35</v>
      </c>
      <c r="BC15" s="280">
        <v>15</v>
      </c>
      <c r="BD15" s="281">
        <v>131</v>
      </c>
      <c r="BE15" s="282">
        <v>145</v>
      </c>
      <c r="BF15" s="276">
        <v>0</v>
      </c>
      <c r="BG15" s="280">
        <v>0</v>
      </c>
      <c r="BH15" s="277">
        <v>0</v>
      </c>
      <c r="BI15" s="279">
        <v>0</v>
      </c>
      <c r="BJ15" s="280">
        <v>59</v>
      </c>
      <c r="BK15" s="280">
        <v>28</v>
      </c>
      <c r="BL15" s="280">
        <v>20</v>
      </c>
      <c r="BM15" s="280">
        <v>11</v>
      </c>
      <c r="BN15" s="280">
        <v>2</v>
      </c>
      <c r="BO15" s="277">
        <v>120</v>
      </c>
      <c r="BP15" s="282">
        <v>120</v>
      </c>
      <c r="BQ15" s="276">
        <v>12</v>
      </c>
      <c r="BR15" s="280">
        <v>7</v>
      </c>
      <c r="BS15" s="277">
        <v>19</v>
      </c>
      <c r="BT15" s="279">
        <v>0</v>
      </c>
      <c r="BU15" s="280">
        <v>6</v>
      </c>
      <c r="BV15" s="280">
        <v>15</v>
      </c>
      <c r="BW15" s="280">
        <v>11</v>
      </c>
      <c r="BX15" s="280">
        <v>7</v>
      </c>
      <c r="BY15" s="280">
        <v>2</v>
      </c>
      <c r="BZ15" s="277">
        <v>41</v>
      </c>
      <c r="CA15" s="282">
        <v>60</v>
      </c>
      <c r="CB15" s="276">
        <v>0</v>
      </c>
      <c r="CC15" s="280">
        <v>3</v>
      </c>
      <c r="CD15" s="277">
        <v>3</v>
      </c>
      <c r="CE15" s="279">
        <v>0</v>
      </c>
      <c r="CF15" s="280">
        <v>9</v>
      </c>
      <c r="CG15" s="280">
        <v>5</v>
      </c>
      <c r="CH15" s="280">
        <v>9</v>
      </c>
      <c r="CI15" s="280">
        <v>9</v>
      </c>
      <c r="CJ15" s="280">
        <v>2</v>
      </c>
      <c r="CK15" s="277">
        <v>34</v>
      </c>
      <c r="CL15" s="282">
        <v>37</v>
      </c>
      <c r="CM15" s="276">
        <v>0</v>
      </c>
      <c r="CN15" s="280">
        <v>0</v>
      </c>
      <c r="CO15" s="277">
        <v>0</v>
      </c>
      <c r="CP15" s="279">
        <v>0</v>
      </c>
      <c r="CQ15" s="280">
        <v>0</v>
      </c>
      <c r="CR15" s="280">
        <v>1</v>
      </c>
      <c r="CS15" s="280">
        <v>0</v>
      </c>
      <c r="CT15" s="280">
        <v>0</v>
      </c>
      <c r="CU15" s="280">
        <v>0</v>
      </c>
      <c r="CV15" s="277">
        <v>1</v>
      </c>
      <c r="CW15" s="282">
        <v>1</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20</v>
      </c>
      <c r="DU15" s="280">
        <v>46</v>
      </c>
      <c r="DV15" s="277">
        <v>66</v>
      </c>
      <c r="DW15" s="279">
        <v>0</v>
      </c>
      <c r="DX15" s="280">
        <v>39</v>
      </c>
      <c r="DY15" s="280">
        <v>83</v>
      </c>
      <c r="DZ15" s="280">
        <v>59</v>
      </c>
      <c r="EA15" s="280">
        <v>43</v>
      </c>
      <c r="EB15" s="280">
        <v>19</v>
      </c>
      <c r="EC15" s="277">
        <v>243</v>
      </c>
      <c r="ED15" s="282">
        <v>309</v>
      </c>
      <c r="EE15" s="276">
        <v>2</v>
      </c>
      <c r="EF15" s="280">
        <v>5</v>
      </c>
      <c r="EG15" s="277">
        <v>7</v>
      </c>
      <c r="EH15" s="279">
        <v>0</v>
      </c>
      <c r="EI15" s="280">
        <v>7</v>
      </c>
      <c r="EJ15" s="280">
        <v>8</v>
      </c>
      <c r="EK15" s="280">
        <v>9</v>
      </c>
      <c r="EL15" s="280">
        <v>10</v>
      </c>
      <c r="EM15" s="280">
        <v>6</v>
      </c>
      <c r="EN15" s="277">
        <v>40</v>
      </c>
      <c r="EO15" s="282">
        <v>47</v>
      </c>
      <c r="EP15" s="276">
        <v>47</v>
      </c>
      <c r="EQ15" s="280">
        <v>65</v>
      </c>
      <c r="ER15" s="277">
        <v>112</v>
      </c>
      <c r="ES15" s="279">
        <v>0</v>
      </c>
      <c r="ET15" s="280">
        <v>123</v>
      </c>
      <c r="EU15" s="280">
        <v>99</v>
      </c>
      <c r="EV15" s="280">
        <v>64</v>
      </c>
      <c r="EW15" s="280">
        <v>46</v>
      </c>
      <c r="EX15" s="280">
        <v>17</v>
      </c>
      <c r="EY15" s="277">
        <v>349</v>
      </c>
      <c r="EZ15" s="282">
        <v>461</v>
      </c>
    </row>
    <row r="16" spans="2:156" ht="21" customHeight="1" x14ac:dyDescent="0.2">
      <c r="B16" s="261" t="s">
        <v>13</v>
      </c>
      <c r="C16" s="276">
        <v>0</v>
      </c>
      <c r="D16" s="280">
        <v>0</v>
      </c>
      <c r="E16" s="384">
        <v>0</v>
      </c>
      <c r="F16" s="279">
        <v>0</v>
      </c>
      <c r="G16" s="280">
        <v>18</v>
      </c>
      <c r="H16" s="280">
        <v>18</v>
      </c>
      <c r="I16" s="280">
        <v>9</v>
      </c>
      <c r="J16" s="280">
        <v>10</v>
      </c>
      <c r="K16" s="280">
        <v>8</v>
      </c>
      <c r="L16" s="281">
        <v>63</v>
      </c>
      <c r="M16" s="282">
        <v>63</v>
      </c>
      <c r="N16" s="276">
        <v>0</v>
      </c>
      <c r="O16" s="280">
        <v>0</v>
      </c>
      <c r="P16" s="277">
        <v>0</v>
      </c>
      <c r="Q16" s="279">
        <v>0</v>
      </c>
      <c r="R16" s="280">
        <v>0</v>
      </c>
      <c r="S16" s="280">
        <v>1</v>
      </c>
      <c r="T16" s="280">
        <v>0</v>
      </c>
      <c r="U16" s="280">
        <v>2</v>
      </c>
      <c r="V16" s="280">
        <v>6</v>
      </c>
      <c r="W16" s="277">
        <v>9</v>
      </c>
      <c r="X16" s="282">
        <v>9</v>
      </c>
      <c r="Y16" s="276">
        <v>1</v>
      </c>
      <c r="Z16" s="280">
        <v>1</v>
      </c>
      <c r="AA16" s="277">
        <v>2</v>
      </c>
      <c r="AB16" s="279">
        <v>0</v>
      </c>
      <c r="AC16" s="280">
        <v>11</v>
      </c>
      <c r="AD16" s="280">
        <v>10</v>
      </c>
      <c r="AE16" s="280">
        <v>9</v>
      </c>
      <c r="AF16" s="280">
        <v>9</v>
      </c>
      <c r="AG16" s="280">
        <v>7</v>
      </c>
      <c r="AH16" s="277">
        <v>46</v>
      </c>
      <c r="AI16" s="282">
        <v>48</v>
      </c>
      <c r="AJ16" s="276">
        <v>0</v>
      </c>
      <c r="AK16" s="280">
        <v>1</v>
      </c>
      <c r="AL16" s="277">
        <v>1</v>
      </c>
      <c r="AM16" s="279">
        <v>0</v>
      </c>
      <c r="AN16" s="280">
        <v>3</v>
      </c>
      <c r="AO16" s="280">
        <v>0</v>
      </c>
      <c r="AP16" s="280">
        <v>0</v>
      </c>
      <c r="AQ16" s="280">
        <v>2</v>
      </c>
      <c r="AR16" s="280">
        <v>1</v>
      </c>
      <c r="AS16" s="277">
        <v>6</v>
      </c>
      <c r="AT16" s="282">
        <v>7</v>
      </c>
      <c r="AU16" s="276">
        <v>3</v>
      </c>
      <c r="AV16" s="280">
        <v>3</v>
      </c>
      <c r="AW16" s="277">
        <v>6</v>
      </c>
      <c r="AX16" s="279">
        <v>0</v>
      </c>
      <c r="AY16" s="280">
        <v>16</v>
      </c>
      <c r="AZ16" s="280">
        <v>23</v>
      </c>
      <c r="BA16" s="280">
        <v>14</v>
      </c>
      <c r="BB16" s="280">
        <v>18</v>
      </c>
      <c r="BC16" s="280">
        <v>13</v>
      </c>
      <c r="BD16" s="281">
        <v>84</v>
      </c>
      <c r="BE16" s="282">
        <v>90</v>
      </c>
      <c r="BF16" s="276">
        <v>0</v>
      </c>
      <c r="BG16" s="280">
        <v>0</v>
      </c>
      <c r="BH16" s="277">
        <v>0</v>
      </c>
      <c r="BI16" s="279">
        <v>0</v>
      </c>
      <c r="BJ16" s="280">
        <v>22</v>
      </c>
      <c r="BK16" s="280">
        <v>20</v>
      </c>
      <c r="BL16" s="280">
        <v>8</v>
      </c>
      <c r="BM16" s="280">
        <v>6</v>
      </c>
      <c r="BN16" s="280">
        <v>4</v>
      </c>
      <c r="BO16" s="277">
        <v>60</v>
      </c>
      <c r="BP16" s="282">
        <v>60</v>
      </c>
      <c r="BQ16" s="276">
        <v>0</v>
      </c>
      <c r="BR16" s="280">
        <v>1</v>
      </c>
      <c r="BS16" s="277">
        <v>1</v>
      </c>
      <c r="BT16" s="279">
        <v>0</v>
      </c>
      <c r="BU16" s="280">
        <v>1</v>
      </c>
      <c r="BV16" s="280">
        <v>5</v>
      </c>
      <c r="BW16" s="280">
        <v>2</v>
      </c>
      <c r="BX16" s="280">
        <v>3</v>
      </c>
      <c r="BY16" s="280">
        <v>2</v>
      </c>
      <c r="BZ16" s="277">
        <v>13</v>
      </c>
      <c r="CA16" s="282">
        <v>14</v>
      </c>
      <c r="CB16" s="276">
        <v>0</v>
      </c>
      <c r="CC16" s="280">
        <v>0</v>
      </c>
      <c r="CD16" s="277">
        <v>0</v>
      </c>
      <c r="CE16" s="279">
        <v>0</v>
      </c>
      <c r="CF16" s="280">
        <v>0</v>
      </c>
      <c r="CG16" s="280">
        <v>3</v>
      </c>
      <c r="CH16" s="280">
        <v>2</v>
      </c>
      <c r="CI16" s="280">
        <v>4</v>
      </c>
      <c r="CJ16" s="280">
        <v>1</v>
      </c>
      <c r="CK16" s="277">
        <v>10</v>
      </c>
      <c r="CL16" s="282">
        <v>10</v>
      </c>
      <c r="CM16" s="276">
        <v>0</v>
      </c>
      <c r="CN16" s="280">
        <v>0</v>
      </c>
      <c r="CO16" s="277">
        <v>0</v>
      </c>
      <c r="CP16" s="279">
        <v>0</v>
      </c>
      <c r="CQ16" s="280">
        <v>0</v>
      </c>
      <c r="CR16" s="280">
        <v>0</v>
      </c>
      <c r="CS16" s="280">
        <v>1</v>
      </c>
      <c r="CT16" s="280">
        <v>0</v>
      </c>
      <c r="CU16" s="280">
        <v>0</v>
      </c>
      <c r="CV16" s="277">
        <v>1</v>
      </c>
      <c r="CW16" s="282">
        <v>1</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2</v>
      </c>
      <c r="DU16" s="280">
        <v>13</v>
      </c>
      <c r="DV16" s="277">
        <v>15</v>
      </c>
      <c r="DW16" s="279">
        <v>0</v>
      </c>
      <c r="DX16" s="280">
        <v>24</v>
      </c>
      <c r="DY16" s="280">
        <v>36</v>
      </c>
      <c r="DZ16" s="280">
        <v>20</v>
      </c>
      <c r="EA16" s="280">
        <v>22</v>
      </c>
      <c r="EB16" s="280">
        <v>9</v>
      </c>
      <c r="EC16" s="277">
        <v>111</v>
      </c>
      <c r="ED16" s="282">
        <v>126</v>
      </c>
      <c r="EE16" s="276">
        <v>2</v>
      </c>
      <c r="EF16" s="280">
        <v>0</v>
      </c>
      <c r="EG16" s="277">
        <v>2</v>
      </c>
      <c r="EH16" s="279">
        <v>0</v>
      </c>
      <c r="EI16" s="280">
        <v>9</v>
      </c>
      <c r="EJ16" s="280">
        <v>8</v>
      </c>
      <c r="EK16" s="280">
        <v>6</v>
      </c>
      <c r="EL16" s="280">
        <v>7</v>
      </c>
      <c r="EM16" s="280">
        <v>5</v>
      </c>
      <c r="EN16" s="277">
        <v>35</v>
      </c>
      <c r="EO16" s="282">
        <v>37</v>
      </c>
      <c r="EP16" s="276">
        <v>3</v>
      </c>
      <c r="EQ16" s="280">
        <v>16</v>
      </c>
      <c r="ER16" s="277">
        <v>19</v>
      </c>
      <c r="ES16" s="279">
        <v>0</v>
      </c>
      <c r="ET16" s="280">
        <v>58</v>
      </c>
      <c r="EU16" s="280">
        <v>51</v>
      </c>
      <c r="EV16" s="280">
        <v>26</v>
      </c>
      <c r="EW16" s="280">
        <v>24</v>
      </c>
      <c r="EX16" s="280">
        <v>11</v>
      </c>
      <c r="EY16" s="277">
        <v>170</v>
      </c>
      <c r="EZ16" s="282">
        <v>189</v>
      </c>
    </row>
    <row r="17" spans="2:156" ht="21" customHeight="1" x14ac:dyDescent="0.2">
      <c r="B17" s="261" t="s">
        <v>15</v>
      </c>
      <c r="C17" s="276">
        <v>0</v>
      </c>
      <c r="D17" s="280">
        <v>0</v>
      </c>
      <c r="E17" s="384">
        <v>0</v>
      </c>
      <c r="F17" s="279">
        <v>0</v>
      </c>
      <c r="G17" s="280">
        <v>2</v>
      </c>
      <c r="H17" s="280">
        <v>5</v>
      </c>
      <c r="I17" s="280">
        <v>7</v>
      </c>
      <c r="J17" s="280">
        <v>5</v>
      </c>
      <c r="K17" s="280">
        <v>1</v>
      </c>
      <c r="L17" s="281">
        <v>20</v>
      </c>
      <c r="M17" s="282">
        <v>20</v>
      </c>
      <c r="N17" s="276">
        <v>0</v>
      </c>
      <c r="O17" s="280">
        <v>0</v>
      </c>
      <c r="P17" s="277">
        <v>0</v>
      </c>
      <c r="Q17" s="279">
        <v>0</v>
      </c>
      <c r="R17" s="280">
        <v>0</v>
      </c>
      <c r="S17" s="280">
        <v>0</v>
      </c>
      <c r="T17" s="280">
        <v>0</v>
      </c>
      <c r="U17" s="280">
        <v>1</v>
      </c>
      <c r="V17" s="280">
        <v>0</v>
      </c>
      <c r="W17" s="277">
        <v>1</v>
      </c>
      <c r="X17" s="282">
        <v>1</v>
      </c>
      <c r="Y17" s="276">
        <v>0</v>
      </c>
      <c r="Z17" s="280">
        <v>1</v>
      </c>
      <c r="AA17" s="277">
        <v>1</v>
      </c>
      <c r="AB17" s="279">
        <v>0</v>
      </c>
      <c r="AC17" s="280">
        <v>2</v>
      </c>
      <c r="AD17" s="280">
        <v>4</v>
      </c>
      <c r="AE17" s="280">
        <v>4</v>
      </c>
      <c r="AF17" s="280">
        <v>4</v>
      </c>
      <c r="AG17" s="280">
        <v>0</v>
      </c>
      <c r="AH17" s="277">
        <v>14</v>
      </c>
      <c r="AI17" s="282">
        <v>15</v>
      </c>
      <c r="AJ17" s="276">
        <v>0</v>
      </c>
      <c r="AK17" s="280">
        <v>0</v>
      </c>
      <c r="AL17" s="277">
        <v>0</v>
      </c>
      <c r="AM17" s="279">
        <v>0</v>
      </c>
      <c r="AN17" s="280">
        <v>1</v>
      </c>
      <c r="AO17" s="280">
        <v>3</v>
      </c>
      <c r="AP17" s="280">
        <v>0</v>
      </c>
      <c r="AQ17" s="280">
        <v>0</v>
      </c>
      <c r="AR17" s="280">
        <v>0</v>
      </c>
      <c r="AS17" s="277">
        <v>4</v>
      </c>
      <c r="AT17" s="282">
        <v>4</v>
      </c>
      <c r="AU17" s="276">
        <v>1</v>
      </c>
      <c r="AV17" s="280">
        <v>0</v>
      </c>
      <c r="AW17" s="277">
        <v>1</v>
      </c>
      <c r="AX17" s="279">
        <v>0</v>
      </c>
      <c r="AY17" s="280">
        <v>9</v>
      </c>
      <c r="AZ17" s="280">
        <v>8</v>
      </c>
      <c r="BA17" s="280">
        <v>3</v>
      </c>
      <c r="BB17" s="280">
        <v>5</v>
      </c>
      <c r="BC17" s="280">
        <v>2</v>
      </c>
      <c r="BD17" s="281">
        <v>27</v>
      </c>
      <c r="BE17" s="282">
        <v>28</v>
      </c>
      <c r="BF17" s="276">
        <v>0</v>
      </c>
      <c r="BG17" s="280">
        <v>0</v>
      </c>
      <c r="BH17" s="277">
        <v>0</v>
      </c>
      <c r="BI17" s="279">
        <v>0</v>
      </c>
      <c r="BJ17" s="280">
        <v>6</v>
      </c>
      <c r="BK17" s="280">
        <v>3</v>
      </c>
      <c r="BL17" s="280">
        <v>4</v>
      </c>
      <c r="BM17" s="280">
        <v>1</v>
      </c>
      <c r="BN17" s="280">
        <v>0</v>
      </c>
      <c r="BO17" s="277">
        <v>14</v>
      </c>
      <c r="BP17" s="282">
        <v>14</v>
      </c>
      <c r="BQ17" s="276">
        <v>0</v>
      </c>
      <c r="BR17" s="280">
        <v>0</v>
      </c>
      <c r="BS17" s="277">
        <v>0</v>
      </c>
      <c r="BT17" s="279">
        <v>0</v>
      </c>
      <c r="BU17" s="280">
        <v>0</v>
      </c>
      <c r="BV17" s="280">
        <v>2</v>
      </c>
      <c r="BW17" s="280">
        <v>2</v>
      </c>
      <c r="BX17" s="280">
        <v>1</v>
      </c>
      <c r="BY17" s="280">
        <v>0</v>
      </c>
      <c r="BZ17" s="277">
        <v>5</v>
      </c>
      <c r="CA17" s="282">
        <v>5</v>
      </c>
      <c r="CB17" s="276">
        <v>0</v>
      </c>
      <c r="CC17" s="280">
        <v>0</v>
      </c>
      <c r="CD17" s="277">
        <v>0</v>
      </c>
      <c r="CE17" s="279">
        <v>0</v>
      </c>
      <c r="CF17" s="280">
        <v>0</v>
      </c>
      <c r="CG17" s="280">
        <v>2</v>
      </c>
      <c r="CH17" s="280">
        <v>0</v>
      </c>
      <c r="CI17" s="280">
        <v>3</v>
      </c>
      <c r="CJ17" s="280">
        <v>2</v>
      </c>
      <c r="CK17" s="277">
        <v>7</v>
      </c>
      <c r="CL17" s="282">
        <v>7</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2</v>
      </c>
      <c r="DU17" s="280">
        <v>6</v>
      </c>
      <c r="DV17" s="277">
        <v>8</v>
      </c>
      <c r="DW17" s="279">
        <v>0</v>
      </c>
      <c r="DX17" s="280">
        <v>6</v>
      </c>
      <c r="DY17" s="280">
        <v>18</v>
      </c>
      <c r="DZ17" s="280">
        <v>11</v>
      </c>
      <c r="EA17" s="280">
        <v>10</v>
      </c>
      <c r="EB17" s="280">
        <v>2</v>
      </c>
      <c r="EC17" s="277">
        <v>47</v>
      </c>
      <c r="ED17" s="282">
        <v>55</v>
      </c>
      <c r="EE17" s="276">
        <v>3</v>
      </c>
      <c r="EF17" s="280">
        <v>3</v>
      </c>
      <c r="EG17" s="277">
        <v>6</v>
      </c>
      <c r="EH17" s="279">
        <v>0</v>
      </c>
      <c r="EI17" s="280">
        <v>7</v>
      </c>
      <c r="EJ17" s="280">
        <v>4</v>
      </c>
      <c r="EK17" s="280">
        <v>4</v>
      </c>
      <c r="EL17" s="280">
        <v>2</v>
      </c>
      <c r="EM17" s="280">
        <v>1</v>
      </c>
      <c r="EN17" s="277">
        <v>18</v>
      </c>
      <c r="EO17" s="282">
        <v>24</v>
      </c>
      <c r="EP17" s="276">
        <v>2</v>
      </c>
      <c r="EQ17" s="280">
        <v>7</v>
      </c>
      <c r="ER17" s="277">
        <v>9</v>
      </c>
      <c r="ES17" s="279">
        <v>0</v>
      </c>
      <c r="ET17" s="280">
        <v>16</v>
      </c>
      <c r="EU17" s="280">
        <v>23</v>
      </c>
      <c r="EV17" s="280">
        <v>14</v>
      </c>
      <c r="EW17" s="280">
        <v>13</v>
      </c>
      <c r="EX17" s="280">
        <v>3</v>
      </c>
      <c r="EY17" s="277">
        <v>69</v>
      </c>
      <c r="EZ17" s="282">
        <v>78</v>
      </c>
    </row>
    <row r="18" spans="2:156" ht="21" customHeight="1" x14ac:dyDescent="0.2">
      <c r="B18" s="261" t="s">
        <v>16</v>
      </c>
      <c r="C18" s="276">
        <v>0</v>
      </c>
      <c r="D18" s="280">
        <v>0</v>
      </c>
      <c r="E18" s="384">
        <v>0</v>
      </c>
      <c r="F18" s="279">
        <v>0</v>
      </c>
      <c r="G18" s="280">
        <v>12</v>
      </c>
      <c r="H18" s="280">
        <v>8</v>
      </c>
      <c r="I18" s="280">
        <v>5</v>
      </c>
      <c r="J18" s="280">
        <v>5</v>
      </c>
      <c r="K18" s="280">
        <v>3</v>
      </c>
      <c r="L18" s="281">
        <v>33</v>
      </c>
      <c r="M18" s="282">
        <v>33</v>
      </c>
      <c r="N18" s="276">
        <v>0</v>
      </c>
      <c r="O18" s="280">
        <v>0</v>
      </c>
      <c r="P18" s="277">
        <v>0</v>
      </c>
      <c r="Q18" s="279">
        <v>0</v>
      </c>
      <c r="R18" s="280">
        <v>0</v>
      </c>
      <c r="S18" s="280">
        <v>0</v>
      </c>
      <c r="T18" s="280">
        <v>0</v>
      </c>
      <c r="U18" s="280">
        <v>1</v>
      </c>
      <c r="V18" s="280">
        <v>4</v>
      </c>
      <c r="W18" s="277">
        <v>5</v>
      </c>
      <c r="X18" s="282">
        <v>5</v>
      </c>
      <c r="Y18" s="276">
        <v>3</v>
      </c>
      <c r="Z18" s="280">
        <v>4</v>
      </c>
      <c r="AA18" s="277">
        <v>7</v>
      </c>
      <c r="AB18" s="279">
        <v>0</v>
      </c>
      <c r="AC18" s="280">
        <v>21</v>
      </c>
      <c r="AD18" s="280">
        <v>15</v>
      </c>
      <c r="AE18" s="280">
        <v>8</v>
      </c>
      <c r="AF18" s="280">
        <v>13</v>
      </c>
      <c r="AG18" s="280">
        <v>6</v>
      </c>
      <c r="AH18" s="277">
        <v>63</v>
      </c>
      <c r="AI18" s="282">
        <v>70</v>
      </c>
      <c r="AJ18" s="276">
        <v>0</v>
      </c>
      <c r="AK18" s="280">
        <v>0</v>
      </c>
      <c r="AL18" s="277">
        <v>0</v>
      </c>
      <c r="AM18" s="279">
        <v>0</v>
      </c>
      <c r="AN18" s="280">
        <v>0</v>
      </c>
      <c r="AO18" s="280">
        <v>2</v>
      </c>
      <c r="AP18" s="280">
        <v>0</v>
      </c>
      <c r="AQ18" s="280">
        <v>0</v>
      </c>
      <c r="AR18" s="280">
        <v>0</v>
      </c>
      <c r="AS18" s="277">
        <v>2</v>
      </c>
      <c r="AT18" s="282">
        <v>2</v>
      </c>
      <c r="AU18" s="276">
        <v>4</v>
      </c>
      <c r="AV18" s="280">
        <v>2</v>
      </c>
      <c r="AW18" s="277">
        <v>6</v>
      </c>
      <c r="AX18" s="279">
        <v>0</v>
      </c>
      <c r="AY18" s="280">
        <v>20</v>
      </c>
      <c r="AZ18" s="280">
        <v>16</v>
      </c>
      <c r="BA18" s="280">
        <v>20</v>
      </c>
      <c r="BB18" s="280">
        <v>20</v>
      </c>
      <c r="BC18" s="280">
        <v>10</v>
      </c>
      <c r="BD18" s="281">
        <v>86</v>
      </c>
      <c r="BE18" s="282">
        <v>92</v>
      </c>
      <c r="BF18" s="276">
        <v>0</v>
      </c>
      <c r="BG18" s="280">
        <v>0</v>
      </c>
      <c r="BH18" s="277">
        <v>0</v>
      </c>
      <c r="BI18" s="279">
        <v>0</v>
      </c>
      <c r="BJ18" s="280">
        <v>18</v>
      </c>
      <c r="BK18" s="280">
        <v>25</v>
      </c>
      <c r="BL18" s="280">
        <v>5</v>
      </c>
      <c r="BM18" s="280">
        <v>12</v>
      </c>
      <c r="BN18" s="280">
        <v>0</v>
      </c>
      <c r="BO18" s="277">
        <v>60</v>
      </c>
      <c r="BP18" s="282">
        <v>60</v>
      </c>
      <c r="BQ18" s="276">
        <v>3</v>
      </c>
      <c r="BR18" s="280">
        <v>4</v>
      </c>
      <c r="BS18" s="277">
        <v>7</v>
      </c>
      <c r="BT18" s="279">
        <v>0</v>
      </c>
      <c r="BU18" s="280">
        <v>15</v>
      </c>
      <c r="BV18" s="280">
        <v>30</v>
      </c>
      <c r="BW18" s="280">
        <v>5</v>
      </c>
      <c r="BX18" s="280">
        <v>3</v>
      </c>
      <c r="BY18" s="280">
        <v>0</v>
      </c>
      <c r="BZ18" s="277">
        <v>53</v>
      </c>
      <c r="CA18" s="282">
        <v>60</v>
      </c>
      <c r="CB18" s="276">
        <v>0</v>
      </c>
      <c r="CC18" s="280">
        <v>0</v>
      </c>
      <c r="CD18" s="277">
        <v>0</v>
      </c>
      <c r="CE18" s="279">
        <v>0</v>
      </c>
      <c r="CF18" s="280">
        <v>0</v>
      </c>
      <c r="CG18" s="280">
        <v>4</v>
      </c>
      <c r="CH18" s="280">
        <v>3</v>
      </c>
      <c r="CI18" s="280">
        <v>2</v>
      </c>
      <c r="CJ18" s="280">
        <v>0</v>
      </c>
      <c r="CK18" s="277">
        <v>9</v>
      </c>
      <c r="CL18" s="282">
        <v>9</v>
      </c>
      <c r="CM18" s="276">
        <v>0</v>
      </c>
      <c r="CN18" s="280">
        <v>0</v>
      </c>
      <c r="CO18" s="277">
        <v>0</v>
      </c>
      <c r="CP18" s="279">
        <v>0</v>
      </c>
      <c r="CQ18" s="280">
        <v>0</v>
      </c>
      <c r="CR18" s="280">
        <v>1</v>
      </c>
      <c r="CS18" s="280">
        <v>0</v>
      </c>
      <c r="CT18" s="280">
        <v>1</v>
      </c>
      <c r="CU18" s="280">
        <v>0</v>
      </c>
      <c r="CV18" s="277">
        <v>2</v>
      </c>
      <c r="CW18" s="282">
        <v>2</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1</v>
      </c>
      <c r="DU18" s="280">
        <v>15</v>
      </c>
      <c r="DV18" s="277">
        <v>26</v>
      </c>
      <c r="DW18" s="279">
        <v>0</v>
      </c>
      <c r="DX18" s="280">
        <v>30</v>
      </c>
      <c r="DY18" s="280">
        <v>48</v>
      </c>
      <c r="DZ18" s="280">
        <v>20</v>
      </c>
      <c r="EA18" s="280">
        <v>22</v>
      </c>
      <c r="EB18" s="280">
        <v>9</v>
      </c>
      <c r="EC18" s="277">
        <v>129</v>
      </c>
      <c r="ED18" s="282">
        <v>155</v>
      </c>
      <c r="EE18" s="276">
        <v>3</v>
      </c>
      <c r="EF18" s="280">
        <v>1</v>
      </c>
      <c r="EG18" s="277">
        <v>4</v>
      </c>
      <c r="EH18" s="279">
        <v>0</v>
      </c>
      <c r="EI18" s="280">
        <v>10</v>
      </c>
      <c r="EJ18" s="280">
        <v>10</v>
      </c>
      <c r="EK18" s="280">
        <v>9</v>
      </c>
      <c r="EL18" s="280">
        <v>15</v>
      </c>
      <c r="EM18" s="280">
        <v>3</v>
      </c>
      <c r="EN18" s="277">
        <v>47</v>
      </c>
      <c r="EO18" s="282">
        <v>51</v>
      </c>
      <c r="EP18" s="276">
        <v>15</v>
      </c>
      <c r="EQ18" s="280">
        <v>21</v>
      </c>
      <c r="ER18" s="277">
        <v>36</v>
      </c>
      <c r="ES18" s="279">
        <v>0</v>
      </c>
      <c r="ET18" s="280">
        <v>57</v>
      </c>
      <c r="EU18" s="280">
        <v>71</v>
      </c>
      <c r="EV18" s="280">
        <v>23</v>
      </c>
      <c r="EW18" s="280">
        <v>26</v>
      </c>
      <c r="EX18" s="280">
        <v>9</v>
      </c>
      <c r="EY18" s="277">
        <v>186</v>
      </c>
      <c r="EZ18" s="282">
        <v>222</v>
      </c>
    </row>
    <row r="19" spans="2:156" ht="21" customHeight="1" x14ac:dyDescent="0.2">
      <c r="B19" s="261" t="s">
        <v>17</v>
      </c>
      <c r="C19" s="276">
        <v>0</v>
      </c>
      <c r="D19" s="280">
        <v>0</v>
      </c>
      <c r="E19" s="384">
        <v>0</v>
      </c>
      <c r="F19" s="279">
        <v>0</v>
      </c>
      <c r="G19" s="280">
        <v>11</v>
      </c>
      <c r="H19" s="280">
        <v>19</v>
      </c>
      <c r="I19" s="280">
        <v>9</v>
      </c>
      <c r="J19" s="280">
        <v>5</v>
      </c>
      <c r="K19" s="280">
        <v>9</v>
      </c>
      <c r="L19" s="281">
        <v>53</v>
      </c>
      <c r="M19" s="282">
        <v>53</v>
      </c>
      <c r="N19" s="276">
        <v>0</v>
      </c>
      <c r="O19" s="280">
        <v>0</v>
      </c>
      <c r="P19" s="277">
        <v>0</v>
      </c>
      <c r="Q19" s="279">
        <v>0</v>
      </c>
      <c r="R19" s="280">
        <v>0</v>
      </c>
      <c r="S19" s="280">
        <v>1</v>
      </c>
      <c r="T19" s="280">
        <v>0</v>
      </c>
      <c r="U19" s="280">
        <v>1</v>
      </c>
      <c r="V19" s="280">
        <v>4</v>
      </c>
      <c r="W19" s="277">
        <v>6</v>
      </c>
      <c r="X19" s="282">
        <v>6</v>
      </c>
      <c r="Y19" s="276">
        <v>2</v>
      </c>
      <c r="Z19" s="280">
        <v>5</v>
      </c>
      <c r="AA19" s="277">
        <v>7</v>
      </c>
      <c r="AB19" s="279">
        <v>0</v>
      </c>
      <c r="AC19" s="280">
        <v>11</v>
      </c>
      <c r="AD19" s="280">
        <v>13</v>
      </c>
      <c r="AE19" s="280">
        <v>9</v>
      </c>
      <c r="AF19" s="280">
        <v>5</v>
      </c>
      <c r="AG19" s="280">
        <v>7</v>
      </c>
      <c r="AH19" s="277">
        <v>45</v>
      </c>
      <c r="AI19" s="282">
        <v>52</v>
      </c>
      <c r="AJ19" s="276">
        <v>0</v>
      </c>
      <c r="AK19" s="280">
        <v>2</v>
      </c>
      <c r="AL19" s="277">
        <v>2</v>
      </c>
      <c r="AM19" s="279">
        <v>0</v>
      </c>
      <c r="AN19" s="280">
        <v>0</v>
      </c>
      <c r="AO19" s="280">
        <v>4</v>
      </c>
      <c r="AP19" s="280">
        <v>0</v>
      </c>
      <c r="AQ19" s="280">
        <v>0</v>
      </c>
      <c r="AR19" s="280">
        <v>0</v>
      </c>
      <c r="AS19" s="277">
        <v>4</v>
      </c>
      <c r="AT19" s="282">
        <v>6</v>
      </c>
      <c r="AU19" s="276">
        <v>4</v>
      </c>
      <c r="AV19" s="280">
        <v>6</v>
      </c>
      <c r="AW19" s="277">
        <v>10</v>
      </c>
      <c r="AX19" s="279">
        <v>0</v>
      </c>
      <c r="AY19" s="280">
        <v>11</v>
      </c>
      <c r="AZ19" s="280">
        <v>20</v>
      </c>
      <c r="BA19" s="280">
        <v>19</v>
      </c>
      <c r="BB19" s="280">
        <v>16</v>
      </c>
      <c r="BC19" s="280">
        <v>14</v>
      </c>
      <c r="BD19" s="281">
        <v>80</v>
      </c>
      <c r="BE19" s="282">
        <v>90</v>
      </c>
      <c r="BF19" s="276">
        <v>0</v>
      </c>
      <c r="BG19" s="280">
        <v>0</v>
      </c>
      <c r="BH19" s="277">
        <v>0</v>
      </c>
      <c r="BI19" s="279">
        <v>0</v>
      </c>
      <c r="BJ19" s="280">
        <v>22</v>
      </c>
      <c r="BK19" s="280">
        <v>27</v>
      </c>
      <c r="BL19" s="280">
        <v>9</v>
      </c>
      <c r="BM19" s="280">
        <v>7</v>
      </c>
      <c r="BN19" s="280">
        <v>6</v>
      </c>
      <c r="BO19" s="277">
        <v>71</v>
      </c>
      <c r="BP19" s="282">
        <v>71</v>
      </c>
      <c r="BQ19" s="276">
        <v>3</v>
      </c>
      <c r="BR19" s="280">
        <v>7</v>
      </c>
      <c r="BS19" s="277">
        <v>10</v>
      </c>
      <c r="BT19" s="279">
        <v>0</v>
      </c>
      <c r="BU19" s="280">
        <v>2</v>
      </c>
      <c r="BV19" s="280">
        <v>13</v>
      </c>
      <c r="BW19" s="280">
        <v>2</v>
      </c>
      <c r="BX19" s="280">
        <v>2</v>
      </c>
      <c r="BY19" s="280">
        <v>2</v>
      </c>
      <c r="BZ19" s="277">
        <v>21</v>
      </c>
      <c r="CA19" s="282">
        <v>31</v>
      </c>
      <c r="CB19" s="276">
        <v>0</v>
      </c>
      <c r="CC19" s="280">
        <v>0</v>
      </c>
      <c r="CD19" s="277">
        <v>0</v>
      </c>
      <c r="CE19" s="279">
        <v>0</v>
      </c>
      <c r="CF19" s="280">
        <v>5</v>
      </c>
      <c r="CG19" s="280">
        <v>7</v>
      </c>
      <c r="CH19" s="280">
        <v>3</v>
      </c>
      <c r="CI19" s="280">
        <v>8</v>
      </c>
      <c r="CJ19" s="280">
        <v>3</v>
      </c>
      <c r="CK19" s="277">
        <v>26</v>
      </c>
      <c r="CL19" s="282">
        <v>26</v>
      </c>
      <c r="CM19" s="276">
        <v>0</v>
      </c>
      <c r="CN19" s="280">
        <v>0</v>
      </c>
      <c r="CO19" s="277">
        <v>0</v>
      </c>
      <c r="CP19" s="279">
        <v>0</v>
      </c>
      <c r="CQ19" s="280">
        <v>0</v>
      </c>
      <c r="CR19" s="280">
        <v>1</v>
      </c>
      <c r="CS19" s="280">
        <v>1</v>
      </c>
      <c r="CT19" s="280">
        <v>1</v>
      </c>
      <c r="CU19" s="280">
        <v>0</v>
      </c>
      <c r="CV19" s="277">
        <v>3</v>
      </c>
      <c r="CW19" s="282">
        <v>3</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0</v>
      </c>
      <c r="DU19" s="280">
        <v>24</v>
      </c>
      <c r="DV19" s="277">
        <v>34</v>
      </c>
      <c r="DW19" s="279">
        <v>0</v>
      </c>
      <c r="DX19" s="280">
        <v>26</v>
      </c>
      <c r="DY19" s="280">
        <v>64</v>
      </c>
      <c r="DZ19" s="280">
        <v>32</v>
      </c>
      <c r="EA19" s="280">
        <v>19</v>
      </c>
      <c r="EB19" s="280">
        <v>18</v>
      </c>
      <c r="EC19" s="277">
        <v>159</v>
      </c>
      <c r="ED19" s="282">
        <v>193</v>
      </c>
      <c r="EE19" s="276">
        <v>6</v>
      </c>
      <c r="EF19" s="280">
        <v>2</v>
      </c>
      <c r="EG19" s="277">
        <v>8</v>
      </c>
      <c r="EH19" s="279">
        <v>0</v>
      </c>
      <c r="EI19" s="280">
        <v>8</v>
      </c>
      <c r="EJ19" s="280">
        <v>5</v>
      </c>
      <c r="EK19" s="280">
        <v>6</v>
      </c>
      <c r="EL19" s="280">
        <v>6</v>
      </c>
      <c r="EM19" s="280">
        <v>3</v>
      </c>
      <c r="EN19" s="277">
        <v>28</v>
      </c>
      <c r="EO19" s="282">
        <v>36</v>
      </c>
      <c r="EP19" s="276">
        <v>15</v>
      </c>
      <c r="EQ19" s="280">
        <v>30</v>
      </c>
      <c r="ER19" s="277">
        <v>45</v>
      </c>
      <c r="ES19" s="279">
        <v>0</v>
      </c>
      <c r="ET19" s="280">
        <v>67</v>
      </c>
      <c r="EU19" s="280">
        <v>84</v>
      </c>
      <c r="EV19" s="280">
        <v>32</v>
      </c>
      <c r="EW19" s="280">
        <v>22</v>
      </c>
      <c r="EX19" s="280">
        <v>15</v>
      </c>
      <c r="EY19" s="277">
        <v>220</v>
      </c>
      <c r="EZ19" s="282">
        <v>265</v>
      </c>
    </row>
    <row r="20" spans="2:156" ht="21" customHeight="1" x14ac:dyDescent="0.2">
      <c r="B20" s="261" t="s">
        <v>18</v>
      </c>
      <c r="C20" s="276">
        <v>0</v>
      </c>
      <c r="D20" s="280">
        <v>0</v>
      </c>
      <c r="E20" s="384">
        <v>0</v>
      </c>
      <c r="F20" s="279">
        <v>0</v>
      </c>
      <c r="G20" s="280">
        <v>20</v>
      </c>
      <c r="H20" s="280">
        <v>32</v>
      </c>
      <c r="I20" s="280">
        <v>21</v>
      </c>
      <c r="J20" s="280">
        <v>10</v>
      </c>
      <c r="K20" s="280">
        <v>5</v>
      </c>
      <c r="L20" s="281">
        <v>88</v>
      </c>
      <c r="M20" s="282">
        <v>88</v>
      </c>
      <c r="N20" s="276">
        <v>0</v>
      </c>
      <c r="O20" s="280">
        <v>0</v>
      </c>
      <c r="P20" s="277">
        <v>0</v>
      </c>
      <c r="Q20" s="279">
        <v>0</v>
      </c>
      <c r="R20" s="280">
        <v>1</v>
      </c>
      <c r="S20" s="280">
        <v>0</v>
      </c>
      <c r="T20" s="280">
        <v>3</v>
      </c>
      <c r="U20" s="280">
        <v>2</v>
      </c>
      <c r="V20" s="280">
        <v>5</v>
      </c>
      <c r="W20" s="277">
        <v>11</v>
      </c>
      <c r="X20" s="282">
        <v>11</v>
      </c>
      <c r="Y20" s="276">
        <v>1</v>
      </c>
      <c r="Z20" s="280">
        <v>4</v>
      </c>
      <c r="AA20" s="277">
        <v>5</v>
      </c>
      <c r="AB20" s="279">
        <v>0</v>
      </c>
      <c r="AC20" s="280">
        <v>20</v>
      </c>
      <c r="AD20" s="280">
        <v>21</v>
      </c>
      <c r="AE20" s="280">
        <v>14</v>
      </c>
      <c r="AF20" s="280">
        <v>9</v>
      </c>
      <c r="AG20" s="280">
        <v>3</v>
      </c>
      <c r="AH20" s="277">
        <v>67</v>
      </c>
      <c r="AI20" s="282">
        <v>72</v>
      </c>
      <c r="AJ20" s="276">
        <v>0</v>
      </c>
      <c r="AK20" s="280">
        <v>1</v>
      </c>
      <c r="AL20" s="277">
        <v>1</v>
      </c>
      <c r="AM20" s="279">
        <v>0</v>
      </c>
      <c r="AN20" s="280">
        <v>3</v>
      </c>
      <c r="AO20" s="280">
        <v>3</v>
      </c>
      <c r="AP20" s="280">
        <v>1</v>
      </c>
      <c r="AQ20" s="280">
        <v>0</v>
      </c>
      <c r="AR20" s="280">
        <v>0</v>
      </c>
      <c r="AS20" s="277">
        <v>7</v>
      </c>
      <c r="AT20" s="282">
        <v>8</v>
      </c>
      <c r="AU20" s="276">
        <v>2</v>
      </c>
      <c r="AV20" s="280">
        <v>5</v>
      </c>
      <c r="AW20" s="277">
        <v>7</v>
      </c>
      <c r="AX20" s="279">
        <v>0</v>
      </c>
      <c r="AY20" s="280">
        <v>27</v>
      </c>
      <c r="AZ20" s="280">
        <v>36</v>
      </c>
      <c r="BA20" s="280">
        <v>32</v>
      </c>
      <c r="BB20" s="280">
        <v>22</v>
      </c>
      <c r="BC20" s="280">
        <v>16</v>
      </c>
      <c r="BD20" s="281">
        <v>133</v>
      </c>
      <c r="BE20" s="282">
        <v>140</v>
      </c>
      <c r="BF20" s="276">
        <v>0</v>
      </c>
      <c r="BG20" s="280">
        <v>0</v>
      </c>
      <c r="BH20" s="277">
        <v>0</v>
      </c>
      <c r="BI20" s="279">
        <v>0</v>
      </c>
      <c r="BJ20" s="280">
        <v>37</v>
      </c>
      <c r="BK20" s="280">
        <v>31</v>
      </c>
      <c r="BL20" s="280">
        <v>26</v>
      </c>
      <c r="BM20" s="280">
        <v>9</v>
      </c>
      <c r="BN20" s="280">
        <v>4</v>
      </c>
      <c r="BO20" s="277">
        <v>107</v>
      </c>
      <c r="BP20" s="282">
        <v>107</v>
      </c>
      <c r="BQ20" s="276">
        <v>2</v>
      </c>
      <c r="BR20" s="280">
        <v>8</v>
      </c>
      <c r="BS20" s="277">
        <v>10</v>
      </c>
      <c r="BT20" s="279">
        <v>0</v>
      </c>
      <c r="BU20" s="280">
        <v>14</v>
      </c>
      <c r="BV20" s="280">
        <v>12</v>
      </c>
      <c r="BW20" s="280">
        <v>8</v>
      </c>
      <c r="BX20" s="280">
        <v>2</v>
      </c>
      <c r="BY20" s="280">
        <v>2</v>
      </c>
      <c r="BZ20" s="277">
        <v>38</v>
      </c>
      <c r="CA20" s="282">
        <v>48</v>
      </c>
      <c r="CB20" s="276">
        <v>0</v>
      </c>
      <c r="CC20" s="280">
        <v>0</v>
      </c>
      <c r="CD20" s="277">
        <v>0</v>
      </c>
      <c r="CE20" s="279">
        <v>0</v>
      </c>
      <c r="CF20" s="280">
        <v>2</v>
      </c>
      <c r="CG20" s="280">
        <v>7</v>
      </c>
      <c r="CH20" s="280">
        <v>21</v>
      </c>
      <c r="CI20" s="280">
        <v>6</v>
      </c>
      <c r="CJ20" s="280">
        <v>4</v>
      </c>
      <c r="CK20" s="277">
        <v>40</v>
      </c>
      <c r="CL20" s="282">
        <v>40</v>
      </c>
      <c r="CM20" s="276">
        <v>0</v>
      </c>
      <c r="CN20" s="280">
        <v>0</v>
      </c>
      <c r="CO20" s="277">
        <v>0</v>
      </c>
      <c r="CP20" s="279">
        <v>0</v>
      </c>
      <c r="CQ20" s="280">
        <v>0</v>
      </c>
      <c r="CR20" s="280">
        <v>0</v>
      </c>
      <c r="CS20" s="280">
        <v>2</v>
      </c>
      <c r="CT20" s="280">
        <v>0</v>
      </c>
      <c r="CU20" s="280">
        <v>0</v>
      </c>
      <c r="CV20" s="277">
        <v>2</v>
      </c>
      <c r="CW20" s="282">
        <v>2</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3</v>
      </c>
      <c r="DU20" s="280">
        <v>27</v>
      </c>
      <c r="DV20" s="277">
        <v>40</v>
      </c>
      <c r="DW20" s="279">
        <v>0</v>
      </c>
      <c r="DX20" s="280">
        <v>45</v>
      </c>
      <c r="DY20" s="280">
        <v>60</v>
      </c>
      <c r="DZ20" s="280">
        <v>47</v>
      </c>
      <c r="EA20" s="280">
        <v>23</v>
      </c>
      <c r="EB20" s="280">
        <v>14</v>
      </c>
      <c r="EC20" s="277">
        <v>189</v>
      </c>
      <c r="ED20" s="282">
        <v>229</v>
      </c>
      <c r="EE20" s="276">
        <v>2</v>
      </c>
      <c r="EF20" s="280">
        <v>1</v>
      </c>
      <c r="EG20" s="277">
        <v>3</v>
      </c>
      <c r="EH20" s="279">
        <v>0</v>
      </c>
      <c r="EI20" s="280">
        <v>12</v>
      </c>
      <c r="EJ20" s="280">
        <v>14</v>
      </c>
      <c r="EK20" s="280">
        <v>8</v>
      </c>
      <c r="EL20" s="280">
        <v>8</v>
      </c>
      <c r="EM20" s="280">
        <v>5</v>
      </c>
      <c r="EN20" s="277">
        <v>47</v>
      </c>
      <c r="EO20" s="282">
        <v>50</v>
      </c>
      <c r="EP20" s="276">
        <v>18</v>
      </c>
      <c r="EQ20" s="280">
        <v>35</v>
      </c>
      <c r="ER20" s="277">
        <v>53</v>
      </c>
      <c r="ES20" s="279">
        <v>0</v>
      </c>
      <c r="ET20" s="280">
        <v>103</v>
      </c>
      <c r="EU20" s="280">
        <v>80</v>
      </c>
      <c r="EV20" s="280">
        <v>63</v>
      </c>
      <c r="EW20" s="280">
        <v>25</v>
      </c>
      <c r="EX20" s="280">
        <v>13</v>
      </c>
      <c r="EY20" s="277">
        <v>284</v>
      </c>
      <c r="EZ20" s="282">
        <v>337</v>
      </c>
    </row>
    <row r="21" spans="2:156" ht="21" customHeight="1" x14ac:dyDescent="0.2">
      <c r="B21" s="261" t="s">
        <v>19</v>
      </c>
      <c r="C21" s="276">
        <v>0</v>
      </c>
      <c r="D21" s="280">
        <v>0</v>
      </c>
      <c r="E21" s="384">
        <v>0</v>
      </c>
      <c r="F21" s="279">
        <v>0</v>
      </c>
      <c r="G21" s="280">
        <v>8</v>
      </c>
      <c r="H21" s="280">
        <v>9</v>
      </c>
      <c r="I21" s="280">
        <v>7</v>
      </c>
      <c r="J21" s="280">
        <v>5</v>
      </c>
      <c r="K21" s="280">
        <v>1</v>
      </c>
      <c r="L21" s="281">
        <v>30</v>
      </c>
      <c r="M21" s="282">
        <v>30</v>
      </c>
      <c r="N21" s="276">
        <v>0</v>
      </c>
      <c r="O21" s="280">
        <v>0</v>
      </c>
      <c r="P21" s="277">
        <v>0</v>
      </c>
      <c r="Q21" s="279">
        <v>0</v>
      </c>
      <c r="R21" s="280">
        <v>0</v>
      </c>
      <c r="S21" s="280">
        <v>0</v>
      </c>
      <c r="T21" s="280">
        <v>3</v>
      </c>
      <c r="U21" s="280">
        <v>1</v>
      </c>
      <c r="V21" s="280">
        <v>1</v>
      </c>
      <c r="W21" s="277">
        <v>5</v>
      </c>
      <c r="X21" s="282">
        <v>5</v>
      </c>
      <c r="Y21" s="276">
        <v>2</v>
      </c>
      <c r="Z21" s="280">
        <v>2</v>
      </c>
      <c r="AA21" s="277">
        <v>4</v>
      </c>
      <c r="AB21" s="279">
        <v>0</v>
      </c>
      <c r="AC21" s="280">
        <v>11</v>
      </c>
      <c r="AD21" s="280">
        <v>13</v>
      </c>
      <c r="AE21" s="280">
        <v>9</v>
      </c>
      <c r="AF21" s="280">
        <v>6</v>
      </c>
      <c r="AG21" s="280">
        <v>2</v>
      </c>
      <c r="AH21" s="277">
        <v>41</v>
      </c>
      <c r="AI21" s="282">
        <v>45</v>
      </c>
      <c r="AJ21" s="276">
        <v>0</v>
      </c>
      <c r="AK21" s="280">
        <v>0</v>
      </c>
      <c r="AL21" s="277">
        <v>0</v>
      </c>
      <c r="AM21" s="279">
        <v>0</v>
      </c>
      <c r="AN21" s="280">
        <v>1</v>
      </c>
      <c r="AO21" s="280">
        <v>2</v>
      </c>
      <c r="AP21" s="280">
        <v>1</v>
      </c>
      <c r="AQ21" s="280">
        <v>1</v>
      </c>
      <c r="AR21" s="280">
        <v>0</v>
      </c>
      <c r="AS21" s="277">
        <v>5</v>
      </c>
      <c r="AT21" s="282">
        <v>5</v>
      </c>
      <c r="AU21" s="276">
        <v>6</v>
      </c>
      <c r="AV21" s="280">
        <v>2</v>
      </c>
      <c r="AW21" s="277">
        <v>8</v>
      </c>
      <c r="AX21" s="279">
        <v>0</v>
      </c>
      <c r="AY21" s="280">
        <v>19</v>
      </c>
      <c r="AZ21" s="280">
        <v>15</v>
      </c>
      <c r="BA21" s="280">
        <v>16</v>
      </c>
      <c r="BB21" s="280">
        <v>13</v>
      </c>
      <c r="BC21" s="280">
        <v>5</v>
      </c>
      <c r="BD21" s="281">
        <v>68</v>
      </c>
      <c r="BE21" s="282">
        <v>76</v>
      </c>
      <c r="BF21" s="276">
        <v>0</v>
      </c>
      <c r="BG21" s="280">
        <v>0</v>
      </c>
      <c r="BH21" s="277">
        <v>0</v>
      </c>
      <c r="BI21" s="279">
        <v>0</v>
      </c>
      <c r="BJ21" s="280">
        <v>21</v>
      </c>
      <c r="BK21" s="280">
        <v>15</v>
      </c>
      <c r="BL21" s="280">
        <v>7</v>
      </c>
      <c r="BM21" s="280">
        <v>2</v>
      </c>
      <c r="BN21" s="280">
        <v>1</v>
      </c>
      <c r="BO21" s="277">
        <v>46</v>
      </c>
      <c r="BP21" s="282">
        <v>46</v>
      </c>
      <c r="BQ21" s="276">
        <v>2</v>
      </c>
      <c r="BR21" s="280">
        <v>3</v>
      </c>
      <c r="BS21" s="277">
        <v>5</v>
      </c>
      <c r="BT21" s="279">
        <v>0</v>
      </c>
      <c r="BU21" s="280">
        <v>12</v>
      </c>
      <c r="BV21" s="280">
        <v>5</v>
      </c>
      <c r="BW21" s="280">
        <v>3</v>
      </c>
      <c r="BX21" s="280">
        <v>3</v>
      </c>
      <c r="BY21" s="280">
        <v>0</v>
      </c>
      <c r="BZ21" s="277">
        <v>23</v>
      </c>
      <c r="CA21" s="282">
        <v>28</v>
      </c>
      <c r="CB21" s="276">
        <v>0</v>
      </c>
      <c r="CC21" s="280">
        <v>0</v>
      </c>
      <c r="CD21" s="277">
        <v>0</v>
      </c>
      <c r="CE21" s="279">
        <v>0</v>
      </c>
      <c r="CF21" s="280">
        <v>0</v>
      </c>
      <c r="CG21" s="280">
        <v>0</v>
      </c>
      <c r="CH21" s="280">
        <v>2</v>
      </c>
      <c r="CI21" s="280">
        <v>0</v>
      </c>
      <c r="CJ21" s="280">
        <v>0</v>
      </c>
      <c r="CK21" s="277">
        <v>2</v>
      </c>
      <c r="CL21" s="282">
        <v>2</v>
      </c>
      <c r="CM21" s="276">
        <v>0</v>
      </c>
      <c r="CN21" s="280">
        <v>0</v>
      </c>
      <c r="CO21" s="277">
        <v>0</v>
      </c>
      <c r="CP21" s="279">
        <v>0</v>
      </c>
      <c r="CQ21" s="280">
        <v>1</v>
      </c>
      <c r="CR21" s="280">
        <v>0</v>
      </c>
      <c r="CS21" s="280">
        <v>1</v>
      </c>
      <c r="CT21" s="280">
        <v>0</v>
      </c>
      <c r="CU21" s="280">
        <v>0</v>
      </c>
      <c r="CV21" s="277">
        <v>2</v>
      </c>
      <c r="CW21" s="282">
        <v>2</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3</v>
      </c>
      <c r="DU21" s="280">
        <v>9</v>
      </c>
      <c r="DV21" s="277">
        <v>12</v>
      </c>
      <c r="DW21" s="279">
        <v>0</v>
      </c>
      <c r="DX21" s="280">
        <v>30</v>
      </c>
      <c r="DY21" s="280">
        <v>29</v>
      </c>
      <c r="DZ21" s="280">
        <v>16</v>
      </c>
      <c r="EA21" s="280">
        <v>14</v>
      </c>
      <c r="EB21" s="280">
        <v>7</v>
      </c>
      <c r="EC21" s="277">
        <v>96</v>
      </c>
      <c r="ED21" s="282">
        <v>108</v>
      </c>
      <c r="EE21" s="276">
        <v>1</v>
      </c>
      <c r="EF21" s="280">
        <v>2</v>
      </c>
      <c r="EG21" s="277">
        <v>3</v>
      </c>
      <c r="EH21" s="279">
        <v>0</v>
      </c>
      <c r="EI21" s="280">
        <v>7</v>
      </c>
      <c r="EJ21" s="280">
        <v>7</v>
      </c>
      <c r="EK21" s="280">
        <v>5</v>
      </c>
      <c r="EL21" s="280">
        <v>3</v>
      </c>
      <c r="EM21" s="280">
        <v>0</v>
      </c>
      <c r="EN21" s="277">
        <v>22</v>
      </c>
      <c r="EO21" s="282">
        <v>25</v>
      </c>
      <c r="EP21" s="276">
        <v>7</v>
      </c>
      <c r="EQ21" s="280">
        <v>12</v>
      </c>
      <c r="ER21" s="277">
        <v>19</v>
      </c>
      <c r="ES21" s="279">
        <v>0</v>
      </c>
      <c r="ET21" s="280">
        <v>51</v>
      </c>
      <c r="EU21" s="280">
        <v>38</v>
      </c>
      <c r="EV21" s="280">
        <v>17</v>
      </c>
      <c r="EW21" s="280">
        <v>13</v>
      </c>
      <c r="EX21" s="280">
        <v>7</v>
      </c>
      <c r="EY21" s="277">
        <v>126</v>
      </c>
      <c r="EZ21" s="282">
        <v>145</v>
      </c>
    </row>
    <row r="22" spans="2:156" ht="21" customHeight="1" x14ac:dyDescent="0.2">
      <c r="B22" s="261" t="s">
        <v>20</v>
      </c>
      <c r="C22" s="276">
        <v>0</v>
      </c>
      <c r="D22" s="280">
        <v>0</v>
      </c>
      <c r="E22" s="384">
        <v>0</v>
      </c>
      <c r="F22" s="279">
        <v>0</v>
      </c>
      <c r="G22" s="280">
        <v>25</v>
      </c>
      <c r="H22" s="280">
        <v>17</v>
      </c>
      <c r="I22" s="280">
        <v>10</v>
      </c>
      <c r="J22" s="280">
        <v>7</v>
      </c>
      <c r="K22" s="280">
        <v>4</v>
      </c>
      <c r="L22" s="281">
        <v>63</v>
      </c>
      <c r="M22" s="282">
        <v>63</v>
      </c>
      <c r="N22" s="276">
        <v>0</v>
      </c>
      <c r="O22" s="280">
        <v>0</v>
      </c>
      <c r="P22" s="277">
        <v>0</v>
      </c>
      <c r="Q22" s="279">
        <v>0</v>
      </c>
      <c r="R22" s="280">
        <v>1</v>
      </c>
      <c r="S22" s="280">
        <v>0</v>
      </c>
      <c r="T22" s="280">
        <v>0</v>
      </c>
      <c r="U22" s="280">
        <v>1</v>
      </c>
      <c r="V22" s="280">
        <v>2</v>
      </c>
      <c r="W22" s="277">
        <v>4</v>
      </c>
      <c r="X22" s="282">
        <v>4</v>
      </c>
      <c r="Y22" s="276">
        <v>3</v>
      </c>
      <c r="Z22" s="280">
        <v>1</v>
      </c>
      <c r="AA22" s="277">
        <v>4</v>
      </c>
      <c r="AB22" s="279">
        <v>0</v>
      </c>
      <c r="AC22" s="280">
        <v>25</v>
      </c>
      <c r="AD22" s="280">
        <v>17</v>
      </c>
      <c r="AE22" s="280">
        <v>8</v>
      </c>
      <c r="AF22" s="280">
        <v>4</v>
      </c>
      <c r="AG22" s="280">
        <v>4</v>
      </c>
      <c r="AH22" s="277">
        <v>58</v>
      </c>
      <c r="AI22" s="282">
        <v>62</v>
      </c>
      <c r="AJ22" s="276">
        <v>1</v>
      </c>
      <c r="AK22" s="280">
        <v>2</v>
      </c>
      <c r="AL22" s="277">
        <v>3</v>
      </c>
      <c r="AM22" s="279">
        <v>0</v>
      </c>
      <c r="AN22" s="280">
        <v>6</v>
      </c>
      <c r="AO22" s="280">
        <v>9</v>
      </c>
      <c r="AP22" s="280">
        <v>5</v>
      </c>
      <c r="AQ22" s="280">
        <v>1</v>
      </c>
      <c r="AR22" s="280">
        <v>0</v>
      </c>
      <c r="AS22" s="277">
        <v>21</v>
      </c>
      <c r="AT22" s="282">
        <v>24</v>
      </c>
      <c r="AU22" s="276">
        <v>2</v>
      </c>
      <c r="AV22" s="280">
        <v>5</v>
      </c>
      <c r="AW22" s="277">
        <v>7</v>
      </c>
      <c r="AX22" s="279">
        <v>0</v>
      </c>
      <c r="AY22" s="280">
        <v>21</v>
      </c>
      <c r="AZ22" s="280">
        <v>19</v>
      </c>
      <c r="BA22" s="280">
        <v>23</v>
      </c>
      <c r="BB22" s="280">
        <v>18</v>
      </c>
      <c r="BC22" s="280">
        <v>10</v>
      </c>
      <c r="BD22" s="281">
        <v>91</v>
      </c>
      <c r="BE22" s="282">
        <v>98</v>
      </c>
      <c r="BF22" s="276">
        <v>0</v>
      </c>
      <c r="BG22" s="280">
        <v>0</v>
      </c>
      <c r="BH22" s="277">
        <v>0</v>
      </c>
      <c r="BI22" s="279">
        <v>0</v>
      </c>
      <c r="BJ22" s="280">
        <v>18</v>
      </c>
      <c r="BK22" s="280">
        <v>21</v>
      </c>
      <c r="BL22" s="280">
        <v>11</v>
      </c>
      <c r="BM22" s="280">
        <v>3</v>
      </c>
      <c r="BN22" s="280">
        <v>0</v>
      </c>
      <c r="BO22" s="277">
        <v>53</v>
      </c>
      <c r="BP22" s="282">
        <v>53</v>
      </c>
      <c r="BQ22" s="276">
        <v>3</v>
      </c>
      <c r="BR22" s="280">
        <v>4</v>
      </c>
      <c r="BS22" s="277">
        <v>7</v>
      </c>
      <c r="BT22" s="279">
        <v>0</v>
      </c>
      <c r="BU22" s="280">
        <v>11</v>
      </c>
      <c r="BV22" s="280">
        <v>11</v>
      </c>
      <c r="BW22" s="280">
        <v>9</v>
      </c>
      <c r="BX22" s="280">
        <v>5</v>
      </c>
      <c r="BY22" s="280">
        <v>0</v>
      </c>
      <c r="BZ22" s="277">
        <v>36</v>
      </c>
      <c r="CA22" s="282">
        <v>43</v>
      </c>
      <c r="CB22" s="276">
        <v>0</v>
      </c>
      <c r="CC22" s="280">
        <v>0</v>
      </c>
      <c r="CD22" s="277">
        <v>0</v>
      </c>
      <c r="CE22" s="279">
        <v>0</v>
      </c>
      <c r="CF22" s="280">
        <v>3</v>
      </c>
      <c r="CG22" s="280">
        <v>5</v>
      </c>
      <c r="CH22" s="280">
        <v>10</v>
      </c>
      <c r="CI22" s="280">
        <v>8</v>
      </c>
      <c r="CJ22" s="280">
        <v>0</v>
      </c>
      <c r="CK22" s="277">
        <v>26</v>
      </c>
      <c r="CL22" s="282">
        <v>26</v>
      </c>
      <c r="CM22" s="276">
        <v>0</v>
      </c>
      <c r="CN22" s="280">
        <v>0</v>
      </c>
      <c r="CO22" s="277">
        <v>0</v>
      </c>
      <c r="CP22" s="279">
        <v>0</v>
      </c>
      <c r="CQ22" s="280">
        <v>0</v>
      </c>
      <c r="CR22" s="280">
        <v>0</v>
      </c>
      <c r="CS22" s="280">
        <v>1</v>
      </c>
      <c r="CT22" s="280">
        <v>3</v>
      </c>
      <c r="CU22" s="280">
        <v>0</v>
      </c>
      <c r="CV22" s="277">
        <v>4</v>
      </c>
      <c r="CW22" s="282">
        <v>4</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9</v>
      </c>
      <c r="DU22" s="280">
        <v>21</v>
      </c>
      <c r="DV22" s="277">
        <v>30</v>
      </c>
      <c r="DW22" s="279">
        <v>0</v>
      </c>
      <c r="DX22" s="280">
        <v>41</v>
      </c>
      <c r="DY22" s="280">
        <v>40</v>
      </c>
      <c r="DZ22" s="280">
        <v>26</v>
      </c>
      <c r="EA22" s="280">
        <v>17</v>
      </c>
      <c r="EB22" s="280">
        <v>6</v>
      </c>
      <c r="EC22" s="277">
        <v>130</v>
      </c>
      <c r="ED22" s="282">
        <v>160</v>
      </c>
      <c r="EE22" s="276">
        <v>1</v>
      </c>
      <c r="EF22" s="280">
        <v>2</v>
      </c>
      <c r="EG22" s="277">
        <v>3</v>
      </c>
      <c r="EH22" s="279">
        <v>0</v>
      </c>
      <c r="EI22" s="280">
        <v>5</v>
      </c>
      <c r="EJ22" s="280">
        <v>6</v>
      </c>
      <c r="EK22" s="280">
        <v>7</v>
      </c>
      <c r="EL22" s="280">
        <v>6</v>
      </c>
      <c r="EM22" s="280">
        <v>6</v>
      </c>
      <c r="EN22" s="277">
        <v>30</v>
      </c>
      <c r="EO22" s="282">
        <v>33</v>
      </c>
      <c r="EP22" s="276">
        <v>15</v>
      </c>
      <c r="EQ22" s="280">
        <v>28</v>
      </c>
      <c r="ER22" s="277">
        <v>43</v>
      </c>
      <c r="ES22" s="279">
        <v>0</v>
      </c>
      <c r="ET22" s="280">
        <v>84</v>
      </c>
      <c r="EU22" s="280">
        <v>58</v>
      </c>
      <c r="EV22" s="280">
        <v>34</v>
      </c>
      <c r="EW22" s="280">
        <v>20</v>
      </c>
      <c r="EX22" s="280">
        <v>6</v>
      </c>
      <c r="EY22" s="277">
        <v>202</v>
      </c>
      <c r="EZ22" s="282">
        <v>245</v>
      </c>
    </row>
    <row r="23" spans="2:156" ht="21" customHeight="1" x14ac:dyDescent="0.2">
      <c r="B23" s="261" t="s">
        <v>21</v>
      </c>
      <c r="C23" s="276">
        <v>0</v>
      </c>
      <c r="D23" s="280">
        <v>0</v>
      </c>
      <c r="E23" s="384">
        <v>0</v>
      </c>
      <c r="F23" s="279">
        <v>0</v>
      </c>
      <c r="G23" s="280">
        <v>13</v>
      </c>
      <c r="H23" s="280">
        <v>13</v>
      </c>
      <c r="I23" s="280">
        <v>6</v>
      </c>
      <c r="J23" s="280">
        <v>7</v>
      </c>
      <c r="K23" s="280">
        <v>5</v>
      </c>
      <c r="L23" s="281">
        <v>44</v>
      </c>
      <c r="M23" s="282">
        <v>44</v>
      </c>
      <c r="N23" s="276">
        <v>0</v>
      </c>
      <c r="O23" s="280">
        <v>0</v>
      </c>
      <c r="P23" s="277">
        <v>0</v>
      </c>
      <c r="Q23" s="279">
        <v>0</v>
      </c>
      <c r="R23" s="280">
        <v>0</v>
      </c>
      <c r="S23" s="280">
        <v>0</v>
      </c>
      <c r="T23" s="280">
        <v>1</v>
      </c>
      <c r="U23" s="280">
        <v>0</v>
      </c>
      <c r="V23" s="280">
        <v>6</v>
      </c>
      <c r="W23" s="277">
        <v>7</v>
      </c>
      <c r="X23" s="282">
        <v>7</v>
      </c>
      <c r="Y23" s="276">
        <v>2</v>
      </c>
      <c r="Z23" s="280">
        <v>3</v>
      </c>
      <c r="AA23" s="277">
        <v>5</v>
      </c>
      <c r="AB23" s="279">
        <v>0</v>
      </c>
      <c r="AC23" s="280">
        <v>12</v>
      </c>
      <c r="AD23" s="280">
        <v>20</v>
      </c>
      <c r="AE23" s="280">
        <v>6</v>
      </c>
      <c r="AF23" s="280">
        <v>10</v>
      </c>
      <c r="AG23" s="280">
        <v>8</v>
      </c>
      <c r="AH23" s="277">
        <v>56</v>
      </c>
      <c r="AI23" s="282">
        <v>61</v>
      </c>
      <c r="AJ23" s="276">
        <v>0</v>
      </c>
      <c r="AK23" s="280">
        <v>1</v>
      </c>
      <c r="AL23" s="277">
        <v>1</v>
      </c>
      <c r="AM23" s="279">
        <v>0</v>
      </c>
      <c r="AN23" s="280">
        <v>1</v>
      </c>
      <c r="AO23" s="280">
        <v>3</v>
      </c>
      <c r="AP23" s="280">
        <v>2</v>
      </c>
      <c r="AQ23" s="280">
        <v>1</v>
      </c>
      <c r="AR23" s="280">
        <v>1</v>
      </c>
      <c r="AS23" s="277">
        <v>8</v>
      </c>
      <c r="AT23" s="282">
        <v>9</v>
      </c>
      <c r="AU23" s="276">
        <v>4</v>
      </c>
      <c r="AV23" s="280">
        <v>4</v>
      </c>
      <c r="AW23" s="277">
        <v>8</v>
      </c>
      <c r="AX23" s="279">
        <v>0</v>
      </c>
      <c r="AY23" s="280">
        <v>10</v>
      </c>
      <c r="AZ23" s="280">
        <v>17</v>
      </c>
      <c r="BA23" s="280">
        <v>11</v>
      </c>
      <c r="BB23" s="280">
        <v>20</v>
      </c>
      <c r="BC23" s="280">
        <v>10</v>
      </c>
      <c r="BD23" s="281">
        <v>68</v>
      </c>
      <c r="BE23" s="282">
        <v>76</v>
      </c>
      <c r="BF23" s="276">
        <v>0</v>
      </c>
      <c r="BG23" s="280">
        <v>0</v>
      </c>
      <c r="BH23" s="277">
        <v>0</v>
      </c>
      <c r="BI23" s="279">
        <v>0</v>
      </c>
      <c r="BJ23" s="280">
        <v>19</v>
      </c>
      <c r="BK23" s="280">
        <v>15</v>
      </c>
      <c r="BL23" s="280">
        <v>12</v>
      </c>
      <c r="BM23" s="280">
        <v>4</v>
      </c>
      <c r="BN23" s="280">
        <v>3</v>
      </c>
      <c r="BO23" s="277">
        <v>53</v>
      </c>
      <c r="BP23" s="282">
        <v>53</v>
      </c>
      <c r="BQ23" s="276">
        <v>2</v>
      </c>
      <c r="BR23" s="280">
        <v>0</v>
      </c>
      <c r="BS23" s="277">
        <v>2</v>
      </c>
      <c r="BT23" s="279">
        <v>0</v>
      </c>
      <c r="BU23" s="280">
        <v>8</v>
      </c>
      <c r="BV23" s="280">
        <v>10</v>
      </c>
      <c r="BW23" s="280">
        <v>1</v>
      </c>
      <c r="BX23" s="280">
        <v>1</v>
      </c>
      <c r="BY23" s="280">
        <v>0</v>
      </c>
      <c r="BZ23" s="277">
        <v>20</v>
      </c>
      <c r="CA23" s="282">
        <v>22</v>
      </c>
      <c r="CB23" s="276">
        <v>0</v>
      </c>
      <c r="CC23" s="280">
        <v>0</v>
      </c>
      <c r="CD23" s="277">
        <v>0</v>
      </c>
      <c r="CE23" s="279">
        <v>0</v>
      </c>
      <c r="CF23" s="280">
        <v>2</v>
      </c>
      <c r="CG23" s="280">
        <v>2</v>
      </c>
      <c r="CH23" s="280">
        <v>6</v>
      </c>
      <c r="CI23" s="280">
        <v>6</v>
      </c>
      <c r="CJ23" s="280">
        <v>3</v>
      </c>
      <c r="CK23" s="277">
        <v>19</v>
      </c>
      <c r="CL23" s="282">
        <v>19</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6</v>
      </c>
      <c r="DU23" s="280">
        <v>13</v>
      </c>
      <c r="DV23" s="277">
        <v>19</v>
      </c>
      <c r="DW23" s="279">
        <v>0</v>
      </c>
      <c r="DX23" s="280">
        <v>16</v>
      </c>
      <c r="DY23" s="280">
        <v>41</v>
      </c>
      <c r="DZ23" s="280">
        <v>25</v>
      </c>
      <c r="EA23" s="280">
        <v>18</v>
      </c>
      <c r="EB23" s="280">
        <v>10</v>
      </c>
      <c r="EC23" s="277">
        <v>110</v>
      </c>
      <c r="ED23" s="282">
        <v>129</v>
      </c>
      <c r="EE23" s="276">
        <v>1</v>
      </c>
      <c r="EF23" s="280">
        <v>1</v>
      </c>
      <c r="EG23" s="277">
        <v>2</v>
      </c>
      <c r="EH23" s="279">
        <v>0</v>
      </c>
      <c r="EI23" s="280">
        <v>6</v>
      </c>
      <c r="EJ23" s="280">
        <v>3</v>
      </c>
      <c r="EK23" s="280">
        <v>5</v>
      </c>
      <c r="EL23" s="280">
        <v>7</v>
      </c>
      <c r="EM23" s="280">
        <v>1</v>
      </c>
      <c r="EN23" s="277">
        <v>22</v>
      </c>
      <c r="EO23" s="282">
        <v>24</v>
      </c>
      <c r="EP23" s="276">
        <v>11</v>
      </c>
      <c r="EQ23" s="280">
        <v>16</v>
      </c>
      <c r="ER23" s="277">
        <v>27</v>
      </c>
      <c r="ES23" s="279">
        <v>0</v>
      </c>
      <c r="ET23" s="280">
        <v>50</v>
      </c>
      <c r="EU23" s="280">
        <v>54</v>
      </c>
      <c r="EV23" s="280">
        <v>29</v>
      </c>
      <c r="EW23" s="280">
        <v>21</v>
      </c>
      <c r="EX23" s="280">
        <v>9</v>
      </c>
      <c r="EY23" s="277">
        <v>163</v>
      </c>
      <c r="EZ23" s="282">
        <v>190</v>
      </c>
    </row>
    <row r="24" spans="2:156" ht="21" customHeight="1" x14ac:dyDescent="0.2">
      <c r="B24" s="261" t="s">
        <v>22</v>
      </c>
      <c r="C24" s="276">
        <v>0</v>
      </c>
      <c r="D24" s="280">
        <v>0</v>
      </c>
      <c r="E24" s="384">
        <v>0</v>
      </c>
      <c r="F24" s="279">
        <v>0</v>
      </c>
      <c r="G24" s="280">
        <v>7</v>
      </c>
      <c r="H24" s="280">
        <v>6</v>
      </c>
      <c r="I24" s="280">
        <v>2</v>
      </c>
      <c r="J24" s="280">
        <v>5</v>
      </c>
      <c r="K24" s="280">
        <v>1</v>
      </c>
      <c r="L24" s="281">
        <v>21</v>
      </c>
      <c r="M24" s="282">
        <v>21</v>
      </c>
      <c r="N24" s="276">
        <v>0</v>
      </c>
      <c r="O24" s="280">
        <v>0</v>
      </c>
      <c r="P24" s="277">
        <v>0</v>
      </c>
      <c r="Q24" s="279">
        <v>0</v>
      </c>
      <c r="R24" s="280">
        <v>1</v>
      </c>
      <c r="S24" s="280">
        <v>0</v>
      </c>
      <c r="T24" s="280">
        <v>0</v>
      </c>
      <c r="U24" s="280">
        <v>1</v>
      </c>
      <c r="V24" s="280">
        <v>0</v>
      </c>
      <c r="W24" s="277">
        <v>2</v>
      </c>
      <c r="X24" s="282">
        <v>2</v>
      </c>
      <c r="Y24" s="276">
        <v>0</v>
      </c>
      <c r="Z24" s="280">
        <v>1</v>
      </c>
      <c r="AA24" s="277">
        <v>1</v>
      </c>
      <c r="AB24" s="279">
        <v>0</v>
      </c>
      <c r="AC24" s="280">
        <v>3</v>
      </c>
      <c r="AD24" s="280">
        <v>3</v>
      </c>
      <c r="AE24" s="280">
        <v>5</v>
      </c>
      <c r="AF24" s="280">
        <v>4</v>
      </c>
      <c r="AG24" s="280">
        <v>2</v>
      </c>
      <c r="AH24" s="277">
        <v>17</v>
      </c>
      <c r="AI24" s="282">
        <v>18</v>
      </c>
      <c r="AJ24" s="276">
        <v>0</v>
      </c>
      <c r="AK24" s="280">
        <v>0</v>
      </c>
      <c r="AL24" s="277">
        <v>0</v>
      </c>
      <c r="AM24" s="279">
        <v>0</v>
      </c>
      <c r="AN24" s="280">
        <v>0</v>
      </c>
      <c r="AO24" s="280">
        <v>1</v>
      </c>
      <c r="AP24" s="280">
        <v>1</v>
      </c>
      <c r="AQ24" s="280">
        <v>0</v>
      </c>
      <c r="AR24" s="280">
        <v>0</v>
      </c>
      <c r="AS24" s="277">
        <v>2</v>
      </c>
      <c r="AT24" s="282">
        <v>2</v>
      </c>
      <c r="AU24" s="276">
        <v>0</v>
      </c>
      <c r="AV24" s="280">
        <v>1</v>
      </c>
      <c r="AW24" s="277">
        <v>1</v>
      </c>
      <c r="AX24" s="279">
        <v>0</v>
      </c>
      <c r="AY24" s="280">
        <v>6</v>
      </c>
      <c r="AZ24" s="280">
        <v>7</v>
      </c>
      <c r="BA24" s="280">
        <v>5</v>
      </c>
      <c r="BB24" s="280">
        <v>5</v>
      </c>
      <c r="BC24" s="280">
        <v>2</v>
      </c>
      <c r="BD24" s="281">
        <v>25</v>
      </c>
      <c r="BE24" s="282">
        <v>26</v>
      </c>
      <c r="BF24" s="276">
        <v>0</v>
      </c>
      <c r="BG24" s="280">
        <v>0</v>
      </c>
      <c r="BH24" s="277">
        <v>0</v>
      </c>
      <c r="BI24" s="279">
        <v>0</v>
      </c>
      <c r="BJ24" s="280">
        <v>9</v>
      </c>
      <c r="BK24" s="280">
        <v>5</v>
      </c>
      <c r="BL24" s="280">
        <v>8</v>
      </c>
      <c r="BM24" s="280">
        <v>4</v>
      </c>
      <c r="BN24" s="280">
        <v>2</v>
      </c>
      <c r="BO24" s="277">
        <v>28</v>
      </c>
      <c r="BP24" s="282">
        <v>28</v>
      </c>
      <c r="BQ24" s="276">
        <v>0</v>
      </c>
      <c r="BR24" s="280">
        <v>1</v>
      </c>
      <c r="BS24" s="277">
        <v>1</v>
      </c>
      <c r="BT24" s="279">
        <v>0</v>
      </c>
      <c r="BU24" s="280">
        <v>2</v>
      </c>
      <c r="BV24" s="280">
        <v>2</v>
      </c>
      <c r="BW24" s="280">
        <v>3</v>
      </c>
      <c r="BX24" s="280">
        <v>1</v>
      </c>
      <c r="BY24" s="280">
        <v>1</v>
      </c>
      <c r="BZ24" s="277">
        <v>9</v>
      </c>
      <c r="CA24" s="282">
        <v>10</v>
      </c>
      <c r="CB24" s="276">
        <v>0</v>
      </c>
      <c r="CC24" s="280">
        <v>0</v>
      </c>
      <c r="CD24" s="277">
        <v>0</v>
      </c>
      <c r="CE24" s="279">
        <v>0</v>
      </c>
      <c r="CF24" s="280">
        <v>1</v>
      </c>
      <c r="CG24" s="280">
        <v>0</v>
      </c>
      <c r="CH24" s="280">
        <v>2</v>
      </c>
      <c r="CI24" s="280">
        <v>4</v>
      </c>
      <c r="CJ24" s="280">
        <v>0</v>
      </c>
      <c r="CK24" s="277">
        <v>7</v>
      </c>
      <c r="CL24" s="282">
        <v>7</v>
      </c>
      <c r="CM24" s="276">
        <v>0</v>
      </c>
      <c r="CN24" s="280">
        <v>0</v>
      </c>
      <c r="CO24" s="277">
        <v>0</v>
      </c>
      <c r="CP24" s="279">
        <v>0</v>
      </c>
      <c r="CQ24" s="280">
        <v>0</v>
      </c>
      <c r="CR24" s="280">
        <v>0</v>
      </c>
      <c r="CS24" s="280">
        <v>1</v>
      </c>
      <c r="CT24" s="280">
        <v>1</v>
      </c>
      <c r="CU24" s="280">
        <v>0</v>
      </c>
      <c r="CV24" s="277">
        <v>2</v>
      </c>
      <c r="CW24" s="282">
        <v>2</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1</v>
      </c>
      <c r="DU24" s="280">
        <v>8</v>
      </c>
      <c r="DV24" s="277">
        <v>9</v>
      </c>
      <c r="DW24" s="279">
        <v>0</v>
      </c>
      <c r="DX24" s="280">
        <v>14</v>
      </c>
      <c r="DY24" s="280">
        <v>15</v>
      </c>
      <c r="DZ24" s="280">
        <v>10</v>
      </c>
      <c r="EA24" s="280">
        <v>11</v>
      </c>
      <c r="EB24" s="280">
        <v>5</v>
      </c>
      <c r="EC24" s="277">
        <v>55</v>
      </c>
      <c r="ED24" s="282">
        <v>64</v>
      </c>
      <c r="EE24" s="276">
        <v>0</v>
      </c>
      <c r="EF24" s="280">
        <v>1</v>
      </c>
      <c r="EG24" s="277">
        <v>1</v>
      </c>
      <c r="EH24" s="279">
        <v>0</v>
      </c>
      <c r="EI24" s="280">
        <v>4</v>
      </c>
      <c r="EJ24" s="280">
        <v>3</v>
      </c>
      <c r="EK24" s="280">
        <v>1</v>
      </c>
      <c r="EL24" s="280">
        <v>2</v>
      </c>
      <c r="EM24" s="280">
        <v>0</v>
      </c>
      <c r="EN24" s="277">
        <v>10</v>
      </c>
      <c r="EO24" s="282">
        <v>11</v>
      </c>
      <c r="EP24" s="276">
        <v>1</v>
      </c>
      <c r="EQ24" s="280">
        <v>9</v>
      </c>
      <c r="ER24" s="277">
        <v>10</v>
      </c>
      <c r="ES24" s="279">
        <v>0</v>
      </c>
      <c r="ET24" s="280">
        <v>25</v>
      </c>
      <c r="EU24" s="280">
        <v>19</v>
      </c>
      <c r="EV24" s="280">
        <v>14</v>
      </c>
      <c r="EW24" s="280">
        <v>12</v>
      </c>
      <c r="EX24" s="280">
        <v>5</v>
      </c>
      <c r="EY24" s="277">
        <v>75</v>
      </c>
      <c r="EZ24" s="282">
        <v>85</v>
      </c>
    </row>
    <row r="25" spans="2:156" ht="21" customHeight="1" x14ac:dyDescent="0.2">
      <c r="B25" s="261" t="s">
        <v>23</v>
      </c>
      <c r="C25" s="276">
        <v>0</v>
      </c>
      <c r="D25" s="280">
        <v>0</v>
      </c>
      <c r="E25" s="384">
        <v>0</v>
      </c>
      <c r="F25" s="279">
        <v>0</v>
      </c>
      <c r="G25" s="280">
        <v>6</v>
      </c>
      <c r="H25" s="280">
        <v>9</v>
      </c>
      <c r="I25" s="280">
        <v>4</v>
      </c>
      <c r="J25" s="280">
        <v>2</v>
      </c>
      <c r="K25" s="280">
        <v>2</v>
      </c>
      <c r="L25" s="281">
        <v>23</v>
      </c>
      <c r="M25" s="282">
        <v>23</v>
      </c>
      <c r="N25" s="276">
        <v>0</v>
      </c>
      <c r="O25" s="280">
        <v>0</v>
      </c>
      <c r="P25" s="277">
        <v>0</v>
      </c>
      <c r="Q25" s="279">
        <v>0</v>
      </c>
      <c r="R25" s="280">
        <v>0</v>
      </c>
      <c r="S25" s="280">
        <v>1</v>
      </c>
      <c r="T25" s="280">
        <v>0</v>
      </c>
      <c r="U25" s="280">
        <v>0</v>
      </c>
      <c r="V25" s="280">
        <v>0</v>
      </c>
      <c r="W25" s="277">
        <v>1</v>
      </c>
      <c r="X25" s="282">
        <v>1</v>
      </c>
      <c r="Y25" s="276">
        <v>3</v>
      </c>
      <c r="Z25" s="280">
        <v>4</v>
      </c>
      <c r="AA25" s="277">
        <v>7</v>
      </c>
      <c r="AB25" s="279">
        <v>0</v>
      </c>
      <c r="AC25" s="280">
        <v>7</v>
      </c>
      <c r="AD25" s="280">
        <v>12</v>
      </c>
      <c r="AE25" s="280">
        <v>4</v>
      </c>
      <c r="AF25" s="280">
        <v>2</v>
      </c>
      <c r="AG25" s="280">
        <v>1</v>
      </c>
      <c r="AH25" s="277">
        <v>26</v>
      </c>
      <c r="AI25" s="282">
        <v>33</v>
      </c>
      <c r="AJ25" s="276">
        <v>0</v>
      </c>
      <c r="AK25" s="280">
        <v>0</v>
      </c>
      <c r="AL25" s="277">
        <v>0</v>
      </c>
      <c r="AM25" s="279">
        <v>0</v>
      </c>
      <c r="AN25" s="280">
        <v>0</v>
      </c>
      <c r="AO25" s="280">
        <v>0</v>
      </c>
      <c r="AP25" s="280">
        <v>0</v>
      </c>
      <c r="AQ25" s="280">
        <v>0</v>
      </c>
      <c r="AR25" s="280">
        <v>0</v>
      </c>
      <c r="AS25" s="277">
        <v>0</v>
      </c>
      <c r="AT25" s="282">
        <v>0</v>
      </c>
      <c r="AU25" s="276">
        <v>2</v>
      </c>
      <c r="AV25" s="280">
        <v>0</v>
      </c>
      <c r="AW25" s="277">
        <v>2</v>
      </c>
      <c r="AX25" s="279">
        <v>0</v>
      </c>
      <c r="AY25" s="280">
        <v>18</v>
      </c>
      <c r="AZ25" s="280">
        <v>10</v>
      </c>
      <c r="BA25" s="280">
        <v>8</v>
      </c>
      <c r="BB25" s="280">
        <v>10</v>
      </c>
      <c r="BC25" s="280">
        <v>7</v>
      </c>
      <c r="BD25" s="281">
        <v>53</v>
      </c>
      <c r="BE25" s="282">
        <v>55</v>
      </c>
      <c r="BF25" s="276">
        <v>0</v>
      </c>
      <c r="BG25" s="280">
        <v>0</v>
      </c>
      <c r="BH25" s="277">
        <v>0</v>
      </c>
      <c r="BI25" s="279">
        <v>0</v>
      </c>
      <c r="BJ25" s="280">
        <v>14</v>
      </c>
      <c r="BK25" s="280">
        <v>13</v>
      </c>
      <c r="BL25" s="280">
        <v>7</v>
      </c>
      <c r="BM25" s="280">
        <v>2</v>
      </c>
      <c r="BN25" s="280">
        <v>1</v>
      </c>
      <c r="BO25" s="277">
        <v>37</v>
      </c>
      <c r="BP25" s="282">
        <v>37</v>
      </c>
      <c r="BQ25" s="276">
        <v>0</v>
      </c>
      <c r="BR25" s="280">
        <v>0</v>
      </c>
      <c r="BS25" s="277">
        <v>0</v>
      </c>
      <c r="BT25" s="279">
        <v>0</v>
      </c>
      <c r="BU25" s="280">
        <v>3</v>
      </c>
      <c r="BV25" s="280">
        <v>4</v>
      </c>
      <c r="BW25" s="280">
        <v>3</v>
      </c>
      <c r="BX25" s="280">
        <v>1</v>
      </c>
      <c r="BY25" s="280">
        <v>2</v>
      </c>
      <c r="BZ25" s="277">
        <v>13</v>
      </c>
      <c r="CA25" s="282">
        <v>13</v>
      </c>
      <c r="CB25" s="276">
        <v>0</v>
      </c>
      <c r="CC25" s="280">
        <v>0</v>
      </c>
      <c r="CD25" s="277">
        <v>0</v>
      </c>
      <c r="CE25" s="279">
        <v>0</v>
      </c>
      <c r="CF25" s="280">
        <v>1</v>
      </c>
      <c r="CG25" s="280">
        <v>1</v>
      </c>
      <c r="CH25" s="280">
        <v>5</v>
      </c>
      <c r="CI25" s="280">
        <v>3</v>
      </c>
      <c r="CJ25" s="280">
        <v>1</v>
      </c>
      <c r="CK25" s="277">
        <v>11</v>
      </c>
      <c r="CL25" s="282">
        <v>11</v>
      </c>
      <c r="CM25" s="276">
        <v>0</v>
      </c>
      <c r="CN25" s="280">
        <v>1</v>
      </c>
      <c r="CO25" s="277">
        <v>1</v>
      </c>
      <c r="CP25" s="279">
        <v>0</v>
      </c>
      <c r="CQ25" s="280">
        <v>1</v>
      </c>
      <c r="CR25" s="280">
        <v>0</v>
      </c>
      <c r="CS25" s="280">
        <v>0</v>
      </c>
      <c r="CT25" s="280">
        <v>0</v>
      </c>
      <c r="CU25" s="280">
        <v>1</v>
      </c>
      <c r="CV25" s="277">
        <v>2</v>
      </c>
      <c r="CW25" s="282">
        <v>3</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3</v>
      </c>
      <c r="DU25" s="280">
        <v>9</v>
      </c>
      <c r="DV25" s="277">
        <v>12</v>
      </c>
      <c r="DW25" s="279">
        <v>0</v>
      </c>
      <c r="DX25" s="280">
        <v>13</v>
      </c>
      <c r="DY25" s="280">
        <v>20</v>
      </c>
      <c r="DZ25" s="280">
        <v>8</v>
      </c>
      <c r="EA25" s="280">
        <v>4</v>
      </c>
      <c r="EB25" s="280">
        <v>3</v>
      </c>
      <c r="EC25" s="277">
        <v>48</v>
      </c>
      <c r="ED25" s="282">
        <v>60</v>
      </c>
      <c r="EE25" s="276">
        <v>2</v>
      </c>
      <c r="EF25" s="280">
        <v>0</v>
      </c>
      <c r="EG25" s="277">
        <v>2</v>
      </c>
      <c r="EH25" s="279">
        <v>0</v>
      </c>
      <c r="EI25" s="280">
        <v>9</v>
      </c>
      <c r="EJ25" s="280">
        <v>0</v>
      </c>
      <c r="EK25" s="280">
        <v>0</v>
      </c>
      <c r="EL25" s="280">
        <v>4</v>
      </c>
      <c r="EM25" s="280">
        <v>3</v>
      </c>
      <c r="EN25" s="277">
        <v>16</v>
      </c>
      <c r="EO25" s="282">
        <v>18</v>
      </c>
      <c r="EP25" s="276">
        <v>6</v>
      </c>
      <c r="EQ25" s="280">
        <v>12</v>
      </c>
      <c r="ER25" s="277">
        <v>18</v>
      </c>
      <c r="ES25" s="279">
        <v>0</v>
      </c>
      <c r="ET25" s="280">
        <v>33</v>
      </c>
      <c r="EU25" s="280">
        <v>27</v>
      </c>
      <c r="EV25" s="280">
        <v>13</v>
      </c>
      <c r="EW25" s="280">
        <v>5</v>
      </c>
      <c r="EX25" s="280">
        <v>3</v>
      </c>
      <c r="EY25" s="277">
        <v>81</v>
      </c>
      <c r="EZ25" s="282">
        <v>99</v>
      </c>
    </row>
    <row r="26" spans="2:156" ht="21" customHeight="1" x14ac:dyDescent="0.2">
      <c r="B26" s="261" t="s">
        <v>24</v>
      </c>
      <c r="C26" s="276">
        <v>0</v>
      </c>
      <c r="D26" s="280">
        <v>0</v>
      </c>
      <c r="E26" s="384">
        <v>0</v>
      </c>
      <c r="F26" s="279">
        <v>0</v>
      </c>
      <c r="G26" s="280">
        <v>6</v>
      </c>
      <c r="H26" s="280">
        <v>5</v>
      </c>
      <c r="I26" s="280">
        <v>5</v>
      </c>
      <c r="J26" s="280">
        <v>1</v>
      </c>
      <c r="K26" s="280">
        <v>4</v>
      </c>
      <c r="L26" s="281">
        <v>21</v>
      </c>
      <c r="M26" s="282">
        <v>21</v>
      </c>
      <c r="N26" s="276">
        <v>0</v>
      </c>
      <c r="O26" s="280">
        <v>0</v>
      </c>
      <c r="P26" s="277">
        <v>0</v>
      </c>
      <c r="Q26" s="279">
        <v>0</v>
      </c>
      <c r="R26" s="280">
        <v>0</v>
      </c>
      <c r="S26" s="280">
        <v>1</v>
      </c>
      <c r="T26" s="280">
        <v>0</v>
      </c>
      <c r="U26" s="280">
        <v>2</v>
      </c>
      <c r="V26" s="280">
        <v>2</v>
      </c>
      <c r="W26" s="277">
        <v>5</v>
      </c>
      <c r="X26" s="282">
        <v>5</v>
      </c>
      <c r="Y26" s="276">
        <v>2</v>
      </c>
      <c r="Z26" s="280">
        <v>2</v>
      </c>
      <c r="AA26" s="277">
        <v>4</v>
      </c>
      <c r="AB26" s="279">
        <v>0</v>
      </c>
      <c r="AC26" s="280">
        <v>6</v>
      </c>
      <c r="AD26" s="280">
        <v>5</v>
      </c>
      <c r="AE26" s="280">
        <v>7</v>
      </c>
      <c r="AF26" s="280">
        <v>2</v>
      </c>
      <c r="AG26" s="280">
        <v>3</v>
      </c>
      <c r="AH26" s="277">
        <v>23</v>
      </c>
      <c r="AI26" s="282">
        <v>27</v>
      </c>
      <c r="AJ26" s="276">
        <v>0</v>
      </c>
      <c r="AK26" s="280">
        <v>0</v>
      </c>
      <c r="AL26" s="277">
        <v>0</v>
      </c>
      <c r="AM26" s="279">
        <v>0</v>
      </c>
      <c r="AN26" s="280">
        <v>1</v>
      </c>
      <c r="AO26" s="280">
        <v>2</v>
      </c>
      <c r="AP26" s="280">
        <v>0</v>
      </c>
      <c r="AQ26" s="280">
        <v>1</v>
      </c>
      <c r="AR26" s="280">
        <v>0</v>
      </c>
      <c r="AS26" s="277">
        <v>4</v>
      </c>
      <c r="AT26" s="282">
        <v>4</v>
      </c>
      <c r="AU26" s="276">
        <v>3</v>
      </c>
      <c r="AV26" s="280">
        <v>0</v>
      </c>
      <c r="AW26" s="277">
        <v>3</v>
      </c>
      <c r="AX26" s="279">
        <v>0</v>
      </c>
      <c r="AY26" s="280">
        <v>11</v>
      </c>
      <c r="AZ26" s="280">
        <v>9</v>
      </c>
      <c r="BA26" s="280">
        <v>15</v>
      </c>
      <c r="BB26" s="280">
        <v>4</v>
      </c>
      <c r="BC26" s="280">
        <v>9</v>
      </c>
      <c r="BD26" s="281">
        <v>48</v>
      </c>
      <c r="BE26" s="282">
        <v>51</v>
      </c>
      <c r="BF26" s="276">
        <v>0</v>
      </c>
      <c r="BG26" s="280">
        <v>0</v>
      </c>
      <c r="BH26" s="277">
        <v>0</v>
      </c>
      <c r="BI26" s="279">
        <v>0</v>
      </c>
      <c r="BJ26" s="280">
        <v>15</v>
      </c>
      <c r="BK26" s="280">
        <v>7</v>
      </c>
      <c r="BL26" s="280">
        <v>4</v>
      </c>
      <c r="BM26" s="280">
        <v>0</v>
      </c>
      <c r="BN26" s="280">
        <v>1</v>
      </c>
      <c r="BO26" s="277">
        <v>27</v>
      </c>
      <c r="BP26" s="282">
        <v>27</v>
      </c>
      <c r="BQ26" s="276">
        <v>3</v>
      </c>
      <c r="BR26" s="280">
        <v>2</v>
      </c>
      <c r="BS26" s="277">
        <v>5</v>
      </c>
      <c r="BT26" s="279">
        <v>0</v>
      </c>
      <c r="BU26" s="280">
        <v>1</v>
      </c>
      <c r="BV26" s="280">
        <v>4</v>
      </c>
      <c r="BW26" s="280">
        <v>5</v>
      </c>
      <c r="BX26" s="280">
        <v>0</v>
      </c>
      <c r="BY26" s="280">
        <v>0</v>
      </c>
      <c r="BZ26" s="277">
        <v>10</v>
      </c>
      <c r="CA26" s="282">
        <v>15</v>
      </c>
      <c r="CB26" s="276">
        <v>0</v>
      </c>
      <c r="CC26" s="280">
        <v>0</v>
      </c>
      <c r="CD26" s="277">
        <v>0</v>
      </c>
      <c r="CE26" s="279">
        <v>0</v>
      </c>
      <c r="CF26" s="280">
        <v>2</v>
      </c>
      <c r="CG26" s="280">
        <v>2</v>
      </c>
      <c r="CH26" s="280">
        <v>2</v>
      </c>
      <c r="CI26" s="280">
        <v>1</v>
      </c>
      <c r="CJ26" s="280">
        <v>0</v>
      </c>
      <c r="CK26" s="277">
        <v>7</v>
      </c>
      <c r="CL26" s="282">
        <v>7</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11</v>
      </c>
      <c r="DU26" s="280">
        <v>5</v>
      </c>
      <c r="DV26" s="277">
        <v>16</v>
      </c>
      <c r="DW26" s="279">
        <v>0</v>
      </c>
      <c r="DX26" s="280">
        <v>14</v>
      </c>
      <c r="DY26" s="280">
        <v>20</v>
      </c>
      <c r="DZ26" s="280">
        <v>16</v>
      </c>
      <c r="EA26" s="280">
        <v>3</v>
      </c>
      <c r="EB26" s="280">
        <v>4</v>
      </c>
      <c r="EC26" s="277">
        <v>57</v>
      </c>
      <c r="ED26" s="282">
        <v>73</v>
      </c>
      <c r="EE26" s="276">
        <v>4</v>
      </c>
      <c r="EF26" s="280">
        <v>1</v>
      </c>
      <c r="EG26" s="277">
        <v>5</v>
      </c>
      <c r="EH26" s="279">
        <v>0</v>
      </c>
      <c r="EI26" s="280">
        <v>2</v>
      </c>
      <c r="EJ26" s="280">
        <v>5</v>
      </c>
      <c r="EK26" s="280">
        <v>3</v>
      </c>
      <c r="EL26" s="280">
        <v>2</v>
      </c>
      <c r="EM26" s="280">
        <v>3</v>
      </c>
      <c r="EN26" s="277">
        <v>15</v>
      </c>
      <c r="EO26" s="282">
        <v>20</v>
      </c>
      <c r="EP26" s="276">
        <v>14</v>
      </c>
      <c r="EQ26" s="280">
        <v>6</v>
      </c>
      <c r="ER26" s="277">
        <v>20</v>
      </c>
      <c r="ES26" s="279">
        <v>0</v>
      </c>
      <c r="ET26" s="280">
        <v>31</v>
      </c>
      <c r="EU26" s="280">
        <v>23</v>
      </c>
      <c r="EV26" s="280">
        <v>20</v>
      </c>
      <c r="EW26" s="280">
        <v>3</v>
      </c>
      <c r="EX26" s="280">
        <v>5</v>
      </c>
      <c r="EY26" s="277">
        <v>82</v>
      </c>
      <c r="EZ26" s="282">
        <v>102</v>
      </c>
    </row>
    <row r="27" spans="2:156" ht="21" customHeight="1" x14ac:dyDescent="0.2">
      <c r="B27" s="261" t="s">
        <v>25</v>
      </c>
      <c r="C27" s="276">
        <v>0</v>
      </c>
      <c r="D27" s="280">
        <v>0</v>
      </c>
      <c r="E27" s="384">
        <v>0</v>
      </c>
      <c r="F27" s="279">
        <v>0</v>
      </c>
      <c r="G27" s="280">
        <v>7</v>
      </c>
      <c r="H27" s="280">
        <v>3</v>
      </c>
      <c r="I27" s="280">
        <v>5</v>
      </c>
      <c r="J27" s="280">
        <v>0</v>
      </c>
      <c r="K27" s="280">
        <v>0</v>
      </c>
      <c r="L27" s="281">
        <v>15</v>
      </c>
      <c r="M27" s="282">
        <v>15</v>
      </c>
      <c r="N27" s="276">
        <v>0</v>
      </c>
      <c r="O27" s="280">
        <v>0</v>
      </c>
      <c r="P27" s="277">
        <v>0</v>
      </c>
      <c r="Q27" s="279">
        <v>0</v>
      </c>
      <c r="R27" s="280">
        <v>0</v>
      </c>
      <c r="S27" s="280">
        <v>0</v>
      </c>
      <c r="T27" s="280">
        <v>2</v>
      </c>
      <c r="U27" s="280">
        <v>0</v>
      </c>
      <c r="V27" s="280">
        <v>0</v>
      </c>
      <c r="W27" s="277">
        <v>2</v>
      </c>
      <c r="X27" s="282">
        <v>2</v>
      </c>
      <c r="Y27" s="276">
        <v>0</v>
      </c>
      <c r="Z27" s="280">
        <v>2</v>
      </c>
      <c r="AA27" s="277">
        <v>2</v>
      </c>
      <c r="AB27" s="279">
        <v>0</v>
      </c>
      <c r="AC27" s="280">
        <v>4</v>
      </c>
      <c r="AD27" s="280">
        <v>4</v>
      </c>
      <c r="AE27" s="280">
        <v>3</v>
      </c>
      <c r="AF27" s="280">
        <v>4</v>
      </c>
      <c r="AG27" s="280">
        <v>0</v>
      </c>
      <c r="AH27" s="277">
        <v>15</v>
      </c>
      <c r="AI27" s="282">
        <v>17</v>
      </c>
      <c r="AJ27" s="276">
        <v>0</v>
      </c>
      <c r="AK27" s="280">
        <v>2</v>
      </c>
      <c r="AL27" s="277">
        <v>2</v>
      </c>
      <c r="AM27" s="279">
        <v>0</v>
      </c>
      <c r="AN27" s="280">
        <v>0</v>
      </c>
      <c r="AO27" s="280">
        <v>0</v>
      </c>
      <c r="AP27" s="280">
        <v>1</v>
      </c>
      <c r="AQ27" s="280">
        <v>0</v>
      </c>
      <c r="AR27" s="280">
        <v>0</v>
      </c>
      <c r="AS27" s="277">
        <v>1</v>
      </c>
      <c r="AT27" s="282">
        <v>3</v>
      </c>
      <c r="AU27" s="276">
        <v>0</v>
      </c>
      <c r="AV27" s="280">
        <v>2</v>
      </c>
      <c r="AW27" s="277">
        <v>2</v>
      </c>
      <c r="AX27" s="279">
        <v>0</v>
      </c>
      <c r="AY27" s="280">
        <v>5</v>
      </c>
      <c r="AZ27" s="280">
        <v>1</v>
      </c>
      <c r="BA27" s="280">
        <v>4</v>
      </c>
      <c r="BB27" s="280">
        <v>2</v>
      </c>
      <c r="BC27" s="280">
        <v>2</v>
      </c>
      <c r="BD27" s="281">
        <v>14</v>
      </c>
      <c r="BE27" s="282">
        <v>16</v>
      </c>
      <c r="BF27" s="276">
        <v>0</v>
      </c>
      <c r="BG27" s="280">
        <v>0</v>
      </c>
      <c r="BH27" s="277">
        <v>0</v>
      </c>
      <c r="BI27" s="279">
        <v>0</v>
      </c>
      <c r="BJ27" s="280">
        <v>6</v>
      </c>
      <c r="BK27" s="280">
        <v>3</v>
      </c>
      <c r="BL27" s="280">
        <v>2</v>
      </c>
      <c r="BM27" s="280">
        <v>2</v>
      </c>
      <c r="BN27" s="280">
        <v>0</v>
      </c>
      <c r="BO27" s="277">
        <v>13</v>
      </c>
      <c r="BP27" s="282">
        <v>13</v>
      </c>
      <c r="BQ27" s="276">
        <v>4</v>
      </c>
      <c r="BR27" s="280">
        <v>1</v>
      </c>
      <c r="BS27" s="277">
        <v>5</v>
      </c>
      <c r="BT27" s="279">
        <v>0</v>
      </c>
      <c r="BU27" s="280">
        <v>1</v>
      </c>
      <c r="BV27" s="280">
        <v>4</v>
      </c>
      <c r="BW27" s="280">
        <v>4</v>
      </c>
      <c r="BX27" s="280">
        <v>1</v>
      </c>
      <c r="BY27" s="280">
        <v>0</v>
      </c>
      <c r="BZ27" s="277">
        <v>10</v>
      </c>
      <c r="CA27" s="282">
        <v>15</v>
      </c>
      <c r="CB27" s="276">
        <v>0</v>
      </c>
      <c r="CC27" s="280">
        <v>0</v>
      </c>
      <c r="CD27" s="277">
        <v>0</v>
      </c>
      <c r="CE27" s="279">
        <v>0</v>
      </c>
      <c r="CF27" s="280">
        <v>1</v>
      </c>
      <c r="CG27" s="280">
        <v>0</v>
      </c>
      <c r="CH27" s="280">
        <v>0</v>
      </c>
      <c r="CI27" s="280">
        <v>2</v>
      </c>
      <c r="CJ27" s="280">
        <v>0</v>
      </c>
      <c r="CK27" s="277">
        <v>3</v>
      </c>
      <c r="CL27" s="282">
        <v>3</v>
      </c>
      <c r="CM27" s="276">
        <v>0</v>
      </c>
      <c r="CN27" s="280">
        <v>0</v>
      </c>
      <c r="CO27" s="277">
        <v>0</v>
      </c>
      <c r="CP27" s="279">
        <v>0</v>
      </c>
      <c r="CQ27" s="280">
        <v>1</v>
      </c>
      <c r="CR27" s="280">
        <v>0</v>
      </c>
      <c r="CS27" s="280">
        <v>0</v>
      </c>
      <c r="CT27" s="280">
        <v>0</v>
      </c>
      <c r="CU27" s="280">
        <v>0</v>
      </c>
      <c r="CV27" s="277">
        <v>1</v>
      </c>
      <c r="CW27" s="282">
        <v>1</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2</v>
      </c>
      <c r="DU27" s="280">
        <v>10</v>
      </c>
      <c r="DV27" s="277">
        <v>12</v>
      </c>
      <c r="DW27" s="279">
        <v>0</v>
      </c>
      <c r="DX27" s="280">
        <v>3</v>
      </c>
      <c r="DY27" s="280">
        <v>11</v>
      </c>
      <c r="DZ27" s="280">
        <v>8</v>
      </c>
      <c r="EA27" s="280">
        <v>5</v>
      </c>
      <c r="EB27" s="280">
        <v>0</v>
      </c>
      <c r="EC27" s="277">
        <v>27</v>
      </c>
      <c r="ED27" s="282">
        <v>39</v>
      </c>
      <c r="EE27" s="276">
        <v>0</v>
      </c>
      <c r="EF27" s="280">
        <v>1</v>
      </c>
      <c r="EG27" s="277">
        <v>1</v>
      </c>
      <c r="EH27" s="279">
        <v>0</v>
      </c>
      <c r="EI27" s="280">
        <v>3</v>
      </c>
      <c r="EJ27" s="280">
        <v>0</v>
      </c>
      <c r="EK27" s="280">
        <v>1</v>
      </c>
      <c r="EL27" s="280">
        <v>2</v>
      </c>
      <c r="EM27" s="280">
        <v>1</v>
      </c>
      <c r="EN27" s="277">
        <v>7</v>
      </c>
      <c r="EO27" s="282">
        <v>8</v>
      </c>
      <c r="EP27" s="276">
        <v>5</v>
      </c>
      <c r="EQ27" s="280">
        <v>11</v>
      </c>
      <c r="ER27" s="277">
        <v>16</v>
      </c>
      <c r="ES27" s="279">
        <v>0</v>
      </c>
      <c r="ET27" s="280">
        <v>18</v>
      </c>
      <c r="EU27" s="280">
        <v>12</v>
      </c>
      <c r="EV27" s="280">
        <v>9</v>
      </c>
      <c r="EW27" s="280">
        <v>5</v>
      </c>
      <c r="EX27" s="280">
        <v>0</v>
      </c>
      <c r="EY27" s="277">
        <v>44</v>
      </c>
      <c r="EZ27" s="282">
        <v>60</v>
      </c>
    </row>
    <row r="28" spans="2:156" ht="21" customHeight="1" x14ac:dyDescent="0.2">
      <c r="B28" s="261" t="s">
        <v>26</v>
      </c>
      <c r="C28" s="276">
        <v>0</v>
      </c>
      <c r="D28" s="280">
        <v>0</v>
      </c>
      <c r="E28" s="384">
        <v>0</v>
      </c>
      <c r="F28" s="279">
        <v>0</v>
      </c>
      <c r="G28" s="280">
        <v>7</v>
      </c>
      <c r="H28" s="280">
        <v>4</v>
      </c>
      <c r="I28" s="280">
        <v>5</v>
      </c>
      <c r="J28" s="280">
        <v>1</v>
      </c>
      <c r="K28" s="280">
        <v>0</v>
      </c>
      <c r="L28" s="281">
        <v>17</v>
      </c>
      <c r="M28" s="282">
        <v>17</v>
      </c>
      <c r="N28" s="276">
        <v>0</v>
      </c>
      <c r="O28" s="280">
        <v>0</v>
      </c>
      <c r="P28" s="277">
        <v>0</v>
      </c>
      <c r="Q28" s="279">
        <v>0</v>
      </c>
      <c r="R28" s="280">
        <v>0</v>
      </c>
      <c r="S28" s="280">
        <v>0</v>
      </c>
      <c r="T28" s="280">
        <v>0</v>
      </c>
      <c r="U28" s="280">
        <v>1</v>
      </c>
      <c r="V28" s="280">
        <v>0</v>
      </c>
      <c r="W28" s="277">
        <v>1</v>
      </c>
      <c r="X28" s="282">
        <v>1</v>
      </c>
      <c r="Y28" s="276">
        <v>0</v>
      </c>
      <c r="Z28" s="280">
        <v>0</v>
      </c>
      <c r="AA28" s="277">
        <v>0</v>
      </c>
      <c r="AB28" s="279">
        <v>0</v>
      </c>
      <c r="AC28" s="280">
        <v>4</v>
      </c>
      <c r="AD28" s="280">
        <v>2</v>
      </c>
      <c r="AE28" s="280">
        <v>4</v>
      </c>
      <c r="AF28" s="280">
        <v>1</v>
      </c>
      <c r="AG28" s="280">
        <v>1</v>
      </c>
      <c r="AH28" s="277">
        <v>12</v>
      </c>
      <c r="AI28" s="282">
        <v>12</v>
      </c>
      <c r="AJ28" s="276">
        <v>0</v>
      </c>
      <c r="AK28" s="280">
        <v>0</v>
      </c>
      <c r="AL28" s="277">
        <v>0</v>
      </c>
      <c r="AM28" s="279">
        <v>0</v>
      </c>
      <c r="AN28" s="280">
        <v>0</v>
      </c>
      <c r="AO28" s="280">
        <v>0</v>
      </c>
      <c r="AP28" s="280">
        <v>1</v>
      </c>
      <c r="AQ28" s="280">
        <v>0</v>
      </c>
      <c r="AR28" s="280">
        <v>0</v>
      </c>
      <c r="AS28" s="277">
        <v>1</v>
      </c>
      <c r="AT28" s="282">
        <v>1</v>
      </c>
      <c r="AU28" s="276">
        <v>3</v>
      </c>
      <c r="AV28" s="280">
        <v>0</v>
      </c>
      <c r="AW28" s="277">
        <v>3</v>
      </c>
      <c r="AX28" s="279">
        <v>0</v>
      </c>
      <c r="AY28" s="280">
        <v>4</v>
      </c>
      <c r="AZ28" s="280">
        <v>5</v>
      </c>
      <c r="BA28" s="280">
        <v>6</v>
      </c>
      <c r="BB28" s="280">
        <v>3</v>
      </c>
      <c r="BC28" s="280">
        <v>3</v>
      </c>
      <c r="BD28" s="281">
        <v>21</v>
      </c>
      <c r="BE28" s="282">
        <v>24</v>
      </c>
      <c r="BF28" s="276">
        <v>0</v>
      </c>
      <c r="BG28" s="280">
        <v>0</v>
      </c>
      <c r="BH28" s="277">
        <v>0</v>
      </c>
      <c r="BI28" s="279">
        <v>0</v>
      </c>
      <c r="BJ28" s="280">
        <v>7</v>
      </c>
      <c r="BK28" s="280">
        <v>6</v>
      </c>
      <c r="BL28" s="280">
        <v>5</v>
      </c>
      <c r="BM28" s="280">
        <v>1</v>
      </c>
      <c r="BN28" s="280">
        <v>1</v>
      </c>
      <c r="BO28" s="277">
        <v>20</v>
      </c>
      <c r="BP28" s="282">
        <v>20</v>
      </c>
      <c r="BQ28" s="276">
        <v>1</v>
      </c>
      <c r="BR28" s="280">
        <v>0</v>
      </c>
      <c r="BS28" s="277">
        <v>1</v>
      </c>
      <c r="BT28" s="279">
        <v>0</v>
      </c>
      <c r="BU28" s="280">
        <v>1</v>
      </c>
      <c r="BV28" s="280">
        <v>4</v>
      </c>
      <c r="BW28" s="280">
        <v>1</v>
      </c>
      <c r="BX28" s="280">
        <v>0</v>
      </c>
      <c r="BY28" s="280">
        <v>0</v>
      </c>
      <c r="BZ28" s="277">
        <v>6</v>
      </c>
      <c r="CA28" s="282">
        <v>7</v>
      </c>
      <c r="CB28" s="276">
        <v>0</v>
      </c>
      <c r="CC28" s="280">
        <v>0</v>
      </c>
      <c r="CD28" s="277">
        <v>0</v>
      </c>
      <c r="CE28" s="279">
        <v>0</v>
      </c>
      <c r="CF28" s="280">
        <v>2</v>
      </c>
      <c r="CG28" s="280">
        <v>4</v>
      </c>
      <c r="CH28" s="280">
        <v>2</v>
      </c>
      <c r="CI28" s="280">
        <v>1</v>
      </c>
      <c r="CJ28" s="280">
        <v>0</v>
      </c>
      <c r="CK28" s="277">
        <v>9</v>
      </c>
      <c r="CL28" s="282">
        <v>9</v>
      </c>
      <c r="CM28" s="276">
        <v>0</v>
      </c>
      <c r="CN28" s="280">
        <v>0</v>
      </c>
      <c r="CO28" s="277">
        <v>0</v>
      </c>
      <c r="CP28" s="279">
        <v>0</v>
      </c>
      <c r="CQ28" s="280">
        <v>0</v>
      </c>
      <c r="CR28" s="280">
        <v>1</v>
      </c>
      <c r="CS28" s="280">
        <v>1</v>
      </c>
      <c r="CT28" s="280">
        <v>0</v>
      </c>
      <c r="CU28" s="280">
        <v>0</v>
      </c>
      <c r="CV28" s="277">
        <v>2</v>
      </c>
      <c r="CW28" s="282">
        <v>2</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3</v>
      </c>
      <c r="DU28" s="280">
        <v>5</v>
      </c>
      <c r="DV28" s="277">
        <v>8</v>
      </c>
      <c r="DW28" s="279">
        <v>0</v>
      </c>
      <c r="DX28" s="280">
        <v>11</v>
      </c>
      <c r="DY28" s="280">
        <v>15</v>
      </c>
      <c r="DZ28" s="280">
        <v>10</v>
      </c>
      <c r="EA28" s="280">
        <v>5</v>
      </c>
      <c r="EB28" s="280">
        <v>1</v>
      </c>
      <c r="EC28" s="277">
        <v>42</v>
      </c>
      <c r="ED28" s="282">
        <v>50</v>
      </c>
      <c r="EE28" s="276">
        <v>1</v>
      </c>
      <c r="EF28" s="280">
        <v>0</v>
      </c>
      <c r="EG28" s="277">
        <v>1</v>
      </c>
      <c r="EH28" s="279">
        <v>0</v>
      </c>
      <c r="EI28" s="280">
        <v>2</v>
      </c>
      <c r="EJ28" s="280">
        <v>1</v>
      </c>
      <c r="EK28" s="280">
        <v>0</v>
      </c>
      <c r="EL28" s="280">
        <v>0</v>
      </c>
      <c r="EM28" s="280">
        <v>1</v>
      </c>
      <c r="EN28" s="277">
        <v>4</v>
      </c>
      <c r="EO28" s="282">
        <v>5</v>
      </c>
      <c r="EP28" s="276">
        <v>4</v>
      </c>
      <c r="EQ28" s="280">
        <v>5</v>
      </c>
      <c r="ER28" s="277">
        <v>9</v>
      </c>
      <c r="ES28" s="279">
        <v>0</v>
      </c>
      <c r="ET28" s="280">
        <v>21</v>
      </c>
      <c r="EU28" s="280">
        <v>19</v>
      </c>
      <c r="EV28" s="280">
        <v>16</v>
      </c>
      <c r="EW28" s="280">
        <v>5</v>
      </c>
      <c r="EX28" s="280">
        <v>2</v>
      </c>
      <c r="EY28" s="277">
        <v>63</v>
      </c>
      <c r="EZ28" s="282">
        <v>72</v>
      </c>
    </row>
    <row r="29" spans="2:156" ht="21" customHeight="1" x14ac:dyDescent="0.2">
      <c r="B29" s="261" t="s">
        <v>27</v>
      </c>
      <c r="C29" s="276">
        <v>0</v>
      </c>
      <c r="D29" s="280">
        <v>0</v>
      </c>
      <c r="E29" s="384">
        <v>0</v>
      </c>
      <c r="F29" s="279">
        <v>0</v>
      </c>
      <c r="G29" s="280">
        <v>2</v>
      </c>
      <c r="H29" s="280">
        <v>7</v>
      </c>
      <c r="I29" s="280">
        <v>5</v>
      </c>
      <c r="J29" s="280">
        <v>4</v>
      </c>
      <c r="K29" s="280">
        <v>1</v>
      </c>
      <c r="L29" s="281">
        <v>19</v>
      </c>
      <c r="M29" s="282">
        <v>19</v>
      </c>
      <c r="N29" s="276">
        <v>0</v>
      </c>
      <c r="O29" s="280">
        <v>0</v>
      </c>
      <c r="P29" s="277">
        <v>0</v>
      </c>
      <c r="Q29" s="279">
        <v>0</v>
      </c>
      <c r="R29" s="280">
        <v>0</v>
      </c>
      <c r="S29" s="280">
        <v>0</v>
      </c>
      <c r="T29" s="280">
        <v>0</v>
      </c>
      <c r="U29" s="280">
        <v>0</v>
      </c>
      <c r="V29" s="280">
        <v>2</v>
      </c>
      <c r="W29" s="277">
        <v>2</v>
      </c>
      <c r="X29" s="282">
        <v>2</v>
      </c>
      <c r="Y29" s="276">
        <v>1</v>
      </c>
      <c r="Z29" s="280">
        <v>3</v>
      </c>
      <c r="AA29" s="277">
        <v>4</v>
      </c>
      <c r="AB29" s="279">
        <v>0</v>
      </c>
      <c r="AC29" s="280">
        <v>4</v>
      </c>
      <c r="AD29" s="280">
        <v>5</v>
      </c>
      <c r="AE29" s="280">
        <v>4</v>
      </c>
      <c r="AF29" s="280">
        <v>4</v>
      </c>
      <c r="AG29" s="280">
        <v>3</v>
      </c>
      <c r="AH29" s="277">
        <v>20</v>
      </c>
      <c r="AI29" s="282">
        <v>24</v>
      </c>
      <c r="AJ29" s="276">
        <v>0</v>
      </c>
      <c r="AK29" s="280">
        <v>0</v>
      </c>
      <c r="AL29" s="277">
        <v>0</v>
      </c>
      <c r="AM29" s="279">
        <v>0</v>
      </c>
      <c r="AN29" s="280">
        <v>0</v>
      </c>
      <c r="AO29" s="280">
        <v>1</v>
      </c>
      <c r="AP29" s="280">
        <v>0</v>
      </c>
      <c r="AQ29" s="280">
        <v>0</v>
      </c>
      <c r="AR29" s="280">
        <v>0</v>
      </c>
      <c r="AS29" s="277">
        <v>1</v>
      </c>
      <c r="AT29" s="282">
        <v>1</v>
      </c>
      <c r="AU29" s="276">
        <v>1</v>
      </c>
      <c r="AV29" s="280">
        <v>0</v>
      </c>
      <c r="AW29" s="277">
        <v>1</v>
      </c>
      <c r="AX29" s="279">
        <v>0</v>
      </c>
      <c r="AY29" s="280">
        <v>3</v>
      </c>
      <c r="AZ29" s="280">
        <v>4</v>
      </c>
      <c r="BA29" s="280">
        <v>7</v>
      </c>
      <c r="BB29" s="280">
        <v>7</v>
      </c>
      <c r="BC29" s="280">
        <v>3</v>
      </c>
      <c r="BD29" s="281">
        <v>24</v>
      </c>
      <c r="BE29" s="282">
        <v>25</v>
      </c>
      <c r="BF29" s="276">
        <v>0</v>
      </c>
      <c r="BG29" s="280">
        <v>0</v>
      </c>
      <c r="BH29" s="277">
        <v>0</v>
      </c>
      <c r="BI29" s="279">
        <v>0</v>
      </c>
      <c r="BJ29" s="280">
        <v>7</v>
      </c>
      <c r="BK29" s="280">
        <v>5</v>
      </c>
      <c r="BL29" s="280">
        <v>7</v>
      </c>
      <c r="BM29" s="280">
        <v>4</v>
      </c>
      <c r="BN29" s="280">
        <v>0</v>
      </c>
      <c r="BO29" s="277">
        <v>23</v>
      </c>
      <c r="BP29" s="282">
        <v>23</v>
      </c>
      <c r="BQ29" s="276">
        <v>0</v>
      </c>
      <c r="BR29" s="280">
        <v>2</v>
      </c>
      <c r="BS29" s="277">
        <v>2</v>
      </c>
      <c r="BT29" s="279">
        <v>0</v>
      </c>
      <c r="BU29" s="280">
        <v>1</v>
      </c>
      <c r="BV29" s="280">
        <v>5</v>
      </c>
      <c r="BW29" s="280">
        <v>2</v>
      </c>
      <c r="BX29" s="280">
        <v>0</v>
      </c>
      <c r="BY29" s="280">
        <v>0</v>
      </c>
      <c r="BZ29" s="277">
        <v>8</v>
      </c>
      <c r="CA29" s="282">
        <v>10</v>
      </c>
      <c r="CB29" s="276">
        <v>0</v>
      </c>
      <c r="CC29" s="280">
        <v>0</v>
      </c>
      <c r="CD29" s="277">
        <v>0</v>
      </c>
      <c r="CE29" s="279">
        <v>0</v>
      </c>
      <c r="CF29" s="280">
        <v>0</v>
      </c>
      <c r="CG29" s="280">
        <v>1</v>
      </c>
      <c r="CH29" s="280">
        <v>3</v>
      </c>
      <c r="CI29" s="280">
        <v>1</v>
      </c>
      <c r="CJ29" s="280">
        <v>1</v>
      </c>
      <c r="CK29" s="277">
        <v>6</v>
      </c>
      <c r="CL29" s="282">
        <v>6</v>
      </c>
      <c r="CM29" s="276">
        <v>0</v>
      </c>
      <c r="CN29" s="280">
        <v>0</v>
      </c>
      <c r="CO29" s="277">
        <v>0</v>
      </c>
      <c r="CP29" s="279">
        <v>0</v>
      </c>
      <c r="CQ29" s="280">
        <v>1</v>
      </c>
      <c r="CR29" s="280">
        <v>0</v>
      </c>
      <c r="CS29" s="280">
        <v>0</v>
      </c>
      <c r="CT29" s="280">
        <v>0</v>
      </c>
      <c r="CU29" s="280">
        <v>0</v>
      </c>
      <c r="CV29" s="277">
        <v>1</v>
      </c>
      <c r="CW29" s="282">
        <v>1</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3</v>
      </c>
      <c r="DU29" s="280">
        <v>16</v>
      </c>
      <c r="DV29" s="277">
        <v>19</v>
      </c>
      <c r="DW29" s="279">
        <v>0</v>
      </c>
      <c r="DX29" s="280">
        <v>3</v>
      </c>
      <c r="DY29" s="280">
        <v>12</v>
      </c>
      <c r="DZ29" s="280">
        <v>9</v>
      </c>
      <c r="EA29" s="280">
        <v>8</v>
      </c>
      <c r="EB29" s="280">
        <v>4</v>
      </c>
      <c r="EC29" s="277">
        <v>36</v>
      </c>
      <c r="ED29" s="282">
        <v>55</v>
      </c>
      <c r="EE29" s="276">
        <v>1</v>
      </c>
      <c r="EF29" s="280">
        <v>0</v>
      </c>
      <c r="EG29" s="277">
        <v>1</v>
      </c>
      <c r="EH29" s="279">
        <v>0</v>
      </c>
      <c r="EI29" s="280">
        <v>2</v>
      </c>
      <c r="EJ29" s="280">
        <v>2</v>
      </c>
      <c r="EK29" s="280">
        <v>1</v>
      </c>
      <c r="EL29" s="280">
        <v>2</v>
      </c>
      <c r="EM29" s="280">
        <v>1</v>
      </c>
      <c r="EN29" s="277">
        <v>8</v>
      </c>
      <c r="EO29" s="282">
        <v>9</v>
      </c>
      <c r="EP29" s="276">
        <v>4</v>
      </c>
      <c r="EQ29" s="280">
        <v>19</v>
      </c>
      <c r="ER29" s="277">
        <v>23</v>
      </c>
      <c r="ES29" s="279">
        <v>0</v>
      </c>
      <c r="ET29" s="280">
        <v>13</v>
      </c>
      <c r="EU29" s="280">
        <v>14</v>
      </c>
      <c r="EV29" s="280">
        <v>12</v>
      </c>
      <c r="EW29" s="280">
        <v>9</v>
      </c>
      <c r="EX29" s="280">
        <v>4</v>
      </c>
      <c r="EY29" s="277">
        <v>52</v>
      </c>
      <c r="EZ29" s="282">
        <v>75</v>
      </c>
    </row>
    <row r="30" spans="2:156" ht="21" customHeight="1" x14ac:dyDescent="0.2">
      <c r="B30" s="261" t="s">
        <v>28</v>
      </c>
      <c r="C30" s="276">
        <v>0</v>
      </c>
      <c r="D30" s="280">
        <v>0</v>
      </c>
      <c r="E30" s="384">
        <v>0</v>
      </c>
      <c r="F30" s="279">
        <v>0</v>
      </c>
      <c r="G30" s="280">
        <v>0</v>
      </c>
      <c r="H30" s="280">
        <v>0</v>
      </c>
      <c r="I30" s="280">
        <v>0</v>
      </c>
      <c r="J30" s="280">
        <v>1</v>
      </c>
      <c r="K30" s="280">
        <v>0</v>
      </c>
      <c r="L30" s="281">
        <v>1</v>
      </c>
      <c r="M30" s="282">
        <v>1</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v>
      </c>
      <c r="AE30" s="280">
        <v>0</v>
      </c>
      <c r="AF30" s="280">
        <v>2</v>
      </c>
      <c r="AG30" s="280">
        <v>0</v>
      </c>
      <c r="AH30" s="277">
        <v>3</v>
      </c>
      <c r="AI30" s="282">
        <v>3</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2</v>
      </c>
      <c r="AZ30" s="280">
        <v>1</v>
      </c>
      <c r="BA30" s="280">
        <v>0</v>
      </c>
      <c r="BB30" s="280">
        <v>2</v>
      </c>
      <c r="BC30" s="280">
        <v>1</v>
      </c>
      <c r="BD30" s="281">
        <v>6</v>
      </c>
      <c r="BE30" s="282">
        <v>6</v>
      </c>
      <c r="BF30" s="276">
        <v>0</v>
      </c>
      <c r="BG30" s="280">
        <v>0</v>
      </c>
      <c r="BH30" s="277">
        <v>0</v>
      </c>
      <c r="BI30" s="279">
        <v>0</v>
      </c>
      <c r="BJ30" s="280">
        <v>2</v>
      </c>
      <c r="BK30" s="280">
        <v>1</v>
      </c>
      <c r="BL30" s="280">
        <v>0</v>
      </c>
      <c r="BM30" s="280">
        <v>0</v>
      </c>
      <c r="BN30" s="280">
        <v>0</v>
      </c>
      <c r="BO30" s="277">
        <v>3</v>
      </c>
      <c r="BP30" s="282">
        <v>3</v>
      </c>
      <c r="BQ30" s="276">
        <v>0</v>
      </c>
      <c r="BR30" s="280">
        <v>1</v>
      </c>
      <c r="BS30" s="277">
        <v>1</v>
      </c>
      <c r="BT30" s="279">
        <v>0</v>
      </c>
      <c r="BU30" s="280">
        <v>0</v>
      </c>
      <c r="BV30" s="280">
        <v>0</v>
      </c>
      <c r="BW30" s="280">
        <v>1</v>
      </c>
      <c r="BX30" s="280">
        <v>0</v>
      </c>
      <c r="BY30" s="280">
        <v>0</v>
      </c>
      <c r="BZ30" s="277">
        <v>1</v>
      </c>
      <c r="CA30" s="282">
        <v>2</v>
      </c>
      <c r="CB30" s="276">
        <v>0</v>
      </c>
      <c r="CC30" s="280">
        <v>0</v>
      </c>
      <c r="CD30" s="277">
        <v>0</v>
      </c>
      <c r="CE30" s="279">
        <v>0</v>
      </c>
      <c r="CF30" s="280">
        <v>0</v>
      </c>
      <c r="CG30" s="280">
        <v>0</v>
      </c>
      <c r="CH30" s="280">
        <v>1</v>
      </c>
      <c r="CI30" s="280">
        <v>0</v>
      </c>
      <c r="CJ30" s="280">
        <v>1</v>
      </c>
      <c r="CK30" s="277">
        <v>2</v>
      </c>
      <c r="CL30" s="282">
        <v>2</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0</v>
      </c>
      <c r="DU30" s="280">
        <v>1</v>
      </c>
      <c r="DV30" s="277">
        <v>1</v>
      </c>
      <c r="DW30" s="279">
        <v>0</v>
      </c>
      <c r="DX30" s="280">
        <v>0</v>
      </c>
      <c r="DY30" s="280">
        <v>4</v>
      </c>
      <c r="DZ30" s="280">
        <v>2</v>
      </c>
      <c r="EA30" s="280">
        <v>1</v>
      </c>
      <c r="EB30" s="280">
        <v>0</v>
      </c>
      <c r="EC30" s="277">
        <v>7</v>
      </c>
      <c r="ED30" s="282">
        <v>8</v>
      </c>
      <c r="EE30" s="276">
        <v>0</v>
      </c>
      <c r="EF30" s="280">
        <v>0</v>
      </c>
      <c r="EG30" s="277">
        <v>0</v>
      </c>
      <c r="EH30" s="279">
        <v>0</v>
      </c>
      <c r="EI30" s="280">
        <v>0</v>
      </c>
      <c r="EJ30" s="280">
        <v>0</v>
      </c>
      <c r="EK30" s="280">
        <v>0</v>
      </c>
      <c r="EL30" s="280">
        <v>1</v>
      </c>
      <c r="EM30" s="280">
        <v>0</v>
      </c>
      <c r="EN30" s="277">
        <v>1</v>
      </c>
      <c r="EO30" s="282">
        <v>1</v>
      </c>
      <c r="EP30" s="276">
        <v>0</v>
      </c>
      <c r="EQ30" s="280">
        <v>1</v>
      </c>
      <c r="ER30" s="277">
        <v>1</v>
      </c>
      <c r="ES30" s="279">
        <v>0</v>
      </c>
      <c r="ET30" s="280">
        <v>6</v>
      </c>
      <c r="EU30" s="280">
        <v>6</v>
      </c>
      <c r="EV30" s="280">
        <v>2</v>
      </c>
      <c r="EW30" s="280">
        <v>2</v>
      </c>
      <c r="EX30" s="280">
        <v>1</v>
      </c>
      <c r="EY30" s="277">
        <v>17</v>
      </c>
      <c r="EZ30" s="282">
        <v>18</v>
      </c>
    </row>
    <row r="31" spans="2:156" ht="21" customHeight="1" x14ac:dyDescent="0.2">
      <c r="B31" s="261" t="s">
        <v>29</v>
      </c>
      <c r="C31" s="276">
        <v>0</v>
      </c>
      <c r="D31" s="280">
        <v>0</v>
      </c>
      <c r="E31" s="384">
        <v>0</v>
      </c>
      <c r="F31" s="279">
        <v>0</v>
      </c>
      <c r="G31" s="280">
        <v>0</v>
      </c>
      <c r="H31" s="280">
        <v>1</v>
      </c>
      <c r="I31" s="280">
        <v>0</v>
      </c>
      <c r="J31" s="280">
        <v>0</v>
      </c>
      <c r="K31" s="280">
        <v>0</v>
      </c>
      <c r="L31" s="281">
        <v>1</v>
      </c>
      <c r="M31" s="282">
        <v>1</v>
      </c>
      <c r="N31" s="276">
        <v>0</v>
      </c>
      <c r="O31" s="280">
        <v>0</v>
      </c>
      <c r="P31" s="277">
        <v>0</v>
      </c>
      <c r="Q31" s="279">
        <v>0</v>
      </c>
      <c r="R31" s="280">
        <v>0</v>
      </c>
      <c r="S31" s="280">
        <v>0</v>
      </c>
      <c r="T31" s="280">
        <v>0</v>
      </c>
      <c r="U31" s="280">
        <v>0</v>
      </c>
      <c r="V31" s="280">
        <v>1</v>
      </c>
      <c r="W31" s="277">
        <v>1</v>
      </c>
      <c r="X31" s="282">
        <v>1</v>
      </c>
      <c r="Y31" s="276">
        <v>0</v>
      </c>
      <c r="Z31" s="280">
        <v>1</v>
      </c>
      <c r="AA31" s="277">
        <v>1</v>
      </c>
      <c r="AB31" s="279">
        <v>0</v>
      </c>
      <c r="AC31" s="280">
        <v>0</v>
      </c>
      <c r="AD31" s="280">
        <v>1</v>
      </c>
      <c r="AE31" s="280">
        <v>0</v>
      </c>
      <c r="AF31" s="280">
        <v>0</v>
      </c>
      <c r="AG31" s="280">
        <v>0</v>
      </c>
      <c r="AH31" s="277">
        <v>1</v>
      </c>
      <c r="AI31" s="282">
        <v>2</v>
      </c>
      <c r="AJ31" s="276">
        <v>0</v>
      </c>
      <c r="AK31" s="280">
        <v>0</v>
      </c>
      <c r="AL31" s="277">
        <v>0</v>
      </c>
      <c r="AM31" s="279">
        <v>0</v>
      </c>
      <c r="AN31" s="280">
        <v>0</v>
      </c>
      <c r="AO31" s="280">
        <v>1</v>
      </c>
      <c r="AP31" s="280">
        <v>0</v>
      </c>
      <c r="AQ31" s="280">
        <v>0</v>
      </c>
      <c r="AR31" s="280">
        <v>0</v>
      </c>
      <c r="AS31" s="277">
        <v>1</v>
      </c>
      <c r="AT31" s="282">
        <v>1</v>
      </c>
      <c r="AU31" s="276">
        <v>0</v>
      </c>
      <c r="AV31" s="280">
        <v>0</v>
      </c>
      <c r="AW31" s="277">
        <v>0</v>
      </c>
      <c r="AX31" s="279">
        <v>0</v>
      </c>
      <c r="AY31" s="280">
        <v>1</v>
      </c>
      <c r="AZ31" s="280">
        <v>3</v>
      </c>
      <c r="BA31" s="280">
        <v>0</v>
      </c>
      <c r="BB31" s="280">
        <v>1</v>
      </c>
      <c r="BC31" s="280">
        <v>1</v>
      </c>
      <c r="BD31" s="281">
        <v>6</v>
      </c>
      <c r="BE31" s="282">
        <v>6</v>
      </c>
      <c r="BF31" s="276">
        <v>0</v>
      </c>
      <c r="BG31" s="280">
        <v>0</v>
      </c>
      <c r="BH31" s="277">
        <v>0</v>
      </c>
      <c r="BI31" s="279">
        <v>0</v>
      </c>
      <c r="BJ31" s="280">
        <v>4</v>
      </c>
      <c r="BK31" s="280">
        <v>6</v>
      </c>
      <c r="BL31" s="280">
        <v>0</v>
      </c>
      <c r="BM31" s="280">
        <v>1</v>
      </c>
      <c r="BN31" s="280">
        <v>0</v>
      </c>
      <c r="BO31" s="277">
        <v>11</v>
      </c>
      <c r="BP31" s="282">
        <v>11</v>
      </c>
      <c r="BQ31" s="276">
        <v>1</v>
      </c>
      <c r="BR31" s="280">
        <v>0</v>
      </c>
      <c r="BS31" s="277">
        <v>1</v>
      </c>
      <c r="BT31" s="279">
        <v>0</v>
      </c>
      <c r="BU31" s="280">
        <v>1</v>
      </c>
      <c r="BV31" s="280">
        <v>0</v>
      </c>
      <c r="BW31" s="280">
        <v>0</v>
      </c>
      <c r="BX31" s="280">
        <v>0</v>
      </c>
      <c r="BY31" s="280">
        <v>0</v>
      </c>
      <c r="BZ31" s="277">
        <v>1</v>
      </c>
      <c r="CA31" s="282">
        <v>2</v>
      </c>
      <c r="CB31" s="276">
        <v>0</v>
      </c>
      <c r="CC31" s="280">
        <v>0</v>
      </c>
      <c r="CD31" s="277">
        <v>0</v>
      </c>
      <c r="CE31" s="279">
        <v>0</v>
      </c>
      <c r="CF31" s="280">
        <v>0</v>
      </c>
      <c r="CG31" s="280">
        <v>2</v>
      </c>
      <c r="CH31" s="280">
        <v>0</v>
      </c>
      <c r="CI31" s="280">
        <v>0</v>
      </c>
      <c r="CJ31" s="280">
        <v>1</v>
      </c>
      <c r="CK31" s="277">
        <v>3</v>
      </c>
      <c r="CL31" s="282">
        <v>3</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v>
      </c>
      <c r="DU31" s="280">
        <v>0</v>
      </c>
      <c r="DV31" s="277">
        <v>2</v>
      </c>
      <c r="DW31" s="279">
        <v>0</v>
      </c>
      <c r="DX31" s="280">
        <v>2</v>
      </c>
      <c r="DY31" s="280">
        <v>6</v>
      </c>
      <c r="DZ31" s="280">
        <v>0</v>
      </c>
      <c r="EA31" s="280">
        <v>1</v>
      </c>
      <c r="EB31" s="280">
        <v>1</v>
      </c>
      <c r="EC31" s="277">
        <v>10</v>
      </c>
      <c r="ED31" s="282">
        <v>12</v>
      </c>
      <c r="EE31" s="276">
        <v>1</v>
      </c>
      <c r="EF31" s="280">
        <v>0</v>
      </c>
      <c r="EG31" s="277">
        <v>1</v>
      </c>
      <c r="EH31" s="279">
        <v>0</v>
      </c>
      <c r="EI31" s="280">
        <v>0</v>
      </c>
      <c r="EJ31" s="280">
        <v>2</v>
      </c>
      <c r="EK31" s="280">
        <v>0</v>
      </c>
      <c r="EL31" s="280">
        <v>1</v>
      </c>
      <c r="EM31" s="280">
        <v>1</v>
      </c>
      <c r="EN31" s="277">
        <v>4</v>
      </c>
      <c r="EO31" s="282">
        <v>5</v>
      </c>
      <c r="EP31" s="276">
        <v>3</v>
      </c>
      <c r="EQ31" s="280">
        <v>1</v>
      </c>
      <c r="ER31" s="277">
        <v>4</v>
      </c>
      <c r="ES31" s="279">
        <v>0</v>
      </c>
      <c r="ET31" s="280">
        <v>5</v>
      </c>
      <c r="EU31" s="280">
        <v>7</v>
      </c>
      <c r="EV31" s="280">
        <v>0</v>
      </c>
      <c r="EW31" s="280">
        <v>1</v>
      </c>
      <c r="EX31" s="280">
        <v>1</v>
      </c>
      <c r="EY31" s="277">
        <v>14</v>
      </c>
      <c r="EZ31" s="282">
        <v>18</v>
      </c>
    </row>
    <row r="32" spans="2:156" ht="21" customHeight="1" x14ac:dyDescent="0.2">
      <c r="B32" s="261" t="s">
        <v>30</v>
      </c>
      <c r="C32" s="276">
        <v>0</v>
      </c>
      <c r="D32" s="280">
        <v>0</v>
      </c>
      <c r="E32" s="384">
        <v>0</v>
      </c>
      <c r="F32" s="279">
        <v>0</v>
      </c>
      <c r="G32" s="280">
        <v>1</v>
      </c>
      <c r="H32" s="280">
        <v>1</v>
      </c>
      <c r="I32" s="280">
        <v>1</v>
      </c>
      <c r="J32" s="280">
        <v>1</v>
      </c>
      <c r="K32" s="280">
        <v>1</v>
      </c>
      <c r="L32" s="281">
        <v>5</v>
      </c>
      <c r="M32" s="282">
        <v>5</v>
      </c>
      <c r="N32" s="276">
        <v>0</v>
      </c>
      <c r="O32" s="280">
        <v>0</v>
      </c>
      <c r="P32" s="277">
        <v>0</v>
      </c>
      <c r="Q32" s="279">
        <v>0</v>
      </c>
      <c r="R32" s="280">
        <v>0</v>
      </c>
      <c r="S32" s="280">
        <v>0</v>
      </c>
      <c r="T32" s="280">
        <v>0</v>
      </c>
      <c r="U32" s="280">
        <v>0</v>
      </c>
      <c r="V32" s="280">
        <v>0</v>
      </c>
      <c r="W32" s="277">
        <v>0</v>
      </c>
      <c r="X32" s="282">
        <v>0</v>
      </c>
      <c r="Y32" s="276">
        <v>0</v>
      </c>
      <c r="Z32" s="280">
        <v>1</v>
      </c>
      <c r="AA32" s="277">
        <v>1</v>
      </c>
      <c r="AB32" s="279">
        <v>0</v>
      </c>
      <c r="AC32" s="280">
        <v>0</v>
      </c>
      <c r="AD32" s="280">
        <v>0</v>
      </c>
      <c r="AE32" s="280">
        <v>1</v>
      </c>
      <c r="AF32" s="280">
        <v>1</v>
      </c>
      <c r="AG32" s="280">
        <v>1</v>
      </c>
      <c r="AH32" s="277">
        <v>3</v>
      </c>
      <c r="AI32" s="282">
        <v>4</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1</v>
      </c>
      <c r="AZ32" s="280">
        <v>0</v>
      </c>
      <c r="BA32" s="280">
        <v>0</v>
      </c>
      <c r="BB32" s="280">
        <v>2</v>
      </c>
      <c r="BC32" s="280">
        <v>0</v>
      </c>
      <c r="BD32" s="281">
        <v>3</v>
      </c>
      <c r="BE32" s="282">
        <v>3</v>
      </c>
      <c r="BF32" s="276">
        <v>0</v>
      </c>
      <c r="BG32" s="280">
        <v>0</v>
      </c>
      <c r="BH32" s="277">
        <v>0</v>
      </c>
      <c r="BI32" s="279">
        <v>0</v>
      </c>
      <c r="BJ32" s="280">
        <v>2</v>
      </c>
      <c r="BK32" s="280">
        <v>0</v>
      </c>
      <c r="BL32" s="280">
        <v>0</v>
      </c>
      <c r="BM32" s="280">
        <v>2</v>
      </c>
      <c r="BN32" s="280">
        <v>0</v>
      </c>
      <c r="BO32" s="277">
        <v>4</v>
      </c>
      <c r="BP32" s="282">
        <v>4</v>
      </c>
      <c r="BQ32" s="276">
        <v>2</v>
      </c>
      <c r="BR32" s="280">
        <v>0</v>
      </c>
      <c r="BS32" s="277">
        <v>2</v>
      </c>
      <c r="BT32" s="279">
        <v>0</v>
      </c>
      <c r="BU32" s="280">
        <v>0</v>
      </c>
      <c r="BV32" s="280">
        <v>0</v>
      </c>
      <c r="BW32" s="280">
        <v>1</v>
      </c>
      <c r="BX32" s="280">
        <v>0</v>
      </c>
      <c r="BY32" s="280">
        <v>0</v>
      </c>
      <c r="BZ32" s="277">
        <v>1</v>
      </c>
      <c r="CA32" s="282">
        <v>3</v>
      </c>
      <c r="CB32" s="276">
        <v>0</v>
      </c>
      <c r="CC32" s="280">
        <v>0</v>
      </c>
      <c r="CD32" s="277">
        <v>0</v>
      </c>
      <c r="CE32" s="279">
        <v>0</v>
      </c>
      <c r="CF32" s="280">
        <v>0</v>
      </c>
      <c r="CG32" s="280">
        <v>0</v>
      </c>
      <c r="CH32" s="280">
        <v>1</v>
      </c>
      <c r="CI32" s="280">
        <v>1</v>
      </c>
      <c r="CJ32" s="280">
        <v>0</v>
      </c>
      <c r="CK32" s="277">
        <v>2</v>
      </c>
      <c r="CL32" s="282">
        <v>2</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0</v>
      </c>
      <c r="DU32" s="280">
        <v>1</v>
      </c>
      <c r="DV32" s="277">
        <v>1</v>
      </c>
      <c r="DW32" s="279">
        <v>0</v>
      </c>
      <c r="DX32" s="280">
        <v>2</v>
      </c>
      <c r="DY32" s="280">
        <v>1</v>
      </c>
      <c r="DZ32" s="280">
        <v>3</v>
      </c>
      <c r="EA32" s="280">
        <v>2</v>
      </c>
      <c r="EB32" s="280">
        <v>1</v>
      </c>
      <c r="EC32" s="277">
        <v>9</v>
      </c>
      <c r="ED32" s="282">
        <v>10</v>
      </c>
      <c r="EE32" s="276">
        <v>0</v>
      </c>
      <c r="EF32" s="280">
        <v>0</v>
      </c>
      <c r="EG32" s="277">
        <v>0</v>
      </c>
      <c r="EH32" s="279">
        <v>0</v>
      </c>
      <c r="EI32" s="280">
        <v>1</v>
      </c>
      <c r="EJ32" s="280">
        <v>0</v>
      </c>
      <c r="EK32" s="280">
        <v>0</v>
      </c>
      <c r="EL32" s="280">
        <v>0</v>
      </c>
      <c r="EM32" s="280">
        <v>0</v>
      </c>
      <c r="EN32" s="277">
        <v>1</v>
      </c>
      <c r="EO32" s="282">
        <v>1</v>
      </c>
      <c r="EP32" s="276">
        <v>3</v>
      </c>
      <c r="EQ32" s="280">
        <v>2</v>
      </c>
      <c r="ER32" s="277">
        <v>5</v>
      </c>
      <c r="ES32" s="279">
        <v>0</v>
      </c>
      <c r="ET32" s="280">
        <v>5</v>
      </c>
      <c r="EU32" s="280">
        <v>1</v>
      </c>
      <c r="EV32" s="280">
        <v>3</v>
      </c>
      <c r="EW32" s="280">
        <v>2</v>
      </c>
      <c r="EX32" s="280">
        <v>1</v>
      </c>
      <c r="EY32" s="277">
        <v>12</v>
      </c>
      <c r="EZ32" s="282">
        <v>17</v>
      </c>
    </row>
    <row r="33" spans="2:156" ht="21" customHeight="1" x14ac:dyDescent="0.2">
      <c r="B33" s="261" t="s">
        <v>31</v>
      </c>
      <c r="C33" s="276">
        <v>0</v>
      </c>
      <c r="D33" s="280">
        <v>0</v>
      </c>
      <c r="E33" s="384">
        <v>0</v>
      </c>
      <c r="F33" s="279">
        <v>0</v>
      </c>
      <c r="G33" s="280">
        <v>1</v>
      </c>
      <c r="H33" s="280">
        <v>0</v>
      </c>
      <c r="I33" s="280">
        <v>1</v>
      </c>
      <c r="J33" s="280">
        <v>0</v>
      </c>
      <c r="K33" s="280">
        <v>0</v>
      </c>
      <c r="L33" s="281">
        <v>2</v>
      </c>
      <c r="M33" s="282">
        <v>2</v>
      </c>
      <c r="N33" s="276">
        <v>0</v>
      </c>
      <c r="O33" s="280">
        <v>0</v>
      </c>
      <c r="P33" s="277">
        <v>0</v>
      </c>
      <c r="Q33" s="279">
        <v>0</v>
      </c>
      <c r="R33" s="280">
        <v>0</v>
      </c>
      <c r="S33" s="280">
        <v>1</v>
      </c>
      <c r="T33" s="280">
        <v>1</v>
      </c>
      <c r="U33" s="280">
        <v>0</v>
      </c>
      <c r="V33" s="280">
        <v>0</v>
      </c>
      <c r="W33" s="277">
        <v>2</v>
      </c>
      <c r="X33" s="282">
        <v>2</v>
      </c>
      <c r="Y33" s="276">
        <v>1</v>
      </c>
      <c r="Z33" s="280">
        <v>0</v>
      </c>
      <c r="AA33" s="277">
        <v>1</v>
      </c>
      <c r="AB33" s="279">
        <v>0</v>
      </c>
      <c r="AC33" s="280">
        <v>0</v>
      </c>
      <c r="AD33" s="280">
        <v>0</v>
      </c>
      <c r="AE33" s="280">
        <v>3</v>
      </c>
      <c r="AF33" s="280">
        <v>1</v>
      </c>
      <c r="AG33" s="280">
        <v>0</v>
      </c>
      <c r="AH33" s="277">
        <v>4</v>
      </c>
      <c r="AI33" s="282">
        <v>5</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0</v>
      </c>
      <c r="BA33" s="280">
        <v>1</v>
      </c>
      <c r="BB33" s="280">
        <v>1</v>
      </c>
      <c r="BC33" s="280">
        <v>0</v>
      </c>
      <c r="BD33" s="281">
        <v>2</v>
      </c>
      <c r="BE33" s="282">
        <v>2</v>
      </c>
      <c r="BF33" s="276">
        <v>0</v>
      </c>
      <c r="BG33" s="280">
        <v>0</v>
      </c>
      <c r="BH33" s="277">
        <v>0</v>
      </c>
      <c r="BI33" s="279">
        <v>0</v>
      </c>
      <c r="BJ33" s="280">
        <v>3</v>
      </c>
      <c r="BK33" s="280">
        <v>2</v>
      </c>
      <c r="BL33" s="280">
        <v>1</v>
      </c>
      <c r="BM33" s="280">
        <v>1</v>
      </c>
      <c r="BN33" s="280">
        <v>0</v>
      </c>
      <c r="BO33" s="277">
        <v>7</v>
      </c>
      <c r="BP33" s="282">
        <v>7</v>
      </c>
      <c r="BQ33" s="276">
        <v>0</v>
      </c>
      <c r="BR33" s="280">
        <v>0</v>
      </c>
      <c r="BS33" s="277">
        <v>0</v>
      </c>
      <c r="BT33" s="279">
        <v>0</v>
      </c>
      <c r="BU33" s="280">
        <v>1</v>
      </c>
      <c r="BV33" s="280">
        <v>1</v>
      </c>
      <c r="BW33" s="280">
        <v>1</v>
      </c>
      <c r="BX33" s="280">
        <v>0</v>
      </c>
      <c r="BY33" s="280">
        <v>0</v>
      </c>
      <c r="BZ33" s="277">
        <v>3</v>
      </c>
      <c r="CA33" s="282">
        <v>3</v>
      </c>
      <c r="CB33" s="276">
        <v>0</v>
      </c>
      <c r="CC33" s="280">
        <v>0</v>
      </c>
      <c r="CD33" s="277">
        <v>0</v>
      </c>
      <c r="CE33" s="279">
        <v>0</v>
      </c>
      <c r="CF33" s="280">
        <v>0</v>
      </c>
      <c r="CG33" s="280">
        <v>2</v>
      </c>
      <c r="CH33" s="280">
        <v>1</v>
      </c>
      <c r="CI33" s="280">
        <v>1</v>
      </c>
      <c r="CJ33" s="280">
        <v>1</v>
      </c>
      <c r="CK33" s="277">
        <v>5</v>
      </c>
      <c r="CL33" s="282">
        <v>5</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3</v>
      </c>
      <c r="DV33" s="277">
        <v>5</v>
      </c>
      <c r="DW33" s="279">
        <v>0</v>
      </c>
      <c r="DX33" s="280">
        <v>4</v>
      </c>
      <c r="DY33" s="280">
        <v>6</v>
      </c>
      <c r="DZ33" s="280">
        <v>3</v>
      </c>
      <c r="EA33" s="280">
        <v>2</v>
      </c>
      <c r="EB33" s="280">
        <v>1</v>
      </c>
      <c r="EC33" s="277">
        <v>16</v>
      </c>
      <c r="ED33" s="282">
        <v>21</v>
      </c>
      <c r="EE33" s="276">
        <v>0</v>
      </c>
      <c r="EF33" s="280">
        <v>0</v>
      </c>
      <c r="EG33" s="277">
        <v>0</v>
      </c>
      <c r="EH33" s="279">
        <v>0</v>
      </c>
      <c r="EI33" s="280">
        <v>0</v>
      </c>
      <c r="EJ33" s="280">
        <v>0</v>
      </c>
      <c r="EK33" s="280">
        <v>1</v>
      </c>
      <c r="EL33" s="280">
        <v>0</v>
      </c>
      <c r="EM33" s="280">
        <v>0</v>
      </c>
      <c r="EN33" s="277">
        <v>1</v>
      </c>
      <c r="EO33" s="282">
        <v>1</v>
      </c>
      <c r="EP33" s="276">
        <v>3</v>
      </c>
      <c r="EQ33" s="280">
        <v>3</v>
      </c>
      <c r="ER33" s="277">
        <v>6</v>
      </c>
      <c r="ES33" s="279">
        <v>0</v>
      </c>
      <c r="ET33" s="280">
        <v>7</v>
      </c>
      <c r="EU33" s="280">
        <v>9</v>
      </c>
      <c r="EV33" s="280">
        <v>3</v>
      </c>
      <c r="EW33" s="280">
        <v>2</v>
      </c>
      <c r="EX33" s="280">
        <v>1</v>
      </c>
      <c r="EY33" s="277">
        <v>22</v>
      </c>
      <c r="EZ33" s="282">
        <v>28</v>
      </c>
    </row>
    <row r="34" spans="2:156" ht="21" customHeight="1" x14ac:dyDescent="0.2">
      <c r="B34" s="261" t="s">
        <v>32</v>
      </c>
      <c r="C34" s="276">
        <v>0</v>
      </c>
      <c r="D34" s="280">
        <v>0</v>
      </c>
      <c r="E34" s="384">
        <v>0</v>
      </c>
      <c r="F34" s="279">
        <v>0</v>
      </c>
      <c r="G34" s="280">
        <v>1</v>
      </c>
      <c r="H34" s="280">
        <v>2</v>
      </c>
      <c r="I34" s="280">
        <v>2</v>
      </c>
      <c r="J34" s="280">
        <v>1</v>
      </c>
      <c r="K34" s="280">
        <v>1</v>
      </c>
      <c r="L34" s="281">
        <v>7</v>
      </c>
      <c r="M34" s="282">
        <v>7</v>
      </c>
      <c r="N34" s="276">
        <v>0</v>
      </c>
      <c r="O34" s="280">
        <v>0</v>
      </c>
      <c r="P34" s="277">
        <v>0</v>
      </c>
      <c r="Q34" s="279">
        <v>0</v>
      </c>
      <c r="R34" s="280">
        <v>0</v>
      </c>
      <c r="S34" s="280">
        <v>0</v>
      </c>
      <c r="T34" s="280">
        <v>0</v>
      </c>
      <c r="U34" s="280">
        <v>0</v>
      </c>
      <c r="V34" s="280">
        <v>1</v>
      </c>
      <c r="W34" s="277">
        <v>1</v>
      </c>
      <c r="X34" s="282">
        <v>1</v>
      </c>
      <c r="Y34" s="276">
        <v>0</v>
      </c>
      <c r="Z34" s="280">
        <v>1</v>
      </c>
      <c r="AA34" s="277">
        <v>1</v>
      </c>
      <c r="AB34" s="279">
        <v>0</v>
      </c>
      <c r="AC34" s="280">
        <v>1</v>
      </c>
      <c r="AD34" s="280">
        <v>2</v>
      </c>
      <c r="AE34" s="280">
        <v>1</v>
      </c>
      <c r="AF34" s="280">
        <v>0</v>
      </c>
      <c r="AG34" s="280">
        <v>0</v>
      </c>
      <c r="AH34" s="277">
        <v>4</v>
      </c>
      <c r="AI34" s="282">
        <v>5</v>
      </c>
      <c r="AJ34" s="276">
        <v>0</v>
      </c>
      <c r="AK34" s="280">
        <v>0</v>
      </c>
      <c r="AL34" s="277">
        <v>0</v>
      </c>
      <c r="AM34" s="279">
        <v>0</v>
      </c>
      <c r="AN34" s="280">
        <v>0</v>
      </c>
      <c r="AO34" s="280">
        <v>1</v>
      </c>
      <c r="AP34" s="280">
        <v>0</v>
      </c>
      <c r="AQ34" s="280">
        <v>0</v>
      </c>
      <c r="AR34" s="280">
        <v>0</v>
      </c>
      <c r="AS34" s="277">
        <v>1</v>
      </c>
      <c r="AT34" s="282">
        <v>1</v>
      </c>
      <c r="AU34" s="276">
        <v>0</v>
      </c>
      <c r="AV34" s="280">
        <v>0</v>
      </c>
      <c r="AW34" s="277">
        <v>0</v>
      </c>
      <c r="AX34" s="279">
        <v>0</v>
      </c>
      <c r="AY34" s="280">
        <v>0</v>
      </c>
      <c r="AZ34" s="280">
        <v>1</v>
      </c>
      <c r="BA34" s="280">
        <v>4</v>
      </c>
      <c r="BB34" s="280">
        <v>3</v>
      </c>
      <c r="BC34" s="280">
        <v>1</v>
      </c>
      <c r="BD34" s="281">
        <v>9</v>
      </c>
      <c r="BE34" s="282">
        <v>9</v>
      </c>
      <c r="BF34" s="276">
        <v>0</v>
      </c>
      <c r="BG34" s="280">
        <v>0</v>
      </c>
      <c r="BH34" s="277">
        <v>0</v>
      </c>
      <c r="BI34" s="279">
        <v>0</v>
      </c>
      <c r="BJ34" s="280">
        <v>3</v>
      </c>
      <c r="BK34" s="280">
        <v>2</v>
      </c>
      <c r="BL34" s="280">
        <v>2</v>
      </c>
      <c r="BM34" s="280">
        <v>0</v>
      </c>
      <c r="BN34" s="280">
        <v>1</v>
      </c>
      <c r="BO34" s="277">
        <v>8</v>
      </c>
      <c r="BP34" s="282">
        <v>8</v>
      </c>
      <c r="BQ34" s="276">
        <v>0</v>
      </c>
      <c r="BR34" s="280">
        <v>0</v>
      </c>
      <c r="BS34" s="277">
        <v>0</v>
      </c>
      <c r="BT34" s="279">
        <v>0</v>
      </c>
      <c r="BU34" s="280">
        <v>2</v>
      </c>
      <c r="BV34" s="280">
        <v>1</v>
      </c>
      <c r="BW34" s="280">
        <v>0</v>
      </c>
      <c r="BX34" s="280">
        <v>0</v>
      </c>
      <c r="BY34" s="280">
        <v>1</v>
      </c>
      <c r="BZ34" s="277">
        <v>4</v>
      </c>
      <c r="CA34" s="282">
        <v>4</v>
      </c>
      <c r="CB34" s="276">
        <v>0</v>
      </c>
      <c r="CC34" s="280">
        <v>0</v>
      </c>
      <c r="CD34" s="277">
        <v>0</v>
      </c>
      <c r="CE34" s="279">
        <v>0</v>
      </c>
      <c r="CF34" s="280">
        <v>0</v>
      </c>
      <c r="CG34" s="280">
        <v>0</v>
      </c>
      <c r="CH34" s="280">
        <v>0</v>
      </c>
      <c r="CI34" s="280">
        <v>0</v>
      </c>
      <c r="CJ34" s="280">
        <v>1</v>
      </c>
      <c r="CK34" s="277">
        <v>1</v>
      </c>
      <c r="CL34" s="282">
        <v>1</v>
      </c>
      <c r="CM34" s="276">
        <v>0</v>
      </c>
      <c r="CN34" s="280">
        <v>0</v>
      </c>
      <c r="CO34" s="277">
        <v>0</v>
      </c>
      <c r="CP34" s="279">
        <v>0</v>
      </c>
      <c r="CQ34" s="280">
        <v>0</v>
      </c>
      <c r="CR34" s="280">
        <v>0</v>
      </c>
      <c r="CS34" s="280">
        <v>0</v>
      </c>
      <c r="CT34" s="280">
        <v>1</v>
      </c>
      <c r="CU34" s="280">
        <v>0</v>
      </c>
      <c r="CV34" s="277">
        <v>1</v>
      </c>
      <c r="CW34" s="282">
        <v>1</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0</v>
      </c>
      <c r="DU34" s="280">
        <v>3</v>
      </c>
      <c r="DV34" s="277">
        <v>3</v>
      </c>
      <c r="DW34" s="279">
        <v>0</v>
      </c>
      <c r="DX34" s="280">
        <v>5</v>
      </c>
      <c r="DY34" s="280">
        <v>8</v>
      </c>
      <c r="DZ34" s="280">
        <v>5</v>
      </c>
      <c r="EA34" s="280">
        <v>1</v>
      </c>
      <c r="EB34" s="280">
        <v>2</v>
      </c>
      <c r="EC34" s="277">
        <v>21</v>
      </c>
      <c r="ED34" s="282">
        <v>24</v>
      </c>
      <c r="EE34" s="276">
        <v>0</v>
      </c>
      <c r="EF34" s="280">
        <v>0</v>
      </c>
      <c r="EG34" s="277">
        <v>0</v>
      </c>
      <c r="EH34" s="279">
        <v>0</v>
      </c>
      <c r="EI34" s="280">
        <v>0</v>
      </c>
      <c r="EJ34" s="280">
        <v>1</v>
      </c>
      <c r="EK34" s="280">
        <v>1</v>
      </c>
      <c r="EL34" s="280">
        <v>2</v>
      </c>
      <c r="EM34" s="280">
        <v>1</v>
      </c>
      <c r="EN34" s="277">
        <v>5</v>
      </c>
      <c r="EO34" s="282">
        <v>5</v>
      </c>
      <c r="EP34" s="276">
        <v>0</v>
      </c>
      <c r="EQ34" s="280">
        <v>4</v>
      </c>
      <c r="ER34" s="277">
        <v>4</v>
      </c>
      <c r="ES34" s="279">
        <v>0</v>
      </c>
      <c r="ET34" s="280">
        <v>8</v>
      </c>
      <c r="EU34" s="280">
        <v>10</v>
      </c>
      <c r="EV34" s="280">
        <v>5</v>
      </c>
      <c r="EW34" s="280">
        <v>2</v>
      </c>
      <c r="EX34" s="280">
        <v>2</v>
      </c>
      <c r="EY34" s="277">
        <v>27</v>
      </c>
      <c r="EZ34" s="282">
        <v>31</v>
      </c>
    </row>
    <row r="35" spans="2:156" ht="21" customHeight="1" x14ac:dyDescent="0.2">
      <c r="B35" s="261" t="s">
        <v>33</v>
      </c>
      <c r="C35" s="276">
        <v>0</v>
      </c>
      <c r="D35" s="280">
        <v>0</v>
      </c>
      <c r="E35" s="384">
        <v>0</v>
      </c>
      <c r="F35" s="279">
        <v>0</v>
      </c>
      <c r="G35" s="280">
        <v>2</v>
      </c>
      <c r="H35" s="280">
        <v>0</v>
      </c>
      <c r="I35" s="280">
        <v>0</v>
      </c>
      <c r="J35" s="280">
        <v>0</v>
      </c>
      <c r="K35" s="280">
        <v>1</v>
      </c>
      <c r="L35" s="281">
        <v>3</v>
      </c>
      <c r="M35" s="282">
        <v>3</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1</v>
      </c>
      <c r="AE35" s="280">
        <v>0</v>
      </c>
      <c r="AF35" s="280">
        <v>0</v>
      </c>
      <c r="AG35" s="280">
        <v>1</v>
      </c>
      <c r="AH35" s="277">
        <v>3</v>
      </c>
      <c r="AI35" s="282">
        <v>3</v>
      </c>
      <c r="AJ35" s="276">
        <v>2</v>
      </c>
      <c r="AK35" s="280">
        <v>1</v>
      </c>
      <c r="AL35" s="277">
        <v>3</v>
      </c>
      <c r="AM35" s="279">
        <v>0</v>
      </c>
      <c r="AN35" s="280">
        <v>1</v>
      </c>
      <c r="AO35" s="280">
        <v>0</v>
      </c>
      <c r="AP35" s="280">
        <v>1</v>
      </c>
      <c r="AQ35" s="280">
        <v>0</v>
      </c>
      <c r="AR35" s="280">
        <v>1</v>
      </c>
      <c r="AS35" s="277">
        <v>3</v>
      </c>
      <c r="AT35" s="282">
        <v>6</v>
      </c>
      <c r="AU35" s="276">
        <v>0</v>
      </c>
      <c r="AV35" s="280">
        <v>0</v>
      </c>
      <c r="AW35" s="277">
        <v>0</v>
      </c>
      <c r="AX35" s="279">
        <v>0</v>
      </c>
      <c r="AY35" s="280">
        <v>1</v>
      </c>
      <c r="AZ35" s="280">
        <v>1</v>
      </c>
      <c r="BA35" s="280">
        <v>1</v>
      </c>
      <c r="BB35" s="280">
        <v>1</v>
      </c>
      <c r="BC35" s="280">
        <v>0</v>
      </c>
      <c r="BD35" s="281">
        <v>4</v>
      </c>
      <c r="BE35" s="282">
        <v>4</v>
      </c>
      <c r="BF35" s="276">
        <v>0</v>
      </c>
      <c r="BG35" s="280">
        <v>0</v>
      </c>
      <c r="BH35" s="277">
        <v>0</v>
      </c>
      <c r="BI35" s="279">
        <v>0</v>
      </c>
      <c r="BJ35" s="280">
        <v>1</v>
      </c>
      <c r="BK35" s="280">
        <v>0</v>
      </c>
      <c r="BL35" s="280">
        <v>0</v>
      </c>
      <c r="BM35" s="280">
        <v>0</v>
      </c>
      <c r="BN35" s="280">
        <v>0</v>
      </c>
      <c r="BO35" s="277">
        <v>1</v>
      </c>
      <c r="BP35" s="282">
        <v>1</v>
      </c>
      <c r="BQ35" s="276">
        <v>1</v>
      </c>
      <c r="BR35" s="280">
        <v>0</v>
      </c>
      <c r="BS35" s="277">
        <v>1</v>
      </c>
      <c r="BT35" s="279">
        <v>0</v>
      </c>
      <c r="BU35" s="280">
        <v>2</v>
      </c>
      <c r="BV35" s="280">
        <v>1</v>
      </c>
      <c r="BW35" s="280">
        <v>0</v>
      </c>
      <c r="BX35" s="280">
        <v>0</v>
      </c>
      <c r="BY35" s="280">
        <v>0</v>
      </c>
      <c r="BZ35" s="277">
        <v>3</v>
      </c>
      <c r="CA35" s="282">
        <v>4</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v>
      </c>
      <c r="DU35" s="280">
        <v>0</v>
      </c>
      <c r="DV35" s="277">
        <v>1</v>
      </c>
      <c r="DW35" s="279">
        <v>0</v>
      </c>
      <c r="DX35" s="280">
        <v>4</v>
      </c>
      <c r="DY35" s="280">
        <v>1</v>
      </c>
      <c r="DZ35" s="280">
        <v>1</v>
      </c>
      <c r="EA35" s="280">
        <v>0</v>
      </c>
      <c r="EB35" s="280">
        <v>0</v>
      </c>
      <c r="EC35" s="277">
        <v>6</v>
      </c>
      <c r="ED35" s="282">
        <v>7</v>
      </c>
      <c r="EE35" s="276">
        <v>0</v>
      </c>
      <c r="EF35" s="280">
        <v>0</v>
      </c>
      <c r="EG35" s="277">
        <v>0</v>
      </c>
      <c r="EH35" s="279">
        <v>0</v>
      </c>
      <c r="EI35" s="280">
        <v>0</v>
      </c>
      <c r="EJ35" s="280">
        <v>1</v>
      </c>
      <c r="EK35" s="280">
        <v>0</v>
      </c>
      <c r="EL35" s="280">
        <v>1</v>
      </c>
      <c r="EM35" s="280">
        <v>0</v>
      </c>
      <c r="EN35" s="277">
        <v>2</v>
      </c>
      <c r="EO35" s="282">
        <v>2</v>
      </c>
      <c r="EP35" s="276">
        <v>3</v>
      </c>
      <c r="EQ35" s="280">
        <v>1</v>
      </c>
      <c r="ER35" s="277">
        <v>4</v>
      </c>
      <c r="ES35" s="279">
        <v>0</v>
      </c>
      <c r="ET35" s="280">
        <v>6</v>
      </c>
      <c r="EU35" s="280">
        <v>2</v>
      </c>
      <c r="EV35" s="280">
        <v>1</v>
      </c>
      <c r="EW35" s="280">
        <v>0</v>
      </c>
      <c r="EX35" s="280">
        <v>1</v>
      </c>
      <c r="EY35" s="277">
        <v>10</v>
      </c>
      <c r="EZ35" s="282">
        <v>14</v>
      </c>
    </row>
    <row r="36" spans="2:156" ht="21" customHeight="1" x14ac:dyDescent="0.2">
      <c r="B36" s="261" t="s">
        <v>34</v>
      </c>
      <c r="C36" s="276">
        <v>0</v>
      </c>
      <c r="D36" s="280">
        <v>0</v>
      </c>
      <c r="E36" s="384">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v>
      </c>
      <c r="AD36" s="280">
        <v>0</v>
      </c>
      <c r="AE36" s="280">
        <v>0</v>
      </c>
      <c r="AF36" s="280">
        <v>0</v>
      </c>
      <c r="AG36" s="280">
        <v>0</v>
      </c>
      <c r="AH36" s="277">
        <v>1</v>
      </c>
      <c r="AI36" s="282">
        <v>1</v>
      </c>
      <c r="AJ36" s="276">
        <v>0</v>
      </c>
      <c r="AK36" s="280">
        <v>0</v>
      </c>
      <c r="AL36" s="277">
        <v>0</v>
      </c>
      <c r="AM36" s="279">
        <v>0</v>
      </c>
      <c r="AN36" s="280">
        <v>0</v>
      </c>
      <c r="AO36" s="280">
        <v>1</v>
      </c>
      <c r="AP36" s="280">
        <v>0</v>
      </c>
      <c r="AQ36" s="280">
        <v>0</v>
      </c>
      <c r="AR36" s="280">
        <v>0</v>
      </c>
      <c r="AS36" s="277">
        <v>1</v>
      </c>
      <c r="AT36" s="282">
        <v>1</v>
      </c>
      <c r="AU36" s="276">
        <v>0</v>
      </c>
      <c r="AV36" s="280">
        <v>0</v>
      </c>
      <c r="AW36" s="277">
        <v>0</v>
      </c>
      <c r="AX36" s="279">
        <v>0</v>
      </c>
      <c r="AY36" s="280">
        <v>0</v>
      </c>
      <c r="AZ36" s="280">
        <v>2</v>
      </c>
      <c r="BA36" s="280">
        <v>0</v>
      </c>
      <c r="BB36" s="280">
        <v>0</v>
      </c>
      <c r="BC36" s="280">
        <v>2</v>
      </c>
      <c r="BD36" s="281">
        <v>4</v>
      </c>
      <c r="BE36" s="282">
        <v>4</v>
      </c>
      <c r="BF36" s="276">
        <v>0</v>
      </c>
      <c r="BG36" s="280">
        <v>0</v>
      </c>
      <c r="BH36" s="277">
        <v>0</v>
      </c>
      <c r="BI36" s="279">
        <v>0</v>
      </c>
      <c r="BJ36" s="280">
        <v>0</v>
      </c>
      <c r="BK36" s="280">
        <v>0</v>
      </c>
      <c r="BL36" s="280">
        <v>0</v>
      </c>
      <c r="BM36" s="280">
        <v>1</v>
      </c>
      <c r="BN36" s="280">
        <v>0</v>
      </c>
      <c r="BO36" s="277">
        <v>1</v>
      </c>
      <c r="BP36" s="282">
        <v>1</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1</v>
      </c>
      <c r="DV36" s="277">
        <v>1</v>
      </c>
      <c r="DW36" s="279">
        <v>0</v>
      </c>
      <c r="DX36" s="280">
        <v>1</v>
      </c>
      <c r="DY36" s="280">
        <v>1</v>
      </c>
      <c r="DZ36" s="280">
        <v>2</v>
      </c>
      <c r="EA36" s="280">
        <v>1</v>
      </c>
      <c r="EB36" s="280">
        <v>0</v>
      </c>
      <c r="EC36" s="277">
        <v>5</v>
      </c>
      <c r="ED36" s="282">
        <v>6</v>
      </c>
      <c r="EE36" s="276">
        <v>0</v>
      </c>
      <c r="EF36" s="280">
        <v>0</v>
      </c>
      <c r="EG36" s="277">
        <v>0</v>
      </c>
      <c r="EH36" s="279">
        <v>0</v>
      </c>
      <c r="EI36" s="280">
        <v>0</v>
      </c>
      <c r="EJ36" s="280">
        <v>0</v>
      </c>
      <c r="EK36" s="280">
        <v>0</v>
      </c>
      <c r="EL36" s="280">
        <v>0</v>
      </c>
      <c r="EM36" s="280">
        <v>2</v>
      </c>
      <c r="EN36" s="277">
        <v>2</v>
      </c>
      <c r="EO36" s="282">
        <v>2</v>
      </c>
      <c r="EP36" s="276">
        <v>0</v>
      </c>
      <c r="EQ36" s="280">
        <v>1</v>
      </c>
      <c r="ER36" s="277">
        <v>1</v>
      </c>
      <c r="ES36" s="279">
        <v>0</v>
      </c>
      <c r="ET36" s="280">
        <v>2</v>
      </c>
      <c r="EU36" s="280">
        <v>2</v>
      </c>
      <c r="EV36" s="280">
        <v>2</v>
      </c>
      <c r="EW36" s="280">
        <v>1</v>
      </c>
      <c r="EX36" s="280">
        <v>0</v>
      </c>
      <c r="EY36" s="277">
        <v>7</v>
      </c>
      <c r="EZ36" s="282">
        <v>8</v>
      </c>
    </row>
    <row r="37" spans="2:156" ht="21" customHeight="1" x14ac:dyDescent="0.2">
      <c r="B37" s="261" t="s">
        <v>35</v>
      </c>
      <c r="C37" s="276">
        <v>0</v>
      </c>
      <c r="D37" s="280">
        <v>0</v>
      </c>
      <c r="E37" s="384">
        <v>0</v>
      </c>
      <c r="F37" s="279">
        <v>0</v>
      </c>
      <c r="G37" s="280">
        <v>7</v>
      </c>
      <c r="H37" s="280">
        <v>2</v>
      </c>
      <c r="I37" s="280">
        <v>0</v>
      </c>
      <c r="J37" s="280">
        <v>1</v>
      </c>
      <c r="K37" s="280">
        <v>2</v>
      </c>
      <c r="L37" s="281">
        <v>12</v>
      </c>
      <c r="M37" s="282">
        <v>12</v>
      </c>
      <c r="N37" s="276">
        <v>0</v>
      </c>
      <c r="O37" s="280">
        <v>0</v>
      </c>
      <c r="P37" s="277">
        <v>0</v>
      </c>
      <c r="Q37" s="279">
        <v>0</v>
      </c>
      <c r="R37" s="280">
        <v>0</v>
      </c>
      <c r="S37" s="280">
        <v>0</v>
      </c>
      <c r="T37" s="280">
        <v>1</v>
      </c>
      <c r="U37" s="280">
        <v>0</v>
      </c>
      <c r="V37" s="280">
        <v>2</v>
      </c>
      <c r="W37" s="277">
        <v>3</v>
      </c>
      <c r="X37" s="282">
        <v>3</v>
      </c>
      <c r="Y37" s="276">
        <v>1</v>
      </c>
      <c r="Z37" s="280">
        <v>0</v>
      </c>
      <c r="AA37" s="277">
        <v>1</v>
      </c>
      <c r="AB37" s="279">
        <v>0</v>
      </c>
      <c r="AC37" s="280">
        <v>2</v>
      </c>
      <c r="AD37" s="280">
        <v>2</v>
      </c>
      <c r="AE37" s="280">
        <v>0</v>
      </c>
      <c r="AF37" s="280">
        <v>1</v>
      </c>
      <c r="AG37" s="280">
        <v>1</v>
      </c>
      <c r="AH37" s="277">
        <v>6</v>
      </c>
      <c r="AI37" s="282">
        <v>7</v>
      </c>
      <c r="AJ37" s="276">
        <v>2</v>
      </c>
      <c r="AK37" s="280">
        <v>0</v>
      </c>
      <c r="AL37" s="277">
        <v>2</v>
      </c>
      <c r="AM37" s="279">
        <v>0</v>
      </c>
      <c r="AN37" s="280">
        <v>1</v>
      </c>
      <c r="AO37" s="280">
        <v>0</v>
      </c>
      <c r="AP37" s="280">
        <v>1</v>
      </c>
      <c r="AQ37" s="280">
        <v>1</v>
      </c>
      <c r="AR37" s="280">
        <v>0</v>
      </c>
      <c r="AS37" s="277">
        <v>3</v>
      </c>
      <c r="AT37" s="282">
        <v>5</v>
      </c>
      <c r="AU37" s="276">
        <v>3</v>
      </c>
      <c r="AV37" s="280">
        <v>1</v>
      </c>
      <c r="AW37" s="277">
        <v>4</v>
      </c>
      <c r="AX37" s="279">
        <v>0</v>
      </c>
      <c r="AY37" s="280">
        <v>8</v>
      </c>
      <c r="AZ37" s="280">
        <v>4</v>
      </c>
      <c r="BA37" s="280">
        <v>2</v>
      </c>
      <c r="BB37" s="280">
        <v>5</v>
      </c>
      <c r="BC37" s="280">
        <v>3</v>
      </c>
      <c r="BD37" s="281">
        <v>22</v>
      </c>
      <c r="BE37" s="282">
        <v>26</v>
      </c>
      <c r="BF37" s="276">
        <v>0</v>
      </c>
      <c r="BG37" s="280">
        <v>0</v>
      </c>
      <c r="BH37" s="277">
        <v>0</v>
      </c>
      <c r="BI37" s="279">
        <v>0</v>
      </c>
      <c r="BJ37" s="280">
        <v>9</v>
      </c>
      <c r="BK37" s="280">
        <v>5</v>
      </c>
      <c r="BL37" s="280">
        <v>1</v>
      </c>
      <c r="BM37" s="280">
        <v>0</v>
      </c>
      <c r="BN37" s="280">
        <v>0</v>
      </c>
      <c r="BO37" s="277">
        <v>15</v>
      </c>
      <c r="BP37" s="282">
        <v>15</v>
      </c>
      <c r="BQ37" s="276">
        <v>0</v>
      </c>
      <c r="BR37" s="280">
        <v>1</v>
      </c>
      <c r="BS37" s="277">
        <v>1</v>
      </c>
      <c r="BT37" s="279">
        <v>0</v>
      </c>
      <c r="BU37" s="280">
        <v>2</v>
      </c>
      <c r="BV37" s="280">
        <v>0</v>
      </c>
      <c r="BW37" s="280">
        <v>0</v>
      </c>
      <c r="BX37" s="280">
        <v>0</v>
      </c>
      <c r="BY37" s="280">
        <v>0</v>
      </c>
      <c r="BZ37" s="277">
        <v>2</v>
      </c>
      <c r="CA37" s="282">
        <v>3</v>
      </c>
      <c r="CB37" s="276">
        <v>0</v>
      </c>
      <c r="CC37" s="280">
        <v>0</v>
      </c>
      <c r="CD37" s="277">
        <v>0</v>
      </c>
      <c r="CE37" s="279">
        <v>0</v>
      </c>
      <c r="CF37" s="280">
        <v>0</v>
      </c>
      <c r="CG37" s="280">
        <v>1</v>
      </c>
      <c r="CH37" s="280">
        <v>0</v>
      </c>
      <c r="CI37" s="280">
        <v>0</v>
      </c>
      <c r="CJ37" s="280">
        <v>0</v>
      </c>
      <c r="CK37" s="277">
        <v>1</v>
      </c>
      <c r="CL37" s="282">
        <v>1</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0</v>
      </c>
      <c r="DU37" s="280">
        <v>0</v>
      </c>
      <c r="DV37" s="277">
        <v>0</v>
      </c>
      <c r="DW37" s="279">
        <v>0</v>
      </c>
      <c r="DX37" s="280">
        <v>7</v>
      </c>
      <c r="DY37" s="280">
        <v>7</v>
      </c>
      <c r="DZ37" s="280">
        <v>3</v>
      </c>
      <c r="EA37" s="280">
        <v>2</v>
      </c>
      <c r="EB37" s="280">
        <v>2</v>
      </c>
      <c r="EC37" s="277">
        <v>21</v>
      </c>
      <c r="ED37" s="282">
        <v>21</v>
      </c>
      <c r="EE37" s="276">
        <v>4</v>
      </c>
      <c r="EF37" s="280">
        <v>1</v>
      </c>
      <c r="EG37" s="277">
        <v>5</v>
      </c>
      <c r="EH37" s="279">
        <v>0</v>
      </c>
      <c r="EI37" s="280">
        <v>3</v>
      </c>
      <c r="EJ37" s="280">
        <v>0</v>
      </c>
      <c r="EK37" s="280">
        <v>1</v>
      </c>
      <c r="EL37" s="280">
        <v>3</v>
      </c>
      <c r="EM37" s="280">
        <v>1</v>
      </c>
      <c r="EN37" s="277">
        <v>8</v>
      </c>
      <c r="EO37" s="282">
        <v>13</v>
      </c>
      <c r="EP37" s="276">
        <v>3</v>
      </c>
      <c r="EQ37" s="280">
        <v>1</v>
      </c>
      <c r="ER37" s="277">
        <v>4</v>
      </c>
      <c r="ES37" s="279">
        <v>0</v>
      </c>
      <c r="ET37" s="280">
        <v>17</v>
      </c>
      <c r="EU37" s="280">
        <v>7</v>
      </c>
      <c r="EV37" s="280">
        <v>3</v>
      </c>
      <c r="EW37" s="280">
        <v>2</v>
      </c>
      <c r="EX37" s="280">
        <v>2</v>
      </c>
      <c r="EY37" s="277">
        <v>31</v>
      </c>
      <c r="EZ37" s="282">
        <v>35</v>
      </c>
    </row>
    <row r="38" spans="2:156" ht="21" customHeight="1" x14ac:dyDescent="0.2">
      <c r="B38" s="261" t="s">
        <v>36</v>
      </c>
      <c r="C38" s="276">
        <v>0</v>
      </c>
      <c r="D38" s="280">
        <v>0</v>
      </c>
      <c r="E38" s="384">
        <v>0</v>
      </c>
      <c r="F38" s="279">
        <v>0</v>
      </c>
      <c r="G38" s="280">
        <v>2</v>
      </c>
      <c r="H38" s="280">
        <v>1</v>
      </c>
      <c r="I38" s="280">
        <v>1</v>
      </c>
      <c r="J38" s="280">
        <v>0</v>
      </c>
      <c r="K38" s="280">
        <v>2</v>
      </c>
      <c r="L38" s="281">
        <v>6</v>
      </c>
      <c r="M38" s="282">
        <v>6</v>
      </c>
      <c r="N38" s="276">
        <v>0</v>
      </c>
      <c r="O38" s="280">
        <v>0</v>
      </c>
      <c r="P38" s="277">
        <v>0</v>
      </c>
      <c r="Q38" s="279">
        <v>0</v>
      </c>
      <c r="R38" s="280">
        <v>1</v>
      </c>
      <c r="S38" s="280">
        <v>0</v>
      </c>
      <c r="T38" s="280">
        <v>0</v>
      </c>
      <c r="U38" s="280">
        <v>0</v>
      </c>
      <c r="V38" s="280">
        <v>0</v>
      </c>
      <c r="W38" s="277">
        <v>1</v>
      </c>
      <c r="X38" s="282">
        <v>1</v>
      </c>
      <c r="Y38" s="276">
        <v>0</v>
      </c>
      <c r="Z38" s="280">
        <v>1</v>
      </c>
      <c r="AA38" s="277">
        <v>1</v>
      </c>
      <c r="AB38" s="279">
        <v>0</v>
      </c>
      <c r="AC38" s="280">
        <v>4</v>
      </c>
      <c r="AD38" s="280">
        <v>0</v>
      </c>
      <c r="AE38" s="280">
        <v>0</v>
      </c>
      <c r="AF38" s="280">
        <v>0</v>
      </c>
      <c r="AG38" s="280">
        <v>1</v>
      </c>
      <c r="AH38" s="277">
        <v>5</v>
      </c>
      <c r="AI38" s="282">
        <v>6</v>
      </c>
      <c r="AJ38" s="276">
        <v>0</v>
      </c>
      <c r="AK38" s="280">
        <v>1</v>
      </c>
      <c r="AL38" s="277">
        <v>1</v>
      </c>
      <c r="AM38" s="279">
        <v>0</v>
      </c>
      <c r="AN38" s="280">
        <v>0</v>
      </c>
      <c r="AO38" s="280">
        <v>1</v>
      </c>
      <c r="AP38" s="280">
        <v>0</v>
      </c>
      <c r="AQ38" s="280">
        <v>0</v>
      </c>
      <c r="AR38" s="280">
        <v>0</v>
      </c>
      <c r="AS38" s="277">
        <v>1</v>
      </c>
      <c r="AT38" s="282">
        <v>2</v>
      </c>
      <c r="AU38" s="276">
        <v>0</v>
      </c>
      <c r="AV38" s="280">
        <v>0</v>
      </c>
      <c r="AW38" s="277">
        <v>0</v>
      </c>
      <c r="AX38" s="279">
        <v>0</v>
      </c>
      <c r="AY38" s="280">
        <v>2</v>
      </c>
      <c r="AZ38" s="280">
        <v>3</v>
      </c>
      <c r="BA38" s="280">
        <v>3</v>
      </c>
      <c r="BB38" s="280">
        <v>1</v>
      </c>
      <c r="BC38" s="280">
        <v>3</v>
      </c>
      <c r="BD38" s="281">
        <v>12</v>
      </c>
      <c r="BE38" s="282">
        <v>12</v>
      </c>
      <c r="BF38" s="276">
        <v>0</v>
      </c>
      <c r="BG38" s="280">
        <v>0</v>
      </c>
      <c r="BH38" s="277">
        <v>0</v>
      </c>
      <c r="BI38" s="279">
        <v>0</v>
      </c>
      <c r="BJ38" s="280">
        <v>3</v>
      </c>
      <c r="BK38" s="280">
        <v>2</v>
      </c>
      <c r="BL38" s="280">
        <v>2</v>
      </c>
      <c r="BM38" s="280">
        <v>0</v>
      </c>
      <c r="BN38" s="280">
        <v>0</v>
      </c>
      <c r="BO38" s="277">
        <v>7</v>
      </c>
      <c r="BP38" s="282">
        <v>7</v>
      </c>
      <c r="BQ38" s="276">
        <v>0</v>
      </c>
      <c r="BR38" s="280">
        <v>1</v>
      </c>
      <c r="BS38" s="277">
        <v>1</v>
      </c>
      <c r="BT38" s="279">
        <v>0</v>
      </c>
      <c r="BU38" s="280">
        <v>1</v>
      </c>
      <c r="BV38" s="280">
        <v>0</v>
      </c>
      <c r="BW38" s="280">
        <v>1</v>
      </c>
      <c r="BX38" s="280">
        <v>1</v>
      </c>
      <c r="BY38" s="280">
        <v>0</v>
      </c>
      <c r="BZ38" s="277">
        <v>3</v>
      </c>
      <c r="CA38" s="282">
        <v>4</v>
      </c>
      <c r="CB38" s="276">
        <v>0</v>
      </c>
      <c r="CC38" s="280">
        <v>0</v>
      </c>
      <c r="CD38" s="277">
        <v>0</v>
      </c>
      <c r="CE38" s="279">
        <v>0</v>
      </c>
      <c r="CF38" s="280">
        <v>0</v>
      </c>
      <c r="CG38" s="280">
        <v>1</v>
      </c>
      <c r="CH38" s="280">
        <v>1</v>
      </c>
      <c r="CI38" s="280">
        <v>0</v>
      </c>
      <c r="CJ38" s="280">
        <v>0</v>
      </c>
      <c r="CK38" s="277">
        <v>2</v>
      </c>
      <c r="CL38" s="282">
        <v>2</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3</v>
      </c>
      <c r="DV38" s="277">
        <v>3</v>
      </c>
      <c r="DW38" s="279">
        <v>0</v>
      </c>
      <c r="DX38" s="280">
        <v>7</v>
      </c>
      <c r="DY38" s="280">
        <v>4</v>
      </c>
      <c r="DZ38" s="280">
        <v>0</v>
      </c>
      <c r="EA38" s="280">
        <v>1</v>
      </c>
      <c r="EB38" s="280">
        <v>0</v>
      </c>
      <c r="EC38" s="277">
        <v>12</v>
      </c>
      <c r="ED38" s="282">
        <v>15</v>
      </c>
      <c r="EE38" s="276">
        <v>0</v>
      </c>
      <c r="EF38" s="280">
        <v>0</v>
      </c>
      <c r="EG38" s="277">
        <v>0</v>
      </c>
      <c r="EH38" s="279">
        <v>0</v>
      </c>
      <c r="EI38" s="280">
        <v>1</v>
      </c>
      <c r="EJ38" s="280">
        <v>1</v>
      </c>
      <c r="EK38" s="280">
        <v>1</v>
      </c>
      <c r="EL38" s="280">
        <v>1</v>
      </c>
      <c r="EM38" s="280">
        <v>1</v>
      </c>
      <c r="EN38" s="277">
        <v>5</v>
      </c>
      <c r="EO38" s="282">
        <v>5</v>
      </c>
      <c r="EP38" s="276">
        <v>0</v>
      </c>
      <c r="EQ38" s="280">
        <v>5</v>
      </c>
      <c r="ER38" s="277">
        <v>5</v>
      </c>
      <c r="ES38" s="279">
        <v>0</v>
      </c>
      <c r="ET38" s="280">
        <v>11</v>
      </c>
      <c r="EU38" s="280">
        <v>7</v>
      </c>
      <c r="EV38" s="280">
        <v>2</v>
      </c>
      <c r="EW38" s="280">
        <v>1</v>
      </c>
      <c r="EX38" s="280">
        <v>2</v>
      </c>
      <c r="EY38" s="277">
        <v>23</v>
      </c>
      <c r="EZ38" s="282">
        <v>28</v>
      </c>
    </row>
    <row r="39" spans="2:156" ht="21"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0</v>
      </c>
      <c r="BD39" s="288">
        <v>1</v>
      </c>
      <c r="BE39" s="289">
        <v>1</v>
      </c>
      <c r="BF39" s="283">
        <v>0</v>
      </c>
      <c r="BG39" s="287">
        <v>0</v>
      </c>
      <c r="BH39" s="284">
        <v>0</v>
      </c>
      <c r="BI39" s="286">
        <v>0</v>
      </c>
      <c r="BJ39" s="287">
        <v>0</v>
      </c>
      <c r="BK39" s="287">
        <v>2</v>
      </c>
      <c r="BL39" s="287">
        <v>0</v>
      </c>
      <c r="BM39" s="287">
        <v>0</v>
      </c>
      <c r="BN39" s="287">
        <v>0</v>
      </c>
      <c r="BO39" s="284">
        <v>2</v>
      </c>
      <c r="BP39" s="289">
        <v>2</v>
      </c>
      <c r="BQ39" s="283">
        <v>0</v>
      </c>
      <c r="BR39" s="287">
        <v>1</v>
      </c>
      <c r="BS39" s="284">
        <v>1</v>
      </c>
      <c r="BT39" s="286">
        <v>0</v>
      </c>
      <c r="BU39" s="287">
        <v>0</v>
      </c>
      <c r="BV39" s="287">
        <v>0</v>
      </c>
      <c r="BW39" s="287">
        <v>0</v>
      </c>
      <c r="BX39" s="287">
        <v>0</v>
      </c>
      <c r="BY39" s="287">
        <v>0</v>
      </c>
      <c r="BZ39" s="284">
        <v>0</v>
      </c>
      <c r="CA39" s="289">
        <v>1</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1</v>
      </c>
      <c r="DV39" s="284">
        <v>1</v>
      </c>
      <c r="DW39" s="286">
        <v>0</v>
      </c>
      <c r="DX39" s="287">
        <v>0</v>
      </c>
      <c r="DY39" s="287">
        <v>2</v>
      </c>
      <c r="DZ39" s="287">
        <v>0</v>
      </c>
      <c r="EA39" s="287">
        <v>0</v>
      </c>
      <c r="EB39" s="287">
        <v>0</v>
      </c>
      <c r="EC39" s="284">
        <v>2</v>
      </c>
      <c r="ED39" s="289">
        <v>3</v>
      </c>
      <c r="EE39" s="283">
        <v>0</v>
      </c>
      <c r="EF39" s="287">
        <v>0</v>
      </c>
      <c r="EG39" s="284">
        <v>0</v>
      </c>
      <c r="EH39" s="286">
        <v>0</v>
      </c>
      <c r="EI39" s="287">
        <v>0</v>
      </c>
      <c r="EJ39" s="287">
        <v>0</v>
      </c>
      <c r="EK39" s="287">
        <v>0</v>
      </c>
      <c r="EL39" s="287">
        <v>1</v>
      </c>
      <c r="EM39" s="287">
        <v>0</v>
      </c>
      <c r="EN39" s="284">
        <v>1</v>
      </c>
      <c r="EO39" s="289">
        <v>1</v>
      </c>
      <c r="EP39" s="283">
        <v>0</v>
      </c>
      <c r="EQ39" s="287">
        <v>1</v>
      </c>
      <c r="ER39" s="284">
        <v>1</v>
      </c>
      <c r="ES39" s="286">
        <v>0</v>
      </c>
      <c r="ET39" s="287">
        <v>0</v>
      </c>
      <c r="EU39" s="287">
        <v>1</v>
      </c>
      <c r="EV39" s="287">
        <v>0</v>
      </c>
      <c r="EW39" s="287">
        <v>0</v>
      </c>
      <c r="EX39" s="287">
        <v>0</v>
      </c>
      <c r="EY39" s="284">
        <v>1</v>
      </c>
      <c r="EZ39" s="289">
        <v>2</v>
      </c>
    </row>
  </sheetData>
  <mergeCells count="59">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 ref="B3:B5"/>
    <mergeCell ref="C3:M3"/>
    <mergeCell ref="N3:X3"/>
    <mergeCell ref="X4:X5"/>
    <mergeCell ref="AJ3:AT3"/>
    <mergeCell ref="Y3:AI3"/>
    <mergeCell ref="Y4:AA4"/>
    <mergeCell ref="AB4:AH4"/>
    <mergeCell ref="AI4:AI5"/>
    <mergeCell ref="C4:E4"/>
    <mergeCell ref="F4:L4"/>
    <mergeCell ref="M4:M5"/>
    <mergeCell ref="N4:P4"/>
    <mergeCell ref="Q4:W4"/>
    <mergeCell ref="DT3:ED3"/>
    <mergeCell ref="EE3:EO3"/>
    <mergeCell ref="EP3:EZ3"/>
    <mergeCell ref="CB3:CL3"/>
    <mergeCell ref="CM3:CW3"/>
    <mergeCell ref="DI3:DS3"/>
    <mergeCell ref="CB4:CD4"/>
    <mergeCell ref="CE4:CK4"/>
    <mergeCell ref="AJ4:AL4"/>
    <mergeCell ref="AM4:AS4"/>
    <mergeCell ref="AT4:AT5"/>
    <mergeCell ref="AU4:AW4"/>
    <mergeCell ref="AX4:BD4"/>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4">
        <f>第１表!F2</f>
        <v>5</v>
      </c>
      <c r="J1" s="524"/>
      <c r="K1" s="248">
        <f>第１表!G2</f>
        <v>4</v>
      </c>
      <c r="L1" s="529">
        <f>IF(K1&lt;3,K1+12-2,K1-2)</f>
        <v>2</v>
      </c>
      <c r="M1" s="529"/>
    </row>
    <row r="2" spans="2:156" ht="24" customHeight="1" thickBot="1" x14ac:dyDescent="0.25">
      <c r="B2" s="290" t="s">
        <v>154</v>
      </c>
      <c r="G2" s="247"/>
      <c r="H2" s="248"/>
      <c r="J2" s="349"/>
      <c r="K2" s="349"/>
    </row>
    <row r="3" spans="2:156" ht="21" customHeight="1" thickBot="1" x14ac:dyDescent="0.25">
      <c r="B3" s="537"/>
      <c r="C3" s="540" t="s">
        <v>70</v>
      </c>
      <c r="D3" s="541"/>
      <c r="E3" s="541"/>
      <c r="F3" s="541"/>
      <c r="G3" s="541"/>
      <c r="H3" s="541"/>
      <c r="I3" s="541"/>
      <c r="J3" s="541"/>
      <c r="K3" s="541"/>
      <c r="L3" s="541"/>
      <c r="M3" s="542"/>
      <c r="N3" s="540" t="s">
        <v>71</v>
      </c>
      <c r="O3" s="541"/>
      <c r="P3" s="541"/>
      <c r="Q3" s="541"/>
      <c r="R3" s="541"/>
      <c r="S3" s="541"/>
      <c r="T3" s="541"/>
      <c r="U3" s="541"/>
      <c r="V3" s="541"/>
      <c r="W3" s="541"/>
      <c r="X3" s="542"/>
      <c r="Y3" s="540" t="s">
        <v>72</v>
      </c>
      <c r="Z3" s="541"/>
      <c r="AA3" s="541"/>
      <c r="AB3" s="541"/>
      <c r="AC3" s="541"/>
      <c r="AD3" s="541"/>
      <c r="AE3" s="541"/>
      <c r="AF3" s="541"/>
      <c r="AG3" s="541"/>
      <c r="AH3" s="541"/>
      <c r="AI3" s="542"/>
      <c r="AJ3" s="540" t="s">
        <v>73</v>
      </c>
      <c r="AK3" s="541"/>
      <c r="AL3" s="541"/>
      <c r="AM3" s="541"/>
      <c r="AN3" s="541"/>
      <c r="AO3" s="541"/>
      <c r="AP3" s="541"/>
      <c r="AQ3" s="541"/>
      <c r="AR3" s="541"/>
      <c r="AS3" s="541"/>
      <c r="AT3" s="542"/>
      <c r="AU3" s="540" t="s">
        <v>74</v>
      </c>
      <c r="AV3" s="541"/>
      <c r="AW3" s="541"/>
      <c r="AX3" s="541"/>
      <c r="AY3" s="541"/>
      <c r="AZ3" s="541"/>
      <c r="BA3" s="541"/>
      <c r="BB3" s="541"/>
      <c r="BC3" s="541"/>
      <c r="BD3" s="541"/>
      <c r="BE3" s="542"/>
      <c r="BF3" s="540" t="s">
        <v>75</v>
      </c>
      <c r="BG3" s="541"/>
      <c r="BH3" s="541"/>
      <c r="BI3" s="541"/>
      <c r="BJ3" s="541"/>
      <c r="BK3" s="541"/>
      <c r="BL3" s="541"/>
      <c r="BM3" s="541"/>
      <c r="BN3" s="541"/>
      <c r="BO3" s="541"/>
      <c r="BP3" s="542"/>
      <c r="BQ3" s="540" t="s">
        <v>76</v>
      </c>
      <c r="BR3" s="541"/>
      <c r="BS3" s="541"/>
      <c r="BT3" s="541"/>
      <c r="BU3" s="541"/>
      <c r="BV3" s="541"/>
      <c r="BW3" s="541"/>
      <c r="BX3" s="541"/>
      <c r="BY3" s="541"/>
      <c r="BZ3" s="541"/>
      <c r="CA3" s="542"/>
      <c r="CB3" s="540" t="s">
        <v>77</v>
      </c>
      <c r="CC3" s="541"/>
      <c r="CD3" s="541"/>
      <c r="CE3" s="541"/>
      <c r="CF3" s="541"/>
      <c r="CG3" s="541"/>
      <c r="CH3" s="541"/>
      <c r="CI3" s="541"/>
      <c r="CJ3" s="541"/>
      <c r="CK3" s="541"/>
      <c r="CL3" s="542"/>
      <c r="CM3" s="540" t="s">
        <v>78</v>
      </c>
      <c r="CN3" s="541"/>
      <c r="CO3" s="541"/>
      <c r="CP3" s="541"/>
      <c r="CQ3" s="541"/>
      <c r="CR3" s="541"/>
      <c r="CS3" s="541"/>
      <c r="CT3" s="541"/>
      <c r="CU3" s="541"/>
      <c r="CV3" s="541"/>
      <c r="CW3" s="542"/>
      <c r="CX3" s="540" t="s">
        <v>79</v>
      </c>
      <c r="CY3" s="541"/>
      <c r="CZ3" s="541"/>
      <c r="DA3" s="541"/>
      <c r="DB3" s="541"/>
      <c r="DC3" s="541"/>
      <c r="DD3" s="541"/>
      <c r="DE3" s="541"/>
      <c r="DF3" s="541"/>
      <c r="DG3" s="541"/>
      <c r="DH3" s="542"/>
      <c r="DI3" s="540" t="s">
        <v>152</v>
      </c>
      <c r="DJ3" s="541"/>
      <c r="DK3" s="541"/>
      <c r="DL3" s="541"/>
      <c r="DM3" s="541"/>
      <c r="DN3" s="541"/>
      <c r="DO3" s="541"/>
      <c r="DP3" s="541"/>
      <c r="DQ3" s="541"/>
      <c r="DR3" s="541"/>
      <c r="DS3" s="542"/>
      <c r="DT3" s="540" t="s">
        <v>80</v>
      </c>
      <c r="DU3" s="541"/>
      <c r="DV3" s="541"/>
      <c r="DW3" s="541"/>
      <c r="DX3" s="541"/>
      <c r="DY3" s="541"/>
      <c r="DZ3" s="541"/>
      <c r="EA3" s="541"/>
      <c r="EB3" s="541"/>
      <c r="EC3" s="541"/>
      <c r="ED3" s="542"/>
      <c r="EE3" s="540" t="s">
        <v>68</v>
      </c>
      <c r="EF3" s="541"/>
      <c r="EG3" s="541"/>
      <c r="EH3" s="541"/>
      <c r="EI3" s="541"/>
      <c r="EJ3" s="541"/>
      <c r="EK3" s="541"/>
      <c r="EL3" s="541"/>
      <c r="EM3" s="541"/>
      <c r="EN3" s="541"/>
      <c r="EO3" s="542"/>
      <c r="EP3" s="543" t="s">
        <v>69</v>
      </c>
      <c r="EQ3" s="544"/>
      <c r="ER3" s="544"/>
      <c r="ES3" s="544"/>
      <c r="ET3" s="544"/>
      <c r="EU3" s="544"/>
      <c r="EV3" s="544"/>
      <c r="EW3" s="544"/>
      <c r="EX3" s="544"/>
      <c r="EY3" s="544"/>
      <c r="EZ3" s="545"/>
    </row>
    <row r="4" spans="2:156" ht="21" customHeight="1" x14ac:dyDescent="0.2">
      <c r="B4" s="538"/>
      <c r="C4" s="532" t="s">
        <v>61</v>
      </c>
      <c r="D4" s="533"/>
      <c r="E4" s="534"/>
      <c r="F4" s="535" t="s">
        <v>62</v>
      </c>
      <c r="G4" s="533"/>
      <c r="H4" s="533"/>
      <c r="I4" s="533"/>
      <c r="J4" s="533"/>
      <c r="K4" s="533"/>
      <c r="L4" s="536"/>
      <c r="M4" s="530" t="s">
        <v>52</v>
      </c>
      <c r="N4" s="532" t="s">
        <v>61</v>
      </c>
      <c r="O4" s="533"/>
      <c r="P4" s="534"/>
      <c r="Q4" s="535" t="s">
        <v>62</v>
      </c>
      <c r="R4" s="533"/>
      <c r="S4" s="533"/>
      <c r="T4" s="533"/>
      <c r="U4" s="533"/>
      <c r="V4" s="533"/>
      <c r="W4" s="534"/>
      <c r="X4" s="530" t="s">
        <v>52</v>
      </c>
      <c r="Y4" s="532" t="s">
        <v>61</v>
      </c>
      <c r="Z4" s="533"/>
      <c r="AA4" s="534"/>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4"/>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c r="DI4" s="532" t="s">
        <v>61</v>
      </c>
      <c r="DJ4" s="533"/>
      <c r="DK4" s="534"/>
      <c r="DL4" s="535" t="s">
        <v>62</v>
      </c>
      <c r="DM4" s="533"/>
      <c r="DN4" s="533"/>
      <c r="DO4" s="533"/>
      <c r="DP4" s="533"/>
      <c r="DQ4" s="533"/>
      <c r="DR4" s="534"/>
      <c r="DS4" s="530" t="s">
        <v>52</v>
      </c>
      <c r="DT4" s="532" t="s">
        <v>61</v>
      </c>
      <c r="DU4" s="533"/>
      <c r="DV4" s="534"/>
      <c r="DW4" s="535" t="s">
        <v>62</v>
      </c>
      <c r="DX4" s="533"/>
      <c r="DY4" s="533"/>
      <c r="DZ4" s="533"/>
      <c r="EA4" s="533"/>
      <c r="EB4" s="533"/>
      <c r="EC4" s="534"/>
      <c r="ED4" s="530" t="s">
        <v>52</v>
      </c>
      <c r="EE4" s="532" t="s">
        <v>61</v>
      </c>
      <c r="EF4" s="533"/>
      <c r="EG4" s="534"/>
      <c r="EH4" s="535" t="s">
        <v>62</v>
      </c>
      <c r="EI4" s="533"/>
      <c r="EJ4" s="533"/>
      <c r="EK4" s="533"/>
      <c r="EL4" s="533"/>
      <c r="EM4" s="533"/>
      <c r="EN4" s="534"/>
      <c r="EO4" s="530" t="s">
        <v>52</v>
      </c>
      <c r="EP4" s="532" t="s">
        <v>61</v>
      </c>
      <c r="EQ4" s="533"/>
      <c r="ER4" s="534"/>
      <c r="ES4" s="535" t="s">
        <v>62</v>
      </c>
      <c r="ET4" s="533"/>
      <c r="EU4" s="533"/>
      <c r="EV4" s="533"/>
      <c r="EW4" s="533"/>
      <c r="EX4" s="533"/>
      <c r="EY4" s="534"/>
      <c r="EZ4" s="530" t="s">
        <v>52</v>
      </c>
    </row>
    <row r="5" spans="2:156" ht="30" customHeight="1" thickBot="1" x14ac:dyDescent="0.25">
      <c r="B5" s="539"/>
      <c r="C5" s="350" t="s">
        <v>43</v>
      </c>
      <c r="D5" s="259" t="s">
        <v>162</v>
      </c>
      <c r="E5" s="382" t="s">
        <v>45</v>
      </c>
      <c r="F5" s="267" t="s">
        <v>83</v>
      </c>
      <c r="G5" s="259" t="s">
        <v>47</v>
      </c>
      <c r="H5" s="259" t="s">
        <v>48</v>
      </c>
      <c r="I5" s="259" t="s">
        <v>49</v>
      </c>
      <c r="J5" s="259" t="s">
        <v>50</v>
      </c>
      <c r="K5" s="259" t="s">
        <v>51</v>
      </c>
      <c r="L5" s="268" t="s">
        <v>45</v>
      </c>
      <c r="M5" s="531"/>
      <c r="N5" s="350" t="s">
        <v>43</v>
      </c>
      <c r="O5" s="259" t="s">
        <v>44</v>
      </c>
      <c r="P5" s="265" t="s">
        <v>45</v>
      </c>
      <c r="Q5" s="267" t="s">
        <v>83</v>
      </c>
      <c r="R5" s="259" t="s">
        <v>47</v>
      </c>
      <c r="S5" s="259" t="s">
        <v>48</v>
      </c>
      <c r="T5" s="259" t="s">
        <v>49</v>
      </c>
      <c r="U5" s="259" t="s">
        <v>50</v>
      </c>
      <c r="V5" s="259" t="s">
        <v>51</v>
      </c>
      <c r="W5" s="265" t="s">
        <v>45</v>
      </c>
      <c r="X5" s="531"/>
      <c r="Y5" s="350" t="s">
        <v>43</v>
      </c>
      <c r="Z5" s="259" t="s">
        <v>44</v>
      </c>
      <c r="AA5" s="265" t="s">
        <v>45</v>
      </c>
      <c r="AB5" s="267" t="s">
        <v>83</v>
      </c>
      <c r="AC5" s="259" t="s">
        <v>47</v>
      </c>
      <c r="AD5" s="259" t="s">
        <v>48</v>
      </c>
      <c r="AE5" s="259" t="s">
        <v>49</v>
      </c>
      <c r="AF5" s="259" t="s">
        <v>50</v>
      </c>
      <c r="AG5" s="259" t="s">
        <v>51</v>
      </c>
      <c r="AH5" s="265" t="s">
        <v>45</v>
      </c>
      <c r="AI5" s="531"/>
      <c r="AJ5" s="350" t="s">
        <v>43</v>
      </c>
      <c r="AK5" s="259" t="s">
        <v>44</v>
      </c>
      <c r="AL5" s="265" t="s">
        <v>45</v>
      </c>
      <c r="AM5" s="267" t="s">
        <v>83</v>
      </c>
      <c r="AN5" s="259" t="s">
        <v>47</v>
      </c>
      <c r="AO5" s="259" t="s">
        <v>48</v>
      </c>
      <c r="AP5" s="259" t="s">
        <v>49</v>
      </c>
      <c r="AQ5" s="259" t="s">
        <v>50</v>
      </c>
      <c r="AR5" s="259" t="s">
        <v>51</v>
      </c>
      <c r="AS5" s="265" t="s">
        <v>45</v>
      </c>
      <c r="AT5" s="531"/>
      <c r="AU5" s="350" t="s">
        <v>43</v>
      </c>
      <c r="AV5" s="259" t="s">
        <v>44</v>
      </c>
      <c r="AW5" s="265" t="s">
        <v>45</v>
      </c>
      <c r="AX5" s="267" t="s">
        <v>83</v>
      </c>
      <c r="AY5" s="259" t="s">
        <v>47</v>
      </c>
      <c r="AZ5" s="259" t="s">
        <v>48</v>
      </c>
      <c r="BA5" s="259" t="s">
        <v>49</v>
      </c>
      <c r="BB5" s="259" t="s">
        <v>50</v>
      </c>
      <c r="BC5" s="259" t="s">
        <v>51</v>
      </c>
      <c r="BD5" s="268" t="s">
        <v>45</v>
      </c>
      <c r="BE5" s="531"/>
      <c r="BF5" s="350" t="s">
        <v>43</v>
      </c>
      <c r="BG5" s="259" t="s">
        <v>44</v>
      </c>
      <c r="BH5" s="265" t="s">
        <v>45</v>
      </c>
      <c r="BI5" s="267" t="s">
        <v>83</v>
      </c>
      <c r="BJ5" s="259" t="s">
        <v>47</v>
      </c>
      <c r="BK5" s="259" t="s">
        <v>48</v>
      </c>
      <c r="BL5" s="259" t="s">
        <v>49</v>
      </c>
      <c r="BM5" s="259" t="s">
        <v>50</v>
      </c>
      <c r="BN5" s="259" t="s">
        <v>51</v>
      </c>
      <c r="BO5" s="265" t="s">
        <v>45</v>
      </c>
      <c r="BP5" s="531"/>
      <c r="BQ5" s="350" t="s">
        <v>43</v>
      </c>
      <c r="BR5" s="259" t="s">
        <v>44</v>
      </c>
      <c r="BS5" s="265" t="s">
        <v>45</v>
      </c>
      <c r="BT5" s="267" t="s">
        <v>83</v>
      </c>
      <c r="BU5" s="259" t="s">
        <v>47</v>
      </c>
      <c r="BV5" s="259" t="s">
        <v>48</v>
      </c>
      <c r="BW5" s="259" t="s">
        <v>49</v>
      </c>
      <c r="BX5" s="259" t="s">
        <v>50</v>
      </c>
      <c r="BY5" s="259" t="s">
        <v>51</v>
      </c>
      <c r="BZ5" s="265" t="s">
        <v>45</v>
      </c>
      <c r="CA5" s="531"/>
      <c r="CB5" s="350" t="s">
        <v>43</v>
      </c>
      <c r="CC5" s="259" t="s">
        <v>44</v>
      </c>
      <c r="CD5" s="265" t="s">
        <v>45</v>
      </c>
      <c r="CE5" s="267" t="s">
        <v>83</v>
      </c>
      <c r="CF5" s="259" t="s">
        <v>47</v>
      </c>
      <c r="CG5" s="259" t="s">
        <v>48</v>
      </c>
      <c r="CH5" s="259" t="s">
        <v>49</v>
      </c>
      <c r="CI5" s="259" t="s">
        <v>50</v>
      </c>
      <c r="CJ5" s="259" t="s">
        <v>51</v>
      </c>
      <c r="CK5" s="265" t="s">
        <v>45</v>
      </c>
      <c r="CL5" s="531"/>
      <c r="CM5" s="350" t="s">
        <v>43</v>
      </c>
      <c r="CN5" s="259" t="s">
        <v>44</v>
      </c>
      <c r="CO5" s="265" t="s">
        <v>45</v>
      </c>
      <c r="CP5" s="267" t="s">
        <v>83</v>
      </c>
      <c r="CQ5" s="259" t="s">
        <v>47</v>
      </c>
      <c r="CR5" s="259" t="s">
        <v>48</v>
      </c>
      <c r="CS5" s="259" t="s">
        <v>49</v>
      </c>
      <c r="CT5" s="259" t="s">
        <v>50</v>
      </c>
      <c r="CU5" s="259" t="s">
        <v>51</v>
      </c>
      <c r="CV5" s="265" t="s">
        <v>45</v>
      </c>
      <c r="CW5" s="531"/>
      <c r="CX5" s="350" t="s">
        <v>43</v>
      </c>
      <c r="CY5" s="259" t="s">
        <v>44</v>
      </c>
      <c r="CZ5" s="265" t="s">
        <v>45</v>
      </c>
      <c r="DA5" s="267" t="s">
        <v>83</v>
      </c>
      <c r="DB5" s="259" t="s">
        <v>47</v>
      </c>
      <c r="DC5" s="259" t="s">
        <v>48</v>
      </c>
      <c r="DD5" s="259" t="s">
        <v>49</v>
      </c>
      <c r="DE5" s="259" t="s">
        <v>50</v>
      </c>
      <c r="DF5" s="259" t="s">
        <v>51</v>
      </c>
      <c r="DG5" s="265" t="s">
        <v>45</v>
      </c>
      <c r="DH5" s="531"/>
      <c r="DI5" s="350" t="s">
        <v>43</v>
      </c>
      <c r="DJ5" s="259" t="s">
        <v>44</v>
      </c>
      <c r="DK5" s="265" t="s">
        <v>45</v>
      </c>
      <c r="DL5" s="267" t="s">
        <v>83</v>
      </c>
      <c r="DM5" s="259" t="s">
        <v>47</v>
      </c>
      <c r="DN5" s="259" t="s">
        <v>48</v>
      </c>
      <c r="DO5" s="259" t="s">
        <v>49</v>
      </c>
      <c r="DP5" s="259" t="s">
        <v>50</v>
      </c>
      <c r="DQ5" s="259" t="s">
        <v>51</v>
      </c>
      <c r="DR5" s="265" t="s">
        <v>45</v>
      </c>
      <c r="DS5" s="531"/>
      <c r="DT5" s="350" t="s">
        <v>43</v>
      </c>
      <c r="DU5" s="259" t="s">
        <v>44</v>
      </c>
      <c r="DV5" s="265" t="s">
        <v>45</v>
      </c>
      <c r="DW5" s="267" t="s">
        <v>83</v>
      </c>
      <c r="DX5" s="259" t="s">
        <v>47</v>
      </c>
      <c r="DY5" s="259" t="s">
        <v>48</v>
      </c>
      <c r="DZ5" s="259" t="s">
        <v>49</v>
      </c>
      <c r="EA5" s="259" t="s">
        <v>50</v>
      </c>
      <c r="EB5" s="259" t="s">
        <v>51</v>
      </c>
      <c r="EC5" s="265" t="s">
        <v>45</v>
      </c>
      <c r="ED5" s="531"/>
      <c r="EE5" s="350" t="s">
        <v>43</v>
      </c>
      <c r="EF5" s="259" t="s">
        <v>44</v>
      </c>
      <c r="EG5" s="265" t="s">
        <v>45</v>
      </c>
      <c r="EH5" s="267" t="s">
        <v>83</v>
      </c>
      <c r="EI5" s="259" t="s">
        <v>47</v>
      </c>
      <c r="EJ5" s="259" t="s">
        <v>48</v>
      </c>
      <c r="EK5" s="259" t="s">
        <v>49</v>
      </c>
      <c r="EL5" s="259" t="s">
        <v>50</v>
      </c>
      <c r="EM5" s="259" t="s">
        <v>51</v>
      </c>
      <c r="EN5" s="265" t="s">
        <v>45</v>
      </c>
      <c r="EO5" s="531"/>
      <c r="EP5" s="350" t="s">
        <v>43</v>
      </c>
      <c r="EQ5" s="259" t="s">
        <v>44</v>
      </c>
      <c r="ER5" s="265" t="s">
        <v>45</v>
      </c>
      <c r="ES5" s="267" t="s">
        <v>83</v>
      </c>
      <c r="ET5" s="259" t="s">
        <v>47</v>
      </c>
      <c r="EU5" s="259" t="s">
        <v>48</v>
      </c>
      <c r="EV5" s="259" t="s">
        <v>49</v>
      </c>
      <c r="EW5" s="259" t="s">
        <v>50</v>
      </c>
      <c r="EX5" s="259" t="s">
        <v>51</v>
      </c>
      <c r="EY5" s="265" t="s">
        <v>45</v>
      </c>
      <c r="EZ5" s="531"/>
    </row>
    <row r="6" spans="2:156" ht="21" customHeight="1" x14ac:dyDescent="0.2">
      <c r="B6" s="260" t="s">
        <v>4</v>
      </c>
      <c r="C6" s="269">
        <v>0</v>
      </c>
      <c r="D6" s="273">
        <v>0</v>
      </c>
      <c r="E6" s="383">
        <v>0</v>
      </c>
      <c r="F6" s="272">
        <v>0</v>
      </c>
      <c r="G6" s="273">
        <v>1142</v>
      </c>
      <c r="H6" s="273">
        <v>1243</v>
      </c>
      <c r="I6" s="273">
        <v>676</v>
      </c>
      <c r="J6" s="273">
        <v>573</v>
      </c>
      <c r="K6" s="273">
        <v>415</v>
      </c>
      <c r="L6" s="274">
        <v>4049</v>
      </c>
      <c r="M6" s="275">
        <v>4049</v>
      </c>
      <c r="N6" s="269">
        <v>1</v>
      </c>
      <c r="O6" s="273">
        <v>1</v>
      </c>
      <c r="P6" s="270">
        <v>2</v>
      </c>
      <c r="Q6" s="272">
        <v>0</v>
      </c>
      <c r="R6" s="273">
        <v>14</v>
      </c>
      <c r="S6" s="273">
        <v>37</v>
      </c>
      <c r="T6" s="273">
        <v>68</v>
      </c>
      <c r="U6" s="273">
        <v>144</v>
      </c>
      <c r="V6" s="273">
        <v>215</v>
      </c>
      <c r="W6" s="270">
        <v>478</v>
      </c>
      <c r="X6" s="275">
        <v>480</v>
      </c>
      <c r="Y6" s="269">
        <v>214</v>
      </c>
      <c r="Z6" s="273">
        <v>411</v>
      </c>
      <c r="AA6" s="270">
        <v>625</v>
      </c>
      <c r="AB6" s="272">
        <v>0</v>
      </c>
      <c r="AC6" s="273">
        <v>883</v>
      </c>
      <c r="AD6" s="273">
        <v>1164</v>
      </c>
      <c r="AE6" s="273">
        <v>683</v>
      </c>
      <c r="AF6" s="273">
        <v>617</v>
      </c>
      <c r="AG6" s="273">
        <v>391</v>
      </c>
      <c r="AH6" s="270">
        <v>3738</v>
      </c>
      <c r="AI6" s="275">
        <v>4363</v>
      </c>
      <c r="AJ6" s="269">
        <v>18</v>
      </c>
      <c r="AK6" s="273">
        <v>56</v>
      </c>
      <c r="AL6" s="270">
        <v>74</v>
      </c>
      <c r="AM6" s="272">
        <v>0</v>
      </c>
      <c r="AN6" s="273">
        <v>106</v>
      </c>
      <c r="AO6" s="273">
        <v>148</v>
      </c>
      <c r="AP6" s="273">
        <v>94</v>
      </c>
      <c r="AQ6" s="273">
        <v>91</v>
      </c>
      <c r="AR6" s="273">
        <v>49</v>
      </c>
      <c r="AS6" s="270">
        <v>488</v>
      </c>
      <c r="AT6" s="275">
        <v>562</v>
      </c>
      <c r="AU6" s="269">
        <v>293</v>
      </c>
      <c r="AV6" s="273">
        <v>334</v>
      </c>
      <c r="AW6" s="270">
        <v>627</v>
      </c>
      <c r="AX6" s="272">
        <v>0</v>
      </c>
      <c r="AY6" s="273">
        <v>1250</v>
      </c>
      <c r="AZ6" s="273">
        <v>1519</v>
      </c>
      <c r="BA6" s="273">
        <v>1344</v>
      </c>
      <c r="BB6" s="273">
        <v>1440</v>
      </c>
      <c r="BC6" s="273">
        <v>971</v>
      </c>
      <c r="BD6" s="274">
        <v>6524</v>
      </c>
      <c r="BE6" s="275">
        <v>7151</v>
      </c>
      <c r="BF6" s="269">
        <v>0</v>
      </c>
      <c r="BG6" s="273">
        <v>0</v>
      </c>
      <c r="BH6" s="270">
        <v>0</v>
      </c>
      <c r="BI6" s="272">
        <v>0</v>
      </c>
      <c r="BJ6" s="273">
        <v>1353</v>
      </c>
      <c r="BK6" s="273">
        <v>1135</v>
      </c>
      <c r="BL6" s="273">
        <v>581</v>
      </c>
      <c r="BM6" s="273">
        <v>327</v>
      </c>
      <c r="BN6" s="273">
        <v>144</v>
      </c>
      <c r="BO6" s="270">
        <v>3540</v>
      </c>
      <c r="BP6" s="275">
        <v>3540</v>
      </c>
      <c r="BQ6" s="269">
        <v>110</v>
      </c>
      <c r="BR6" s="273">
        <v>152</v>
      </c>
      <c r="BS6" s="270">
        <v>262</v>
      </c>
      <c r="BT6" s="272">
        <v>0</v>
      </c>
      <c r="BU6" s="273">
        <v>322</v>
      </c>
      <c r="BV6" s="273">
        <v>454</v>
      </c>
      <c r="BW6" s="273">
        <v>264</v>
      </c>
      <c r="BX6" s="273">
        <v>194</v>
      </c>
      <c r="BY6" s="273">
        <v>75</v>
      </c>
      <c r="BZ6" s="270">
        <v>1309</v>
      </c>
      <c r="CA6" s="275">
        <v>1571</v>
      </c>
      <c r="CB6" s="269">
        <v>3</v>
      </c>
      <c r="CC6" s="273">
        <v>13</v>
      </c>
      <c r="CD6" s="270">
        <v>16</v>
      </c>
      <c r="CE6" s="272">
        <v>0</v>
      </c>
      <c r="CF6" s="273">
        <v>116</v>
      </c>
      <c r="CG6" s="273">
        <v>200</v>
      </c>
      <c r="CH6" s="273">
        <v>260</v>
      </c>
      <c r="CI6" s="273">
        <v>178</v>
      </c>
      <c r="CJ6" s="273">
        <v>89</v>
      </c>
      <c r="CK6" s="270">
        <v>843</v>
      </c>
      <c r="CL6" s="275">
        <v>859</v>
      </c>
      <c r="CM6" s="269">
        <v>1</v>
      </c>
      <c r="CN6" s="273">
        <v>3</v>
      </c>
      <c r="CO6" s="270">
        <v>4</v>
      </c>
      <c r="CP6" s="272">
        <v>0</v>
      </c>
      <c r="CQ6" s="273">
        <v>15</v>
      </c>
      <c r="CR6" s="273">
        <v>46</v>
      </c>
      <c r="CS6" s="273">
        <v>38</v>
      </c>
      <c r="CT6" s="273">
        <v>31</v>
      </c>
      <c r="CU6" s="273">
        <v>29</v>
      </c>
      <c r="CV6" s="270">
        <v>159</v>
      </c>
      <c r="CW6" s="275">
        <v>163</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592</v>
      </c>
      <c r="DU6" s="273">
        <v>1188</v>
      </c>
      <c r="DV6" s="270">
        <v>1780</v>
      </c>
      <c r="DW6" s="272">
        <v>0</v>
      </c>
      <c r="DX6" s="273">
        <v>1588</v>
      </c>
      <c r="DY6" s="273">
        <v>2682</v>
      </c>
      <c r="DZ6" s="273">
        <v>1633</v>
      </c>
      <c r="EA6" s="273">
        <v>1287</v>
      </c>
      <c r="EB6" s="273">
        <v>761</v>
      </c>
      <c r="EC6" s="270">
        <v>7951</v>
      </c>
      <c r="ED6" s="275">
        <v>9731</v>
      </c>
      <c r="EE6" s="269">
        <v>204</v>
      </c>
      <c r="EF6" s="273">
        <v>158</v>
      </c>
      <c r="EG6" s="270">
        <v>362</v>
      </c>
      <c r="EH6" s="272">
        <v>0</v>
      </c>
      <c r="EI6" s="273">
        <v>633</v>
      </c>
      <c r="EJ6" s="273">
        <v>613</v>
      </c>
      <c r="EK6" s="273">
        <v>539</v>
      </c>
      <c r="EL6" s="273">
        <v>666</v>
      </c>
      <c r="EM6" s="273">
        <v>354</v>
      </c>
      <c r="EN6" s="270">
        <v>2805</v>
      </c>
      <c r="EO6" s="275">
        <v>3167</v>
      </c>
      <c r="EP6" s="269">
        <v>865</v>
      </c>
      <c r="EQ6" s="273">
        <v>1540</v>
      </c>
      <c r="ER6" s="270">
        <v>2405</v>
      </c>
      <c r="ES6" s="272">
        <v>0</v>
      </c>
      <c r="ET6" s="273">
        <v>3729</v>
      </c>
      <c r="EU6" s="273">
        <v>3815</v>
      </c>
      <c r="EV6" s="273">
        <v>1973</v>
      </c>
      <c r="EW6" s="273">
        <v>1395</v>
      </c>
      <c r="EX6" s="273">
        <v>792</v>
      </c>
      <c r="EY6" s="270">
        <v>11704</v>
      </c>
      <c r="EZ6" s="275">
        <v>14109</v>
      </c>
    </row>
    <row r="7" spans="2:156" ht="21" customHeight="1" x14ac:dyDescent="0.2">
      <c r="B7" s="261" t="s">
        <v>5</v>
      </c>
      <c r="C7" s="276">
        <v>0</v>
      </c>
      <c r="D7" s="280">
        <v>0</v>
      </c>
      <c r="E7" s="384">
        <v>0</v>
      </c>
      <c r="F7" s="279">
        <v>0</v>
      </c>
      <c r="G7" s="280">
        <v>453</v>
      </c>
      <c r="H7" s="280">
        <v>680</v>
      </c>
      <c r="I7" s="280">
        <v>296</v>
      </c>
      <c r="J7" s="280">
        <v>245</v>
      </c>
      <c r="K7" s="280">
        <v>161</v>
      </c>
      <c r="L7" s="281">
        <v>1835</v>
      </c>
      <c r="M7" s="282">
        <v>1835</v>
      </c>
      <c r="N7" s="276">
        <v>1</v>
      </c>
      <c r="O7" s="280">
        <v>1</v>
      </c>
      <c r="P7" s="277">
        <v>2</v>
      </c>
      <c r="Q7" s="279">
        <v>0</v>
      </c>
      <c r="R7" s="280">
        <v>3</v>
      </c>
      <c r="S7" s="280">
        <v>14</v>
      </c>
      <c r="T7" s="280">
        <v>35</v>
      </c>
      <c r="U7" s="280">
        <v>57</v>
      </c>
      <c r="V7" s="280">
        <v>91</v>
      </c>
      <c r="W7" s="277">
        <v>200</v>
      </c>
      <c r="X7" s="282">
        <v>202</v>
      </c>
      <c r="Y7" s="276">
        <v>113</v>
      </c>
      <c r="Z7" s="280">
        <v>211</v>
      </c>
      <c r="AA7" s="277">
        <v>324</v>
      </c>
      <c r="AB7" s="279">
        <v>0</v>
      </c>
      <c r="AC7" s="280">
        <v>339</v>
      </c>
      <c r="AD7" s="280">
        <v>654</v>
      </c>
      <c r="AE7" s="280">
        <v>320</v>
      </c>
      <c r="AF7" s="280">
        <v>280</v>
      </c>
      <c r="AG7" s="280">
        <v>162</v>
      </c>
      <c r="AH7" s="277">
        <v>1755</v>
      </c>
      <c r="AI7" s="282">
        <v>2079</v>
      </c>
      <c r="AJ7" s="276">
        <v>7</v>
      </c>
      <c r="AK7" s="280">
        <v>38</v>
      </c>
      <c r="AL7" s="277">
        <v>45</v>
      </c>
      <c r="AM7" s="279">
        <v>0</v>
      </c>
      <c r="AN7" s="280">
        <v>36</v>
      </c>
      <c r="AO7" s="280">
        <v>70</v>
      </c>
      <c r="AP7" s="280">
        <v>39</v>
      </c>
      <c r="AQ7" s="280">
        <v>42</v>
      </c>
      <c r="AR7" s="280">
        <v>22</v>
      </c>
      <c r="AS7" s="277">
        <v>209</v>
      </c>
      <c r="AT7" s="282">
        <v>254</v>
      </c>
      <c r="AU7" s="276">
        <v>139</v>
      </c>
      <c r="AV7" s="280">
        <v>186</v>
      </c>
      <c r="AW7" s="277">
        <v>325</v>
      </c>
      <c r="AX7" s="279">
        <v>0</v>
      </c>
      <c r="AY7" s="280">
        <v>491</v>
      </c>
      <c r="AZ7" s="280">
        <v>761</v>
      </c>
      <c r="BA7" s="280">
        <v>610</v>
      </c>
      <c r="BB7" s="280">
        <v>631</v>
      </c>
      <c r="BC7" s="280">
        <v>391</v>
      </c>
      <c r="BD7" s="281">
        <v>2884</v>
      </c>
      <c r="BE7" s="282">
        <v>3209</v>
      </c>
      <c r="BF7" s="276">
        <v>0</v>
      </c>
      <c r="BG7" s="280">
        <v>0</v>
      </c>
      <c r="BH7" s="277">
        <v>0</v>
      </c>
      <c r="BI7" s="279">
        <v>0</v>
      </c>
      <c r="BJ7" s="280">
        <v>467</v>
      </c>
      <c r="BK7" s="280">
        <v>477</v>
      </c>
      <c r="BL7" s="280">
        <v>239</v>
      </c>
      <c r="BM7" s="280">
        <v>118</v>
      </c>
      <c r="BN7" s="280">
        <v>50</v>
      </c>
      <c r="BO7" s="277">
        <v>1351</v>
      </c>
      <c r="BP7" s="282">
        <v>1351</v>
      </c>
      <c r="BQ7" s="276">
        <v>57</v>
      </c>
      <c r="BR7" s="280">
        <v>74</v>
      </c>
      <c r="BS7" s="277">
        <v>131</v>
      </c>
      <c r="BT7" s="279">
        <v>0</v>
      </c>
      <c r="BU7" s="280">
        <v>114</v>
      </c>
      <c r="BV7" s="280">
        <v>213</v>
      </c>
      <c r="BW7" s="280">
        <v>120</v>
      </c>
      <c r="BX7" s="280">
        <v>86</v>
      </c>
      <c r="BY7" s="280">
        <v>39</v>
      </c>
      <c r="BZ7" s="277">
        <v>572</v>
      </c>
      <c r="CA7" s="282">
        <v>703</v>
      </c>
      <c r="CB7" s="276">
        <v>2</v>
      </c>
      <c r="CC7" s="280">
        <v>3</v>
      </c>
      <c r="CD7" s="277">
        <v>5</v>
      </c>
      <c r="CE7" s="279">
        <v>0</v>
      </c>
      <c r="CF7" s="280">
        <v>38</v>
      </c>
      <c r="CG7" s="280">
        <v>83</v>
      </c>
      <c r="CH7" s="280">
        <v>96</v>
      </c>
      <c r="CI7" s="280">
        <v>67</v>
      </c>
      <c r="CJ7" s="280">
        <v>37</v>
      </c>
      <c r="CK7" s="277">
        <v>321</v>
      </c>
      <c r="CL7" s="282">
        <v>326</v>
      </c>
      <c r="CM7" s="276">
        <v>1</v>
      </c>
      <c r="CN7" s="280">
        <v>3</v>
      </c>
      <c r="CO7" s="277">
        <v>4</v>
      </c>
      <c r="CP7" s="279">
        <v>0</v>
      </c>
      <c r="CQ7" s="280">
        <v>4</v>
      </c>
      <c r="CR7" s="280">
        <v>28</v>
      </c>
      <c r="CS7" s="280">
        <v>20</v>
      </c>
      <c r="CT7" s="280">
        <v>18</v>
      </c>
      <c r="CU7" s="280">
        <v>16</v>
      </c>
      <c r="CV7" s="277">
        <v>86</v>
      </c>
      <c r="CW7" s="282">
        <v>90</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16</v>
      </c>
      <c r="DU7" s="280">
        <v>544</v>
      </c>
      <c r="DV7" s="277">
        <v>760</v>
      </c>
      <c r="DW7" s="279">
        <v>0</v>
      </c>
      <c r="DX7" s="280">
        <v>497</v>
      </c>
      <c r="DY7" s="280">
        <v>1316</v>
      </c>
      <c r="DZ7" s="280">
        <v>677</v>
      </c>
      <c r="EA7" s="280">
        <v>544</v>
      </c>
      <c r="EB7" s="280">
        <v>304</v>
      </c>
      <c r="EC7" s="277">
        <v>3338</v>
      </c>
      <c r="ED7" s="282">
        <v>4098</v>
      </c>
      <c r="EE7" s="276">
        <v>96</v>
      </c>
      <c r="EF7" s="280">
        <v>81</v>
      </c>
      <c r="EG7" s="277">
        <v>177</v>
      </c>
      <c r="EH7" s="279">
        <v>0</v>
      </c>
      <c r="EI7" s="280">
        <v>258</v>
      </c>
      <c r="EJ7" s="280">
        <v>323</v>
      </c>
      <c r="EK7" s="280">
        <v>266</v>
      </c>
      <c r="EL7" s="280">
        <v>302</v>
      </c>
      <c r="EM7" s="280">
        <v>152</v>
      </c>
      <c r="EN7" s="277">
        <v>1301</v>
      </c>
      <c r="EO7" s="282">
        <v>1478</v>
      </c>
      <c r="EP7" s="276">
        <v>358</v>
      </c>
      <c r="EQ7" s="280">
        <v>740</v>
      </c>
      <c r="ER7" s="277">
        <v>1098</v>
      </c>
      <c r="ES7" s="279">
        <v>0</v>
      </c>
      <c r="ET7" s="280">
        <v>1354</v>
      </c>
      <c r="EU7" s="280">
        <v>1863</v>
      </c>
      <c r="EV7" s="280">
        <v>848</v>
      </c>
      <c r="EW7" s="280">
        <v>598</v>
      </c>
      <c r="EX7" s="280">
        <v>329</v>
      </c>
      <c r="EY7" s="277">
        <v>4992</v>
      </c>
      <c r="EZ7" s="282">
        <v>6090</v>
      </c>
    </row>
    <row r="8" spans="2:156" ht="21" customHeight="1" x14ac:dyDescent="0.2">
      <c r="B8" s="261" t="s">
        <v>6</v>
      </c>
      <c r="C8" s="276">
        <v>0</v>
      </c>
      <c r="D8" s="280">
        <v>0</v>
      </c>
      <c r="E8" s="384">
        <v>0</v>
      </c>
      <c r="F8" s="279">
        <v>0</v>
      </c>
      <c r="G8" s="280">
        <v>226</v>
      </c>
      <c r="H8" s="280">
        <v>157</v>
      </c>
      <c r="I8" s="280">
        <v>111</v>
      </c>
      <c r="J8" s="280">
        <v>105</v>
      </c>
      <c r="K8" s="280">
        <v>75</v>
      </c>
      <c r="L8" s="281">
        <v>674</v>
      </c>
      <c r="M8" s="282">
        <v>674</v>
      </c>
      <c r="N8" s="276">
        <v>0</v>
      </c>
      <c r="O8" s="280">
        <v>0</v>
      </c>
      <c r="P8" s="277">
        <v>0</v>
      </c>
      <c r="Q8" s="279">
        <v>0</v>
      </c>
      <c r="R8" s="280">
        <v>4</v>
      </c>
      <c r="S8" s="280">
        <v>7</v>
      </c>
      <c r="T8" s="280">
        <v>12</v>
      </c>
      <c r="U8" s="280">
        <v>27</v>
      </c>
      <c r="V8" s="280">
        <v>30</v>
      </c>
      <c r="W8" s="277">
        <v>80</v>
      </c>
      <c r="X8" s="282">
        <v>80</v>
      </c>
      <c r="Y8" s="276">
        <v>30</v>
      </c>
      <c r="Z8" s="280">
        <v>75</v>
      </c>
      <c r="AA8" s="277">
        <v>105</v>
      </c>
      <c r="AB8" s="279">
        <v>0</v>
      </c>
      <c r="AC8" s="280">
        <v>202</v>
      </c>
      <c r="AD8" s="280">
        <v>156</v>
      </c>
      <c r="AE8" s="280">
        <v>122</v>
      </c>
      <c r="AF8" s="280">
        <v>119</v>
      </c>
      <c r="AG8" s="280">
        <v>64</v>
      </c>
      <c r="AH8" s="277">
        <v>663</v>
      </c>
      <c r="AI8" s="282">
        <v>768</v>
      </c>
      <c r="AJ8" s="276">
        <v>2</v>
      </c>
      <c r="AK8" s="280">
        <v>0</v>
      </c>
      <c r="AL8" s="277">
        <v>2</v>
      </c>
      <c r="AM8" s="279">
        <v>0</v>
      </c>
      <c r="AN8" s="280">
        <v>17</v>
      </c>
      <c r="AO8" s="280">
        <v>16</v>
      </c>
      <c r="AP8" s="280">
        <v>21</v>
      </c>
      <c r="AQ8" s="280">
        <v>11</v>
      </c>
      <c r="AR8" s="280">
        <v>7</v>
      </c>
      <c r="AS8" s="277">
        <v>72</v>
      </c>
      <c r="AT8" s="282">
        <v>74</v>
      </c>
      <c r="AU8" s="276">
        <v>47</v>
      </c>
      <c r="AV8" s="280">
        <v>55</v>
      </c>
      <c r="AW8" s="277">
        <v>102</v>
      </c>
      <c r="AX8" s="279">
        <v>0</v>
      </c>
      <c r="AY8" s="280">
        <v>264</v>
      </c>
      <c r="AZ8" s="280">
        <v>238</v>
      </c>
      <c r="BA8" s="280">
        <v>248</v>
      </c>
      <c r="BB8" s="280">
        <v>261</v>
      </c>
      <c r="BC8" s="280">
        <v>189</v>
      </c>
      <c r="BD8" s="281">
        <v>1200</v>
      </c>
      <c r="BE8" s="282">
        <v>1302</v>
      </c>
      <c r="BF8" s="276">
        <v>0</v>
      </c>
      <c r="BG8" s="280">
        <v>0</v>
      </c>
      <c r="BH8" s="277">
        <v>0</v>
      </c>
      <c r="BI8" s="279">
        <v>0</v>
      </c>
      <c r="BJ8" s="280">
        <v>260</v>
      </c>
      <c r="BK8" s="280">
        <v>162</v>
      </c>
      <c r="BL8" s="280">
        <v>81</v>
      </c>
      <c r="BM8" s="280">
        <v>59</v>
      </c>
      <c r="BN8" s="280">
        <v>29</v>
      </c>
      <c r="BO8" s="277">
        <v>591</v>
      </c>
      <c r="BP8" s="282">
        <v>591</v>
      </c>
      <c r="BQ8" s="276">
        <v>9</v>
      </c>
      <c r="BR8" s="280">
        <v>12</v>
      </c>
      <c r="BS8" s="277">
        <v>21</v>
      </c>
      <c r="BT8" s="279">
        <v>0</v>
      </c>
      <c r="BU8" s="280">
        <v>51</v>
      </c>
      <c r="BV8" s="280">
        <v>58</v>
      </c>
      <c r="BW8" s="280">
        <v>39</v>
      </c>
      <c r="BX8" s="280">
        <v>35</v>
      </c>
      <c r="BY8" s="280">
        <v>8</v>
      </c>
      <c r="BZ8" s="277">
        <v>191</v>
      </c>
      <c r="CA8" s="282">
        <v>212</v>
      </c>
      <c r="CB8" s="276">
        <v>0</v>
      </c>
      <c r="CC8" s="280">
        <v>1</v>
      </c>
      <c r="CD8" s="277">
        <v>1</v>
      </c>
      <c r="CE8" s="279">
        <v>0</v>
      </c>
      <c r="CF8" s="280">
        <v>16</v>
      </c>
      <c r="CG8" s="280">
        <v>22</v>
      </c>
      <c r="CH8" s="280">
        <v>44</v>
      </c>
      <c r="CI8" s="280">
        <v>30</v>
      </c>
      <c r="CJ8" s="280">
        <v>13</v>
      </c>
      <c r="CK8" s="277">
        <v>125</v>
      </c>
      <c r="CL8" s="282">
        <v>126</v>
      </c>
      <c r="CM8" s="276">
        <v>0</v>
      </c>
      <c r="CN8" s="280">
        <v>0</v>
      </c>
      <c r="CO8" s="277">
        <v>0</v>
      </c>
      <c r="CP8" s="279">
        <v>0</v>
      </c>
      <c r="CQ8" s="280">
        <v>6</v>
      </c>
      <c r="CR8" s="280">
        <v>9</v>
      </c>
      <c r="CS8" s="280">
        <v>7</v>
      </c>
      <c r="CT8" s="280">
        <v>6</v>
      </c>
      <c r="CU8" s="280">
        <v>6</v>
      </c>
      <c r="CV8" s="277">
        <v>34</v>
      </c>
      <c r="CW8" s="282">
        <v>34</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04</v>
      </c>
      <c r="DU8" s="280">
        <v>170</v>
      </c>
      <c r="DV8" s="277">
        <v>274</v>
      </c>
      <c r="DW8" s="279">
        <v>0</v>
      </c>
      <c r="DX8" s="280">
        <v>333</v>
      </c>
      <c r="DY8" s="280">
        <v>357</v>
      </c>
      <c r="DZ8" s="280">
        <v>285</v>
      </c>
      <c r="EA8" s="280">
        <v>230</v>
      </c>
      <c r="EB8" s="280">
        <v>124</v>
      </c>
      <c r="EC8" s="277">
        <v>1329</v>
      </c>
      <c r="ED8" s="282">
        <v>1603</v>
      </c>
      <c r="EE8" s="276">
        <v>33</v>
      </c>
      <c r="EF8" s="280">
        <v>22</v>
      </c>
      <c r="EG8" s="277">
        <v>55</v>
      </c>
      <c r="EH8" s="279">
        <v>0</v>
      </c>
      <c r="EI8" s="280">
        <v>112</v>
      </c>
      <c r="EJ8" s="280">
        <v>78</v>
      </c>
      <c r="EK8" s="280">
        <v>89</v>
      </c>
      <c r="EL8" s="280">
        <v>106</v>
      </c>
      <c r="EM8" s="280">
        <v>65</v>
      </c>
      <c r="EN8" s="277">
        <v>450</v>
      </c>
      <c r="EO8" s="282">
        <v>505</v>
      </c>
      <c r="EP8" s="276">
        <v>130</v>
      </c>
      <c r="EQ8" s="280">
        <v>216</v>
      </c>
      <c r="ER8" s="277">
        <v>346</v>
      </c>
      <c r="ES8" s="279">
        <v>0</v>
      </c>
      <c r="ET8" s="280">
        <v>730</v>
      </c>
      <c r="EU8" s="280">
        <v>520</v>
      </c>
      <c r="EV8" s="280">
        <v>327</v>
      </c>
      <c r="EW8" s="280">
        <v>252</v>
      </c>
      <c r="EX8" s="280">
        <v>136</v>
      </c>
      <c r="EY8" s="277">
        <v>1965</v>
      </c>
      <c r="EZ8" s="282">
        <v>2311</v>
      </c>
    </row>
    <row r="9" spans="2:156" ht="21" customHeight="1" x14ac:dyDescent="0.2">
      <c r="B9" s="261" t="s">
        <v>14</v>
      </c>
      <c r="C9" s="276">
        <v>0</v>
      </c>
      <c r="D9" s="280">
        <v>0</v>
      </c>
      <c r="E9" s="384">
        <v>0</v>
      </c>
      <c r="F9" s="279">
        <v>0</v>
      </c>
      <c r="G9" s="280">
        <v>50</v>
      </c>
      <c r="H9" s="280">
        <v>69</v>
      </c>
      <c r="I9" s="280">
        <v>46</v>
      </c>
      <c r="J9" s="280">
        <v>35</v>
      </c>
      <c r="K9" s="280">
        <v>24</v>
      </c>
      <c r="L9" s="281">
        <v>224</v>
      </c>
      <c r="M9" s="282">
        <v>224</v>
      </c>
      <c r="N9" s="276">
        <v>0</v>
      </c>
      <c r="O9" s="280">
        <v>0</v>
      </c>
      <c r="P9" s="277">
        <v>0</v>
      </c>
      <c r="Q9" s="279">
        <v>0</v>
      </c>
      <c r="R9" s="280">
        <v>1</v>
      </c>
      <c r="S9" s="280">
        <v>2</v>
      </c>
      <c r="T9" s="280">
        <v>3</v>
      </c>
      <c r="U9" s="280">
        <v>13</v>
      </c>
      <c r="V9" s="280">
        <v>16</v>
      </c>
      <c r="W9" s="277">
        <v>35</v>
      </c>
      <c r="X9" s="282">
        <v>35</v>
      </c>
      <c r="Y9" s="276">
        <v>5</v>
      </c>
      <c r="Z9" s="280">
        <v>24</v>
      </c>
      <c r="AA9" s="277">
        <v>29</v>
      </c>
      <c r="AB9" s="279">
        <v>0</v>
      </c>
      <c r="AC9" s="280">
        <v>35</v>
      </c>
      <c r="AD9" s="280">
        <v>76</v>
      </c>
      <c r="AE9" s="280">
        <v>41</v>
      </c>
      <c r="AF9" s="280">
        <v>42</v>
      </c>
      <c r="AG9" s="280">
        <v>29</v>
      </c>
      <c r="AH9" s="277">
        <v>223</v>
      </c>
      <c r="AI9" s="282">
        <v>252</v>
      </c>
      <c r="AJ9" s="276">
        <v>0</v>
      </c>
      <c r="AK9" s="280">
        <v>3</v>
      </c>
      <c r="AL9" s="277">
        <v>3</v>
      </c>
      <c r="AM9" s="279">
        <v>0</v>
      </c>
      <c r="AN9" s="280">
        <v>2</v>
      </c>
      <c r="AO9" s="280">
        <v>7</v>
      </c>
      <c r="AP9" s="280">
        <v>5</v>
      </c>
      <c r="AQ9" s="280">
        <v>2</v>
      </c>
      <c r="AR9" s="280">
        <v>1</v>
      </c>
      <c r="AS9" s="277">
        <v>17</v>
      </c>
      <c r="AT9" s="282">
        <v>20</v>
      </c>
      <c r="AU9" s="276">
        <v>7</v>
      </c>
      <c r="AV9" s="280">
        <v>19</v>
      </c>
      <c r="AW9" s="277">
        <v>26</v>
      </c>
      <c r="AX9" s="279">
        <v>0</v>
      </c>
      <c r="AY9" s="280">
        <v>69</v>
      </c>
      <c r="AZ9" s="280">
        <v>87</v>
      </c>
      <c r="BA9" s="280">
        <v>74</v>
      </c>
      <c r="BB9" s="280">
        <v>76</v>
      </c>
      <c r="BC9" s="280">
        <v>60</v>
      </c>
      <c r="BD9" s="281">
        <v>366</v>
      </c>
      <c r="BE9" s="282">
        <v>392</v>
      </c>
      <c r="BF9" s="276">
        <v>0</v>
      </c>
      <c r="BG9" s="280">
        <v>0</v>
      </c>
      <c r="BH9" s="277">
        <v>0</v>
      </c>
      <c r="BI9" s="279">
        <v>0</v>
      </c>
      <c r="BJ9" s="280">
        <v>91</v>
      </c>
      <c r="BK9" s="280">
        <v>89</v>
      </c>
      <c r="BL9" s="280">
        <v>59</v>
      </c>
      <c r="BM9" s="280">
        <v>23</v>
      </c>
      <c r="BN9" s="280">
        <v>13</v>
      </c>
      <c r="BO9" s="277">
        <v>275</v>
      </c>
      <c r="BP9" s="282">
        <v>275</v>
      </c>
      <c r="BQ9" s="276">
        <v>3</v>
      </c>
      <c r="BR9" s="280">
        <v>6</v>
      </c>
      <c r="BS9" s="277">
        <v>9</v>
      </c>
      <c r="BT9" s="279">
        <v>0</v>
      </c>
      <c r="BU9" s="280">
        <v>11</v>
      </c>
      <c r="BV9" s="280">
        <v>22</v>
      </c>
      <c r="BW9" s="280">
        <v>10</v>
      </c>
      <c r="BX9" s="280">
        <v>10</v>
      </c>
      <c r="BY9" s="280">
        <v>1</v>
      </c>
      <c r="BZ9" s="277">
        <v>54</v>
      </c>
      <c r="CA9" s="282">
        <v>63</v>
      </c>
      <c r="CB9" s="276">
        <v>0</v>
      </c>
      <c r="CC9" s="280">
        <v>1</v>
      </c>
      <c r="CD9" s="277">
        <v>1</v>
      </c>
      <c r="CE9" s="279">
        <v>0</v>
      </c>
      <c r="CF9" s="280">
        <v>11</v>
      </c>
      <c r="CG9" s="280">
        <v>20</v>
      </c>
      <c r="CH9" s="280">
        <v>18</v>
      </c>
      <c r="CI9" s="280">
        <v>13</v>
      </c>
      <c r="CJ9" s="280">
        <v>7</v>
      </c>
      <c r="CK9" s="277">
        <v>69</v>
      </c>
      <c r="CL9" s="282">
        <v>70</v>
      </c>
      <c r="CM9" s="276">
        <v>0</v>
      </c>
      <c r="CN9" s="280">
        <v>0</v>
      </c>
      <c r="CO9" s="277">
        <v>0</v>
      </c>
      <c r="CP9" s="279">
        <v>0</v>
      </c>
      <c r="CQ9" s="280">
        <v>0</v>
      </c>
      <c r="CR9" s="280">
        <v>1</v>
      </c>
      <c r="CS9" s="280">
        <v>2</v>
      </c>
      <c r="CT9" s="280">
        <v>0</v>
      </c>
      <c r="CU9" s="280">
        <v>0</v>
      </c>
      <c r="CV9" s="277">
        <v>3</v>
      </c>
      <c r="CW9" s="282">
        <v>3</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4</v>
      </c>
      <c r="DU9" s="280">
        <v>89</v>
      </c>
      <c r="DV9" s="277">
        <v>123</v>
      </c>
      <c r="DW9" s="279">
        <v>0</v>
      </c>
      <c r="DX9" s="280">
        <v>72</v>
      </c>
      <c r="DY9" s="280">
        <v>185</v>
      </c>
      <c r="DZ9" s="280">
        <v>122</v>
      </c>
      <c r="EA9" s="280">
        <v>90</v>
      </c>
      <c r="EB9" s="280">
        <v>53</v>
      </c>
      <c r="EC9" s="277">
        <v>522</v>
      </c>
      <c r="ED9" s="282">
        <v>645</v>
      </c>
      <c r="EE9" s="276">
        <v>8</v>
      </c>
      <c r="EF9" s="280">
        <v>10</v>
      </c>
      <c r="EG9" s="277">
        <v>18</v>
      </c>
      <c r="EH9" s="279">
        <v>0</v>
      </c>
      <c r="EI9" s="280">
        <v>33</v>
      </c>
      <c r="EJ9" s="280">
        <v>29</v>
      </c>
      <c r="EK9" s="280">
        <v>25</v>
      </c>
      <c r="EL9" s="280">
        <v>25</v>
      </c>
      <c r="EM9" s="280">
        <v>16</v>
      </c>
      <c r="EN9" s="277">
        <v>128</v>
      </c>
      <c r="EO9" s="282">
        <v>146</v>
      </c>
      <c r="EP9" s="276">
        <v>40</v>
      </c>
      <c r="EQ9" s="280">
        <v>108</v>
      </c>
      <c r="ER9" s="277">
        <v>148</v>
      </c>
      <c r="ES9" s="279">
        <v>0</v>
      </c>
      <c r="ET9" s="280">
        <v>204</v>
      </c>
      <c r="EU9" s="280">
        <v>271</v>
      </c>
      <c r="EV9" s="280">
        <v>139</v>
      </c>
      <c r="EW9" s="280">
        <v>93</v>
      </c>
      <c r="EX9" s="280">
        <v>53</v>
      </c>
      <c r="EY9" s="277">
        <v>760</v>
      </c>
      <c r="EZ9" s="282">
        <v>908</v>
      </c>
    </row>
    <row r="10" spans="2:156" ht="21" customHeight="1" x14ac:dyDescent="0.2">
      <c r="B10" s="261" t="s">
        <v>7</v>
      </c>
      <c r="C10" s="276">
        <v>0</v>
      </c>
      <c r="D10" s="280">
        <v>0</v>
      </c>
      <c r="E10" s="384">
        <v>0</v>
      </c>
      <c r="F10" s="279">
        <v>0</v>
      </c>
      <c r="G10" s="280">
        <v>49</v>
      </c>
      <c r="H10" s="280">
        <v>31</v>
      </c>
      <c r="I10" s="280">
        <v>20</v>
      </c>
      <c r="J10" s="280">
        <v>14</v>
      </c>
      <c r="K10" s="280">
        <v>12</v>
      </c>
      <c r="L10" s="281">
        <v>126</v>
      </c>
      <c r="M10" s="282">
        <v>126</v>
      </c>
      <c r="N10" s="276">
        <v>0</v>
      </c>
      <c r="O10" s="280">
        <v>0</v>
      </c>
      <c r="P10" s="277">
        <v>0</v>
      </c>
      <c r="Q10" s="279">
        <v>0</v>
      </c>
      <c r="R10" s="280">
        <v>1</v>
      </c>
      <c r="S10" s="280">
        <v>5</v>
      </c>
      <c r="T10" s="280">
        <v>1</v>
      </c>
      <c r="U10" s="280">
        <v>3</v>
      </c>
      <c r="V10" s="280">
        <v>8</v>
      </c>
      <c r="W10" s="277">
        <v>18</v>
      </c>
      <c r="X10" s="282">
        <v>18</v>
      </c>
      <c r="Y10" s="276">
        <v>1</v>
      </c>
      <c r="Z10" s="280">
        <v>0</v>
      </c>
      <c r="AA10" s="277">
        <v>1</v>
      </c>
      <c r="AB10" s="279">
        <v>0</v>
      </c>
      <c r="AC10" s="280">
        <v>30</v>
      </c>
      <c r="AD10" s="280">
        <v>26</v>
      </c>
      <c r="AE10" s="280">
        <v>18</v>
      </c>
      <c r="AF10" s="280">
        <v>15</v>
      </c>
      <c r="AG10" s="280">
        <v>13</v>
      </c>
      <c r="AH10" s="277">
        <v>102</v>
      </c>
      <c r="AI10" s="282">
        <v>103</v>
      </c>
      <c r="AJ10" s="276">
        <v>1</v>
      </c>
      <c r="AK10" s="280">
        <v>0</v>
      </c>
      <c r="AL10" s="277">
        <v>1</v>
      </c>
      <c r="AM10" s="279">
        <v>0</v>
      </c>
      <c r="AN10" s="280">
        <v>5</v>
      </c>
      <c r="AO10" s="280">
        <v>5</v>
      </c>
      <c r="AP10" s="280">
        <v>2</v>
      </c>
      <c r="AQ10" s="280">
        <v>2</v>
      </c>
      <c r="AR10" s="280">
        <v>1</v>
      </c>
      <c r="AS10" s="277">
        <v>15</v>
      </c>
      <c r="AT10" s="282">
        <v>16</v>
      </c>
      <c r="AU10" s="276">
        <v>11</v>
      </c>
      <c r="AV10" s="280">
        <v>4</v>
      </c>
      <c r="AW10" s="277">
        <v>15</v>
      </c>
      <c r="AX10" s="279">
        <v>0</v>
      </c>
      <c r="AY10" s="280">
        <v>65</v>
      </c>
      <c r="AZ10" s="280">
        <v>49</v>
      </c>
      <c r="BA10" s="280">
        <v>44</v>
      </c>
      <c r="BB10" s="280">
        <v>55</v>
      </c>
      <c r="BC10" s="280">
        <v>26</v>
      </c>
      <c r="BD10" s="281">
        <v>239</v>
      </c>
      <c r="BE10" s="282">
        <v>254</v>
      </c>
      <c r="BF10" s="276">
        <v>0</v>
      </c>
      <c r="BG10" s="280">
        <v>0</v>
      </c>
      <c r="BH10" s="277">
        <v>0</v>
      </c>
      <c r="BI10" s="279">
        <v>0</v>
      </c>
      <c r="BJ10" s="280">
        <v>74</v>
      </c>
      <c r="BK10" s="280">
        <v>37</v>
      </c>
      <c r="BL10" s="280">
        <v>22</v>
      </c>
      <c r="BM10" s="280">
        <v>12</v>
      </c>
      <c r="BN10" s="280">
        <v>4</v>
      </c>
      <c r="BO10" s="277">
        <v>149</v>
      </c>
      <c r="BP10" s="282">
        <v>149</v>
      </c>
      <c r="BQ10" s="276">
        <v>1</v>
      </c>
      <c r="BR10" s="280">
        <v>2</v>
      </c>
      <c r="BS10" s="277">
        <v>3</v>
      </c>
      <c r="BT10" s="279">
        <v>0</v>
      </c>
      <c r="BU10" s="280">
        <v>17</v>
      </c>
      <c r="BV10" s="280">
        <v>8</v>
      </c>
      <c r="BW10" s="280">
        <v>7</v>
      </c>
      <c r="BX10" s="280">
        <v>5</v>
      </c>
      <c r="BY10" s="280">
        <v>3</v>
      </c>
      <c r="BZ10" s="277">
        <v>40</v>
      </c>
      <c r="CA10" s="282">
        <v>43</v>
      </c>
      <c r="CB10" s="276">
        <v>0</v>
      </c>
      <c r="CC10" s="280">
        <v>0</v>
      </c>
      <c r="CD10" s="277">
        <v>0</v>
      </c>
      <c r="CE10" s="279">
        <v>0</v>
      </c>
      <c r="CF10" s="280">
        <v>6</v>
      </c>
      <c r="CG10" s="280">
        <v>10</v>
      </c>
      <c r="CH10" s="280">
        <v>12</v>
      </c>
      <c r="CI10" s="280">
        <v>6</v>
      </c>
      <c r="CJ10" s="280">
        <v>3</v>
      </c>
      <c r="CK10" s="277">
        <v>37</v>
      </c>
      <c r="CL10" s="282">
        <v>37</v>
      </c>
      <c r="CM10" s="276">
        <v>0</v>
      </c>
      <c r="CN10" s="280">
        <v>0</v>
      </c>
      <c r="CO10" s="277">
        <v>0</v>
      </c>
      <c r="CP10" s="279">
        <v>0</v>
      </c>
      <c r="CQ10" s="280">
        <v>0</v>
      </c>
      <c r="CR10" s="280">
        <v>1</v>
      </c>
      <c r="CS10" s="280">
        <v>0</v>
      </c>
      <c r="CT10" s="280">
        <v>1</v>
      </c>
      <c r="CU10" s="280">
        <v>0</v>
      </c>
      <c r="CV10" s="277">
        <v>2</v>
      </c>
      <c r="CW10" s="282">
        <v>2</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14</v>
      </c>
      <c r="DU10" s="280">
        <v>26</v>
      </c>
      <c r="DV10" s="277">
        <v>40</v>
      </c>
      <c r="DW10" s="279">
        <v>0</v>
      </c>
      <c r="DX10" s="280">
        <v>78</v>
      </c>
      <c r="DY10" s="280">
        <v>90</v>
      </c>
      <c r="DZ10" s="280">
        <v>50</v>
      </c>
      <c r="EA10" s="280">
        <v>38</v>
      </c>
      <c r="EB10" s="280">
        <v>25</v>
      </c>
      <c r="EC10" s="277">
        <v>281</v>
      </c>
      <c r="ED10" s="282">
        <v>321</v>
      </c>
      <c r="EE10" s="276">
        <v>6</v>
      </c>
      <c r="EF10" s="280">
        <v>4</v>
      </c>
      <c r="EG10" s="277">
        <v>10</v>
      </c>
      <c r="EH10" s="279">
        <v>0</v>
      </c>
      <c r="EI10" s="280">
        <v>29</v>
      </c>
      <c r="EJ10" s="280">
        <v>17</v>
      </c>
      <c r="EK10" s="280">
        <v>21</v>
      </c>
      <c r="EL10" s="280">
        <v>32</v>
      </c>
      <c r="EM10" s="280">
        <v>6</v>
      </c>
      <c r="EN10" s="277">
        <v>105</v>
      </c>
      <c r="EO10" s="282">
        <v>115</v>
      </c>
      <c r="EP10" s="276">
        <v>17</v>
      </c>
      <c r="EQ10" s="280">
        <v>27</v>
      </c>
      <c r="ER10" s="277">
        <v>44</v>
      </c>
      <c r="ES10" s="279">
        <v>0</v>
      </c>
      <c r="ET10" s="280">
        <v>179</v>
      </c>
      <c r="EU10" s="280">
        <v>128</v>
      </c>
      <c r="EV10" s="280">
        <v>65</v>
      </c>
      <c r="EW10" s="280">
        <v>41</v>
      </c>
      <c r="EX10" s="280">
        <v>24</v>
      </c>
      <c r="EY10" s="277">
        <v>437</v>
      </c>
      <c r="EZ10" s="282">
        <v>481</v>
      </c>
    </row>
    <row r="11" spans="2:156" ht="21" customHeight="1" x14ac:dyDescent="0.2">
      <c r="B11" s="261" t="s">
        <v>8</v>
      </c>
      <c r="C11" s="276">
        <v>0</v>
      </c>
      <c r="D11" s="280">
        <v>0</v>
      </c>
      <c r="E11" s="384">
        <v>0</v>
      </c>
      <c r="F11" s="279">
        <v>0</v>
      </c>
      <c r="G11" s="280">
        <v>24</v>
      </c>
      <c r="H11" s="280">
        <v>25</v>
      </c>
      <c r="I11" s="280">
        <v>10</v>
      </c>
      <c r="J11" s="280">
        <v>10</v>
      </c>
      <c r="K11" s="280">
        <v>6</v>
      </c>
      <c r="L11" s="281">
        <v>75</v>
      </c>
      <c r="M11" s="282">
        <v>75</v>
      </c>
      <c r="N11" s="276">
        <v>0</v>
      </c>
      <c r="O11" s="280">
        <v>0</v>
      </c>
      <c r="P11" s="277">
        <v>0</v>
      </c>
      <c r="Q11" s="279">
        <v>0</v>
      </c>
      <c r="R11" s="280">
        <v>0</v>
      </c>
      <c r="S11" s="280">
        <v>0</v>
      </c>
      <c r="T11" s="280">
        <v>1</v>
      </c>
      <c r="U11" s="280">
        <v>6</v>
      </c>
      <c r="V11" s="280">
        <v>3</v>
      </c>
      <c r="W11" s="277">
        <v>10</v>
      </c>
      <c r="X11" s="282">
        <v>10</v>
      </c>
      <c r="Y11" s="276">
        <v>5</v>
      </c>
      <c r="Z11" s="280">
        <v>4</v>
      </c>
      <c r="AA11" s="277">
        <v>9</v>
      </c>
      <c r="AB11" s="279">
        <v>0</v>
      </c>
      <c r="AC11" s="280">
        <v>17</v>
      </c>
      <c r="AD11" s="280">
        <v>18</v>
      </c>
      <c r="AE11" s="280">
        <v>9</v>
      </c>
      <c r="AF11" s="280">
        <v>14</v>
      </c>
      <c r="AG11" s="280">
        <v>9</v>
      </c>
      <c r="AH11" s="277">
        <v>67</v>
      </c>
      <c r="AI11" s="282">
        <v>76</v>
      </c>
      <c r="AJ11" s="276">
        <v>1</v>
      </c>
      <c r="AK11" s="280">
        <v>1</v>
      </c>
      <c r="AL11" s="277">
        <v>2</v>
      </c>
      <c r="AM11" s="279">
        <v>0</v>
      </c>
      <c r="AN11" s="280">
        <v>4</v>
      </c>
      <c r="AO11" s="280">
        <v>5</v>
      </c>
      <c r="AP11" s="280">
        <v>2</v>
      </c>
      <c r="AQ11" s="280">
        <v>6</v>
      </c>
      <c r="AR11" s="280">
        <v>1</v>
      </c>
      <c r="AS11" s="277">
        <v>18</v>
      </c>
      <c r="AT11" s="282">
        <v>20</v>
      </c>
      <c r="AU11" s="276">
        <v>6</v>
      </c>
      <c r="AV11" s="280">
        <v>4</v>
      </c>
      <c r="AW11" s="277">
        <v>10</v>
      </c>
      <c r="AX11" s="279">
        <v>0</v>
      </c>
      <c r="AY11" s="280">
        <v>15</v>
      </c>
      <c r="AZ11" s="280">
        <v>23</v>
      </c>
      <c r="BA11" s="280">
        <v>12</v>
      </c>
      <c r="BB11" s="280">
        <v>33</v>
      </c>
      <c r="BC11" s="280">
        <v>16</v>
      </c>
      <c r="BD11" s="281">
        <v>99</v>
      </c>
      <c r="BE11" s="282">
        <v>109</v>
      </c>
      <c r="BF11" s="276">
        <v>0</v>
      </c>
      <c r="BG11" s="280">
        <v>0</v>
      </c>
      <c r="BH11" s="277">
        <v>0</v>
      </c>
      <c r="BI11" s="279">
        <v>0</v>
      </c>
      <c r="BJ11" s="280">
        <v>29</v>
      </c>
      <c r="BK11" s="280">
        <v>28</v>
      </c>
      <c r="BL11" s="280">
        <v>6</v>
      </c>
      <c r="BM11" s="280">
        <v>9</v>
      </c>
      <c r="BN11" s="280">
        <v>3</v>
      </c>
      <c r="BO11" s="277">
        <v>75</v>
      </c>
      <c r="BP11" s="282">
        <v>75</v>
      </c>
      <c r="BQ11" s="276">
        <v>0</v>
      </c>
      <c r="BR11" s="280">
        <v>3</v>
      </c>
      <c r="BS11" s="277">
        <v>3</v>
      </c>
      <c r="BT11" s="279">
        <v>0</v>
      </c>
      <c r="BU11" s="280">
        <v>13</v>
      </c>
      <c r="BV11" s="280">
        <v>10</v>
      </c>
      <c r="BW11" s="280">
        <v>11</v>
      </c>
      <c r="BX11" s="280">
        <v>5</v>
      </c>
      <c r="BY11" s="280">
        <v>2</v>
      </c>
      <c r="BZ11" s="277">
        <v>41</v>
      </c>
      <c r="CA11" s="282">
        <v>44</v>
      </c>
      <c r="CB11" s="276">
        <v>0</v>
      </c>
      <c r="CC11" s="280">
        <v>1</v>
      </c>
      <c r="CD11" s="277">
        <v>1</v>
      </c>
      <c r="CE11" s="279">
        <v>0</v>
      </c>
      <c r="CF11" s="280">
        <v>3</v>
      </c>
      <c r="CG11" s="280">
        <v>4</v>
      </c>
      <c r="CH11" s="280">
        <v>4</v>
      </c>
      <c r="CI11" s="280">
        <v>6</v>
      </c>
      <c r="CJ11" s="280">
        <v>0</v>
      </c>
      <c r="CK11" s="277">
        <v>17</v>
      </c>
      <c r="CL11" s="282">
        <v>18</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4</v>
      </c>
      <c r="DU11" s="280">
        <v>15</v>
      </c>
      <c r="DV11" s="277">
        <v>29</v>
      </c>
      <c r="DW11" s="279">
        <v>0</v>
      </c>
      <c r="DX11" s="280">
        <v>48</v>
      </c>
      <c r="DY11" s="280">
        <v>58</v>
      </c>
      <c r="DZ11" s="280">
        <v>31</v>
      </c>
      <c r="EA11" s="280">
        <v>31</v>
      </c>
      <c r="EB11" s="280">
        <v>16</v>
      </c>
      <c r="EC11" s="277">
        <v>184</v>
      </c>
      <c r="ED11" s="282">
        <v>213</v>
      </c>
      <c r="EE11" s="276">
        <v>5</v>
      </c>
      <c r="EF11" s="280">
        <v>2</v>
      </c>
      <c r="EG11" s="277">
        <v>7</v>
      </c>
      <c r="EH11" s="279">
        <v>0</v>
      </c>
      <c r="EI11" s="280">
        <v>9</v>
      </c>
      <c r="EJ11" s="280">
        <v>9</v>
      </c>
      <c r="EK11" s="280">
        <v>6</v>
      </c>
      <c r="EL11" s="280">
        <v>13</v>
      </c>
      <c r="EM11" s="280">
        <v>7</v>
      </c>
      <c r="EN11" s="277">
        <v>44</v>
      </c>
      <c r="EO11" s="282">
        <v>51</v>
      </c>
      <c r="EP11" s="276">
        <v>20</v>
      </c>
      <c r="EQ11" s="280">
        <v>20</v>
      </c>
      <c r="ER11" s="277">
        <v>40</v>
      </c>
      <c r="ES11" s="279">
        <v>0</v>
      </c>
      <c r="ET11" s="280">
        <v>106</v>
      </c>
      <c r="EU11" s="280">
        <v>87</v>
      </c>
      <c r="EV11" s="280">
        <v>37</v>
      </c>
      <c r="EW11" s="280">
        <v>36</v>
      </c>
      <c r="EX11" s="280">
        <v>14</v>
      </c>
      <c r="EY11" s="277">
        <v>280</v>
      </c>
      <c r="EZ11" s="282">
        <v>320</v>
      </c>
    </row>
    <row r="12" spans="2:156" ht="21" customHeight="1" x14ac:dyDescent="0.2">
      <c r="B12" s="261" t="s">
        <v>9</v>
      </c>
      <c r="C12" s="276">
        <v>0</v>
      </c>
      <c r="D12" s="280">
        <v>0</v>
      </c>
      <c r="E12" s="384">
        <v>0</v>
      </c>
      <c r="F12" s="279">
        <v>0</v>
      </c>
      <c r="G12" s="280">
        <v>63</v>
      </c>
      <c r="H12" s="280">
        <v>50</v>
      </c>
      <c r="I12" s="280">
        <v>35</v>
      </c>
      <c r="J12" s="280">
        <v>38</v>
      </c>
      <c r="K12" s="280">
        <v>28</v>
      </c>
      <c r="L12" s="281">
        <v>214</v>
      </c>
      <c r="M12" s="282">
        <v>214</v>
      </c>
      <c r="N12" s="276">
        <v>0</v>
      </c>
      <c r="O12" s="280">
        <v>0</v>
      </c>
      <c r="P12" s="277">
        <v>0</v>
      </c>
      <c r="Q12" s="279">
        <v>0</v>
      </c>
      <c r="R12" s="280">
        <v>1</v>
      </c>
      <c r="S12" s="280">
        <v>1</v>
      </c>
      <c r="T12" s="280">
        <v>1</v>
      </c>
      <c r="U12" s="280">
        <v>9</v>
      </c>
      <c r="V12" s="280">
        <v>15</v>
      </c>
      <c r="W12" s="277">
        <v>27</v>
      </c>
      <c r="X12" s="282">
        <v>27</v>
      </c>
      <c r="Y12" s="276">
        <v>8</v>
      </c>
      <c r="Z12" s="280">
        <v>15</v>
      </c>
      <c r="AA12" s="277">
        <v>23</v>
      </c>
      <c r="AB12" s="279">
        <v>0</v>
      </c>
      <c r="AC12" s="280">
        <v>56</v>
      </c>
      <c r="AD12" s="280">
        <v>27</v>
      </c>
      <c r="AE12" s="280">
        <v>26</v>
      </c>
      <c r="AF12" s="280">
        <v>26</v>
      </c>
      <c r="AG12" s="280">
        <v>21</v>
      </c>
      <c r="AH12" s="277">
        <v>156</v>
      </c>
      <c r="AI12" s="282">
        <v>179</v>
      </c>
      <c r="AJ12" s="276">
        <v>0</v>
      </c>
      <c r="AK12" s="280">
        <v>1</v>
      </c>
      <c r="AL12" s="277">
        <v>1</v>
      </c>
      <c r="AM12" s="279">
        <v>0</v>
      </c>
      <c r="AN12" s="280">
        <v>3</v>
      </c>
      <c r="AO12" s="280">
        <v>9</v>
      </c>
      <c r="AP12" s="280">
        <v>5</v>
      </c>
      <c r="AQ12" s="280">
        <v>8</v>
      </c>
      <c r="AR12" s="280">
        <v>5</v>
      </c>
      <c r="AS12" s="277">
        <v>30</v>
      </c>
      <c r="AT12" s="282">
        <v>31</v>
      </c>
      <c r="AU12" s="276">
        <v>13</v>
      </c>
      <c r="AV12" s="280">
        <v>7</v>
      </c>
      <c r="AW12" s="277">
        <v>20</v>
      </c>
      <c r="AX12" s="279">
        <v>0</v>
      </c>
      <c r="AY12" s="280">
        <v>66</v>
      </c>
      <c r="AZ12" s="280">
        <v>58</v>
      </c>
      <c r="BA12" s="280">
        <v>57</v>
      </c>
      <c r="BB12" s="280">
        <v>64</v>
      </c>
      <c r="BC12" s="280">
        <v>44</v>
      </c>
      <c r="BD12" s="281">
        <v>289</v>
      </c>
      <c r="BE12" s="282">
        <v>309</v>
      </c>
      <c r="BF12" s="276">
        <v>0</v>
      </c>
      <c r="BG12" s="280">
        <v>0</v>
      </c>
      <c r="BH12" s="277">
        <v>0</v>
      </c>
      <c r="BI12" s="279">
        <v>0</v>
      </c>
      <c r="BJ12" s="280">
        <v>59</v>
      </c>
      <c r="BK12" s="280">
        <v>34</v>
      </c>
      <c r="BL12" s="280">
        <v>22</v>
      </c>
      <c r="BM12" s="280">
        <v>19</v>
      </c>
      <c r="BN12" s="280">
        <v>5</v>
      </c>
      <c r="BO12" s="277">
        <v>139</v>
      </c>
      <c r="BP12" s="282">
        <v>139</v>
      </c>
      <c r="BQ12" s="276">
        <v>3</v>
      </c>
      <c r="BR12" s="280">
        <v>9</v>
      </c>
      <c r="BS12" s="277">
        <v>12</v>
      </c>
      <c r="BT12" s="279">
        <v>0</v>
      </c>
      <c r="BU12" s="280">
        <v>13</v>
      </c>
      <c r="BV12" s="280">
        <v>13</v>
      </c>
      <c r="BW12" s="280">
        <v>6</v>
      </c>
      <c r="BX12" s="280">
        <v>10</v>
      </c>
      <c r="BY12" s="280">
        <v>1</v>
      </c>
      <c r="BZ12" s="277">
        <v>43</v>
      </c>
      <c r="CA12" s="282">
        <v>55</v>
      </c>
      <c r="CB12" s="276">
        <v>1</v>
      </c>
      <c r="CC12" s="280">
        <v>0</v>
      </c>
      <c r="CD12" s="277">
        <v>1</v>
      </c>
      <c r="CE12" s="279">
        <v>0</v>
      </c>
      <c r="CF12" s="280">
        <v>8</v>
      </c>
      <c r="CG12" s="280">
        <v>9</v>
      </c>
      <c r="CH12" s="280">
        <v>14</v>
      </c>
      <c r="CI12" s="280">
        <v>9</v>
      </c>
      <c r="CJ12" s="280">
        <v>6</v>
      </c>
      <c r="CK12" s="277">
        <v>46</v>
      </c>
      <c r="CL12" s="282">
        <v>47</v>
      </c>
      <c r="CM12" s="276">
        <v>0</v>
      </c>
      <c r="CN12" s="280">
        <v>0</v>
      </c>
      <c r="CO12" s="277">
        <v>0</v>
      </c>
      <c r="CP12" s="279">
        <v>0</v>
      </c>
      <c r="CQ12" s="280">
        <v>0</v>
      </c>
      <c r="CR12" s="280">
        <v>2</v>
      </c>
      <c r="CS12" s="280">
        <v>1</v>
      </c>
      <c r="CT12" s="280">
        <v>1</v>
      </c>
      <c r="CU12" s="280">
        <v>1</v>
      </c>
      <c r="CV12" s="277">
        <v>5</v>
      </c>
      <c r="CW12" s="282">
        <v>5</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29</v>
      </c>
      <c r="DU12" s="280">
        <v>38</v>
      </c>
      <c r="DV12" s="277">
        <v>67</v>
      </c>
      <c r="DW12" s="279">
        <v>0</v>
      </c>
      <c r="DX12" s="280">
        <v>85</v>
      </c>
      <c r="DY12" s="280">
        <v>97</v>
      </c>
      <c r="DZ12" s="280">
        <v>70</v>
      </c>
      <c r="EA12" s="280">
        <v>61</v>
      </c>
      <c r="EB12" s="280">
        <v>42</v>
      </c>
      <c r="EC12" s="277">
        <v>355</v>
      </c>
      <c r="ED12" s="282">
        <v>422</v>
      </c>
      <c r="EE12" s="276">
        <v>10</v>
      </c>
      <c r="EF12" s="280">
        <v>7</v>
      </c>
      <c r="EG12" s="277">
        <v>17</v>
      </c>
      <c r="EH12" s="279">
        <v>0</v>
      </c>
      <c r="EI12" s="280">
        <v>37</v>
      </c>
      <c r="EJ12" s="280">
        <v>19</v>
      </c>
      <c r="EK12" s="280">
        <v>16</v>
      </c>
      <c r="EL12" s="280">
        <v>33</v>
      </c>
      <c r="EM12" s="280">
        <v>16</v>
      </c>
      <c r="EN12" s="277">
        <v>121</v>
      </c>
      <c r="EO12" s="282">
        <v>138</v>
      </c>
      <c r="EP12" s="276">
        <v>36</v>
      </c>
      <c r="EQ12" s="280">
        <v>52</v>
      </c>
      <c r="ER12" s="277">
        <v>88</v>
      </c>
      <c r="ES12" s="279">
        <v>0</v>
      </c>
      <c r="ET12" s="280">
        <v>185</v>
      </c>
      <c r="EU12" s="280">
        <v>132</v>
      </c>
      <c r="EV12" s="280">
        <v>81</v>
      </c>
      <c r="EW12" s="280">
        <v>66</v>
      </c>
      <c r="EX12" s="280">
        <v>39</v>
      </c>
      <c r="EY12" s="277">
        <v>503</v>
      </c>
      <c r="EZ12" s="282">
        <v>591</v>
      </c>
    </row>
    <row r="13" spans="2:156" ht="21" customHeight="1" x14ac:dyDescent="0.2">
      <c r="B13" s="261" t="s">
        <v>10</v>
      </c>
      <c r="C13" s="276">
        <v>0</v>
      </c>
      <c r="D13" s="280">
        <v>0</v>
      </c>
      <c r="E13" s="384">
        <v>0</v>
      </c>
      <c r="F13" s="279">
        <v>0</v>
      </c>
      <c r="G13" s="280">
        <v>91</v>
      </c>
      <c r="H13" s="280">
        <v>45</v>
      </c>
      <c r="I13" s="280">
        <v>31</v>
      </c>
      <c r="J13" s="280">
        <v>32</v>
      </c>
      <c r="K13" s="280">
        <v>27</v>
      </c>
      <c r="L13" s="281">
        <v>226</v>
      </c>
      <c r="M13" s="282">
        <v>226</v>
      </c>
      <c r="N13" s="276">
        <v>0</v>
      </c>
      <c r="O13" s="280">
        <v>0</v>
      </c>
      <c r="P13" s="277">
        <v>0</v>
      </c>
      <c r="Q13" s="279">
        <v>0</v>
      </c>
      <c r="R13" s="280">
        <v>1</v>
      </c>
      <c r="S13" s="280">
        <v>2</v>
      </c>
      <c r="T13" s="280">
        <v>2</v>
      </c>
      <c r="U13" s="280">
        <v>5</v>
      </c>
      <c r="V13" s="280">
        <v>13</v>
      </c>
      <c r="W13" s="277">
        <v>23</v>
      </c>
      <c r="X13" s="282">
        <v>23</v>
      </c>
      <c r="Y13" s="276">
        <v>12</v>
      </c>
      <c r="Z13" s="280">
        <v>22</v>
      </c>
      <c r="AA13" s="277">
        <v>34</v>
      </c>
      <c r="AB13" s="279">
        <v>0</v>
      </c>
      <c r="AC13" s="280">
        <v>55</v>
      </c>
      <c r="AD13" s="280">
        <v>32</v>
      </c>
      <c r="AE13" s="280">
        <v>24</v>
      </c>
      <c r="AF13" s="280">
        <v>17</v>
      </c>
      <c r="AG13" s="280">
        <v>17</v>
      </c>
      <c r="AH13" s="277">
        <v>145</v>
      </c>
      <c r="AI13" s="282">
        <v>179</v>
      </c>
      <c r="AJ13" s="276">
        <v>2</v>
      </c>
      <c r="AK13" s="280">
        <v>3</v>
      </c>
      <c r="AL13" s="277">
        <v>5</v>
      </c>
      <c r="AM13" s="279">
        <v>0</v>
      </c>
      <c r="AN13" s="280">
        <v>10</v>
      </c>
      <c r="AO13" s="280">
        <v>10</v>
      </c>
      <c r="AP13" s="280">
        <v>6</v>
      </c>
      <c r="AQ13" s="280">
        <v>1</v>
      </c>
      <c r="AR13" s="280">
        <v>2</v>
      </c>
      <c r="AS13" s="277">
        <v>29</v>
      </c>
      <c r="AT13" s="282">
        <v>34</v>
      </c>
      <c r="AU13" s="276">
        <v>24</v>
      </c>
      <c r="AV13" s="280">
        <v>19</v>
      </c>
      <c r="AW13" s="277">
        <v>43</v>
      </c>
      <c r="AX13" s="279">
        <v>0</v>
      </c>
      <c r="AY13" s="280">
        <v>89</v>
      </c>
      <c r="AZ13" s="280">
        <v>78</v>
      </c>
      <c r="BA13" s="280">
        <v>69</v>
      </c>
      <c r="BB13" s="280">
        <v>65</v>
      </c>
      <c r="BC13" s="280">
        <v>65</v>
      </c>
      <c r="BD13" s="281">
        <v>366</v>
      </c>
      <c r="BE13" s="282">
        <v>409</v>
      </c>
      <c r="BF13" s="276">
        <v>0</v>
      </c>
      <c r="BG13" s="280">
        <v>0</v>
      </c>
      <c r="BH13" s="277">
        <v>0</v>
      </c>
      <c r="BI13" s="279">
        <v>0</v>
      </c>
      <c r="BJ13" s="280">
        <v>115</v>
      </c>
      <c r="BK13" s="280">
        <v>66</v>
      </c>
      <c r="BL13" s="280">
        <v>34</v>
      </c>
      <c r="BM13" s="280">
        <v>14</v>
      </c>
      <c r="BN13" s="280">
        <v>4</v>
      </c>
      <c r="BO13" s="277">
        <v>233</v>
      </c>
      <c r="BP13" s="282">
        <v>233</v>
      </c>
      <c r="BQ13" s="276">
        <v>5</v>
      </c>
      <c r="BR13" s="280">
        <v>7</v>
      </c>
      <c r="BS13" s="277">
        <v>12</v>
      </c>
      <c r="BT13" s="279">
        <v>0</v>
      </c>
      <c r="BU13" s="280">
        <v>22</v>
      </c>
      <c r="BV13" s="280">
        <v>17</v>
      </c>
      <c r="BW13" s="280">
        <v>6</v>
      </c>
      <c r="BX13" s="280">
        <v>2</v>
      </c>
      <c r="BY13" s="280">
        <v>1</v>
      </c>
      <c r="BZ13" s="277">
        <v>48</v>
      </c>
      <c r="CA13" s="282">
        <v>60</v>
      </c>
      <c r="CB13" s="276">
        <v>0</v>
      </c>
      <c r="CC13" s="280">
        <v>1</v>
      </c>
      <c r="CD13" s="277">
        <v>1</v>
      </c>
      <c r="CE13" s="279">
        <v>0</v>
      </c>
      <c r="CF13" s="280">
        <v>7</v>
      </c>
      <c r="CG13" s="280">
        <v>8</v>
      </c>
      <c r="CH13" s="280">
        <v>19</v>
      </c>
      <c r="CI13" s="280">
        <v>8</v>
      </c>
      <c r="CJ13" s="280">
        <v>2</v>
      </c>
      <c r="CK13" s="277">
        <v>44</v>
      </c>
      <c r="CL13" s="282">
        <v>45</v>
      </c>
      <c r="CM13" s="276">
        <v>0</v>
      </c>
      <c r="CN13" s="280">
        <v>0</v>
      </c>
      <c r="CO13" s="277">
        <v>0</v>
      </c>
      <c r="CP13" s="279">
        <v>0</v>
      </c>
      <c r="CQ13" s="280">
        <v>1</v>
      </c>
      <c r="CR13" s="280">
        <v>0</v>
      </c>
      <c r="CS13" s="280">
        <v>0</v>
      </c>
      <c r="CT13" s="280">
        <v>0</v>
      </c>
      <c r="CU13" s="280">
        <v>0</v>
      </c>
      <c r="CV13" s="277">
        <v>1</v>
      </c>
      <c r="CW13" s="282">
        <v>1</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50</v>
      </c>
      <c r="DU13" s="280">
        <v>89</v>
      </c>
      <c r="DV13" s="277">
        <v>139</v>
      </c>
      <c r="DW13" s="279">
        <v>0</v>
      </c>
      <c r="DX13" s="280">
        <v>138</v>
      </c>
      <c r="DY13" s="280">
        <v>110</v>
      </c>
      <c r="DZ13" s="280">
        <v>68</v>
      </c>
      <c r="EA13" s="280">
        <v>47</v>
      </c>
      <c r="EB13" s="280">
        <v>42</v>
      </c>
      <c r="EC13" s="277">
        <v>405</v>
      </c>
      <c r="ED13" s="282">
        <v>544</v>
      </c>
      <c r="EE13" s="276">
        <v>12</v>
      </c>
      <c r="EF13" s="280">
        <v>5</v>
      </c>
      <c r="EG13" s="277">
        <v>17</v>
      </c>
      <c r="EH13" s="279">
        <v>0</v>
      </c>
      <c r="EI13" s="280">
        <v>31</v>
      </c>
      <c r="EJ13" s="280">
        <v>34</v>
      </c>
      <c r="EK13" s="280">
        <v>22</v>
      </c>
      <c r="EL13" s="280">
        <v>27</v>
      </c>
      <c r="EM13" s="280">
        <v>26</v>
      </c>
      <c r="EN13" s="277">
        <v>140</v>
      </c>
      <c r="EO13" s="282">
        <v>157</v>
      </c>
      <c r="EP13" s="276">
        <v>67</v>
      </c>
      <c r="EQ13" s="280">
        <v>99</v>
      </c>
      <c r="ER13" s="277">
        <v>166</v>
      </c>
      <c r="ES13" s="279">
        <v>0</v>
      </c>
      <c r="ET13" s="280">
        <v>243</v>
      </c>
      <c r="EU13" s="280">
        <v>143</v>
      </c>
      <c r="EV13" s="280">
        <v>80</v>
      </c>
      <c r="EW13" s="280">
        <v>49</v>
      </c>
      <c r="EX13" s="280">
        <v>39</v>
      </c>
      <c r="EY13" s="277">
        <v>554</v>
      </c>
      <c r="EZ13" s="282">
        <v>720</v>
      </c>
    </row>
    <row r="14" spans="2:156" ht="21" customHeight="1" x14ac:dyDescent="0.2">
      <c r="B14" s="261" t="s">
        <v>11</v>
      </c>
      <c r="C14" s="276">
        <v>0</v>
      </c>
      <c r="D14" s="280">
        <v>0</v>
      </c>
      <c r="E14" s="384">
        <v>0</v>
      </c>
      <c r="F14" s="279">
        <v>0</v>
      </c>
      <c r="G14" s="280">
        <v>15</v>
      </c>
      <c r="H14" s="280">
        <v>10</v>
      </c>
      <c r="I14" s="280">
        <v>7</v>
      </c>
      <c r="J14" s="280">
        <v>12</v>
      </c>
      <c r="K14" s="280">
        <v>4</v>
      </c>
      <c r="L14" s="281">
        <v>48</v>
      </c>
      <c r="M14" s="282">
        <v>48</v>
      </c>
      <c r="N14" s="276">
        <v>0</v>
      </c>
      <c r="O14" s="280">
        <v>0</v>
      </c>
      <c r="P14" s="277">
        <v>0</v>
      </c>
      <c r="Q14" s="279">
        <v>0</v>
      </c>
      <c r="R14" s="280">
        <v>0</v>
      </c>
      <c r="S14" s="280">
        <v>0</v>
      </c>
      <c r="T14" s="280">
        <v>2</v>
      </c>
      <c r="U14" s="280">
        <v>3</v>
      </c>
      <c r="V14" s="280">
        <v>3</v>
      </c>
      <c r="W14" s="277">
        <v>8</v>
      </c>
      <c r="X14" s="282">
        <v>8</v>
      </c>
      <c r="Y14" s="276">
        <v>3</v>
      </c>
      <c r="Z14" s="280">
        <v>2</v>
      </c>
      <c r="AA14" s="277">
        <v>5</v>
      </c>
      <c r="AB14" s="279">
        <v>0</v>
      </c>
      <c r="AC14" s="280">
        <v>17</v>
      </c>
      <c r="AD14" s="280">
        <v>16</v>
      </c>
      <c r="AE14" s="280">
        <v>7</v>
      </c>
      <c r="AF14" s="280">
        <v>12</v>
      </c>
      <c r="AG14" s="280">
        <v>5</v>
      </c>
      <c r="AH14" s="277">
        <v>57</v>
      </c>
      <c r="AI14" s="282">
        <v>62</v>
      </c>
      <c r="AJ14" s="276">
        <v>1</v>
      </c>
      <c r="AK14" s="280">
        <v>0</v>
      </c>
      <c r="AL14" s="277">
        <v>1</v>
      </c>
      <c r="AM14" s="279">
        <v>0</v>
      </c>
      <c r="AN14" s="280">
        <v>1</v>
      </c>
      <c r="AO14" s="280">
        <v>1</v>
      </c>
      <c r="AP14" s="280">
        <v>0</v>
      </c>
      <c r="AQ14" s="280">
        <v>2</v>
      </c>
      <c r="AR14" s="280">
        <v>1</v>
      </c>
      <c r="AS14" s="277">
        <v>5</v>
      </c>
      <c r="AT14" s="282">
        <v>6</v>
      </c>
      <c r="AU14" s="276">
        <v>3</v>
      </c>
      <c r="AV14" s="280">
        <v>1</v>
      </c>
      <c r="AW14" s="277">
        <v>4</v>
      </c>
      <c r="AX14" s="279">
        <v>0</v>
      </c>
      <c r="AY14" s="280">
        <v>23</v>
      </c>
      <c r="AZ14" s="280">
        <v>23</v>
      </c>
      <c r="BA14" s="280">
        <v>24</v>
      </c>
      <c r="BB14" s="280">
        <v>25</v>
      </c>
      <c r="BC14" s="280">
        <v>14</v>
      </c>
      <c r="BD14" s="281">
        <v>109</v>
      </c>
      <c r="BE14" s="282">
        <v>113</v>
      </c>
      <c r="BF14" s="276">
        <v>0</v>
      </c>
      <c r="BG14" s="280">
        <v>0</v>
      </c>
      <c r="BH14" s="277">
        <v>0</v>
      </c>
      <c r="BI14" s="279">
        <v>0</v>
      </c>
      <c r="BJ14" s="280">
        <v>22</v>
      </c>
      <c r="BK14" s="280">
        <v>15</v>
      </c>
      <c r="BL14" s="280">
        <v>10</v>
      </c>
      <c r="BM14" s="280">
        <v>8</v>
      </c>
      <c r="BN14" s="280">
        <v>4</v>
      </c>
      <c r="BO14" s="277">
        <v>59</v>
      </c>
      <c r="BP14" s="282">
        <v>59</v>
      </c>
      <c r="BQ14" s="276">
        <v>3</v>
      </c>
      <c r="BR14" s="280">
        <v>4</v>
      </c>
      <c r="BS14" s="277">
        <v>7</v>
      </c>
      <c r="BT14" s="279">
        <v>0</v>
      </c>
      <c r="BU14" s="280">
        <v>10</v>
      </c>
      <c r="BV14" s="280">
        <v>10</v>
      </c>
      <c r="BW14" s="280">
        <v>6</v>
      </c>
      <c r="BX14" s="280">
        <v>4</v>
      </c>
      <c r="BY14" s="280">
        <v>1</v>
      </c>
      <c r="BZ14" s="277">
        <v>31</v>
      </c>
      <c r="CA14" s="282">
        <v>38</v>
      </c>
      <c r="CB14" s="276">
        <v>0</v>
      </c>
      <c r="CC14" s="280">
        <v>0</v>
      </c>
      <c r="CD14" s="277">
        <v>0</v>
      </c>
      <c r="CE14" s="279">
        <v>0</v>
      </c>
      <c r="CF14" s="280">
        <v>3</v>
      </c>
      <c r="CG14" s="280">
        <v>4</v>
      </c>
      <c r="CH14" s="280">
        <v>5</v>
      </c>
      <c r="CI14" s="280">
        <v>1</v>
      </c>
      <c r="CJ14" s="280">
        <v>4</v>
      </c>
      <c r="CK14" s="277">
        <v>17</v>
      </c>
      <c r="CL14" s="282">
        <v>17</v>
      </c>
      <c r="CM14" s="276">
        <v>0</v>
      </c>
      <c r="CN14" s="280">
        <v>0</v>
      </c>
      <c r="CO14" s="277">
        <v>0</v>
      </c>
      <c r="CP14" s="279">
        <v>0</v>
      </c>
      <c r="CQ14" s="280">
        <v>0</v>
      </c>
      <c r="CR14" s="280">
        <v>0</v>
      </c>
      <c r="CS14" s="280">
        <v>2</v>
      </c>
      <c r="CT14" s="280">
        <v>1</v>
      </c>
      <c r="CU14" s="280">
        <v>2</v>
      </c>
      <c r="CV14" s="277">
        <v>5</v>
      </c>
      <c r="CW14" s="282">
        <v>5</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1</v>
      </c>
      <c r="DU14" s="280">
        <v>17</v>
      </c>
      <c r="DV14" s="277">
        <v>28</v>
      </c>
      <c r="DW14" s="279">
        <v>0</v>
      </c>
      <c r="DX14" s="280">
        <v>40</v>
      </c>
      <c r="DY14" s="280">
        <v>32</v>
      </c>
      <c r="DZ14" s="280">
        <v>26</v>
      </c>
      <c r="EA14" s="280">
        <v>26</v>
      </c>
      <c r="EB14" s="280">
        <v>9</v>
      </c>
      <c r="EC14" s="277">
        <v>133</v>
      </c>
      <c r="ED14" s="282">
        <v>161</v>
      </c>
      <c r="EE14" s="276">
        <v>1</v>
      </c>
      <c r="EF14" s="280">
        <v>2</v>
      </c>
      <c r="EG14" s="277">
        <v>3</v>
      </c>
      <c r="EH14" s="279">
        <v>0</v>
      </c>
      <c r="EI14" s="280">
        <v>21</v>
      </c>
      <c r="EJ14" s="280">
        <v>7</v>
      </c>
      <c r="EK14" s="280">
        <v>16</v>
      </c>
      <c r="EL14" s="280">
        <v>13</v>
      </c>
      <c r="EM14" s="280">
        <v>7</v>
      </c>
      <c r="EN14" s="277">
        <v>64</v>
      </c>
      <c r="EO14" s="282">
        <v>67</v>
      </c>
      <c r="EP14" s="276">
        <v>17</v>
      </c>
      <c r="EQ14" s="280">
        <v>19</v>
      </c>
      <c r="ER14" s="277">
        <v>36</v>
      </c>
      <c r="ES14" s="279">
        <v>0</v>
      </c>
      <c r="ET14" s="280">
        <v>83</v>
      </c>
      <c r="EU14" s="280">
        <v>46</v>
      </c>
      <c r="EV14" s="280">
        <v>29</v>
      </c>
      <c r="EW14" s="280">
        <v>27</v>
      </c>
      <c r="EX14" s="280">
        <v>10</v>
      </c>
      <c r="EY14" s="277">
        <v>195</v>
      </c>
      <c r="EZ14" s="282">
        <v>231</v>
      </c>
    </row>
    <row r="15" spans="2:156" ht="21" customHeight="1" x14ac:dyDescent="0.2">
      <c r="B15" s="261" t="s">
        <v>12</v>
      </c>
      <c r="C15" s="276">
        <v>0</v>
      </c>
      <c r="D15" s="280">
        <v>0</v>
      </c>
      <c r="E15" s="384">
        <v>0</v>
      </c>
      <c r="F15" s="279">
        <v>0</v>
      </c>
      <c r="G15" s="280">
        <v>38</v>
      </c>
      <c r="H15" s="280">
        <v>23</v>
      </c>
      <c r="I15" s="280">
        <v>27</v>
      </c>
      <c r="J15" s="280">
        <v>14</v>
      </c>
      <c r="K15" s="280">
        <v>13</v>
      </c>
      <c r="L15" s="281">
        <v>115</v>
      </c>
      <c r="M15" s="282">
        <v>115</v>
      </c>
      <c r="N15" s="276">
        <v>0</v>
      </c>
      <c r="O15" s="280">
        <v>0</v>
      </c>
      <c r="P15" s="277">
        <v>0</v>
      </c>
      <c r="Q15" s="279">
        <v>0</v>
      </c>
      <c r="R15" s="280">
        <v>0</v>
      </c>
      <c r="S15" s="280">
        <v>2</v>
      </c>
      <c r="T15" s="280">
        <v>0</v>
      </c>
      <c r="U15" s="280">
        <v>4</v>
      </c>
      <c r="V15" s="280">
        <v>9</v>
      </c>
      <c r="W15" s="277">
        <v>15</v>
      </c>
      <c r="X15" s="282">
        <v>15</v>
      </c>
      <c r="Y15" s="276">
        <v>7</v>
      </c>
      <c r="Z15" s="280">
        <v>13</v>
      </c>
      <c r="AA15" s="277">
        <v>20</v>
      </c>
      <c r="AB15" s="279">
        <v>0</v>
      </c>
      <c r="AC15" s="280">
        <v>20</v>
      </c>
      <c r="AD15" s="280">
        <v>21</v>
      </c>
      <c r="AE15" s="280">
        <v>18</v>
      </c>
      <c r="AF15" s="280">
        <v>14</v>
      </c>
      <c r="AG15" s="280">
        <v>11</v>
      </c>
      <c r="AH15" s="277">
        <v>84</v>
      </c>
      <c r="AI15" s="282">
        <v>104</v>
      </c>
      <c r="AJ15" s="276">
        <v>0</v>
      </c>
      <c r="AK15" s="280">
        <v>3</v>
      </c>
      <c r="AL15" s="277">
        <v>3</v>
      </c>
      <c r="AM15" s="279">
        <v>0</v>
      </c>
      <c r="AN15" s="280">
        <v>5</v>
      </c>
      <c r="AO15" s="280">
        <v>2</v>
      </c>
      <c r="AP15" s="280">
        <v>2</v>
      </c>
      <c r="AQ15" s="280">
        <v>1</v>
      </c>
      <c r="AR15" s="280">
        <v>0</v>
      </c>
      <c r="AS15" s="277">
        <v>10</v>
      </c>
      <c r="AT15" s="282">
        <v>13</v>
      </c>
      <c r="AU15" s="276">
        <v>10</v>
      </c>
      <c r="AV15" s="280">
        <v>9</v>
      </c>
      <c r="AW15" s="277">
        <v>19</v>
      </c>
      <c r="AX15" s="279">
        <v>0</v>
      </c>
      <c r="AY15" s="280">
        <v>17</v>
      </c>
      <c r="AZ15" s="280">
        <v>19</v>
      </c>
      <c r="BA15" s="280">
        <v>24</v>
      </c>
      <c r="BB15" s="280">
        <v>37</v>
      </c>
      <c r="BC15" s="280">
        <v>16</v>
      </c>
      <c r="BD15" s="281">
        <v>113</v>
      </c>
      <c r="BE15" s="282">
        <v>132</v>
      </c>
      <c r="BF15" s="276">
        <v>0</v>
      </c>
      <c r="BG15" s="280">
        <v>0</v>
      </c>
      <c r="BH15" s="277">
        <v>0</v>
      </c>
      <c r="BI15" s="279">
        <v>0</v>
      </c>
      <c r="BJ15" s="280">
        <v>43</v>
      </c>
      <c r="BK15" s="280">
        <v>26</v>
      </c>
      <c r="BL15" s="280">
        <v>12</v>
      </c>
      <c r="BM15" s="280">
        <v>8</v>
      </c>
      <c r="BN15" s="280">
        <v>6</v>
      </c>
      <c r="BO15" s="277">
        <v>95</v>
      </c>
      <c r="BP15" s="282">
        <v>95</v>
      </c>
      <c r="BQ15" s="276">
        <v>15</v>
      </c>
      <c r="BR15" s="280">
        <v>7</v>
      </c>
      <c r="BS15" s="277">
        <v>22</v>
      </c>
      <c r="BT15" s="279">
        <v>0</v>
      </c>
      <c r="BU15" s="280">
        <v>10</v>
      </c>
      <c r="BV15" s="280">
        <v>11</v>
      </c>
      <c r="BW15" s="280">
        <v>11</v>
      </c>
      <c r="BX15" s="280">
        <v>4</v>
      </c>
      <c r="BY15" s="280">
        <v>1</v>
      </c>
      <c r="BZ15" s="277">
        <v>37</v>
      </c>
      <c r="CA15" s="282">
        <v>59</v>
      </c>
      <c r="CB15" s="276">
        <v>0</v>
      </c>
      <c r="CC15" s="280">
        <v>0</v>
      </c>
      <c r="CD15" s="277">
        <v>0</v>
      </c>
      <c r="CE15" s="279">
        <v>0</v>
      </c>
      <c r="CF15" s="280">
        <v>8</v>
      </c>
      <c r="CG15" s="280">
        <v>4</v>
      </c>
      <c r="CH15" s="280">
        <v>10</v>
      </c>
      <c r="CI15" s="280">
        <v>6</v>
      </c>
      <c r="CJ15" s="280">
        <v>3</v>
      </c>
      <c r="CK15" s="277">
        <v>31</v>
      </c>
      <c r="CL15" s="282">
        <v>31</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21</v>
      </c>
      <c r="DU15" s="280">
        <v>42</v>
      </c>
      <c r="DV15" s="277">
        <v>63</v>
      </c>
      <c r="DW15" s="279">
        <v>0</v>
      </c>
      <c r="DX15" s="280">
        <v>40</v>
      </c>
      <c r="DY15" s="280">
        <v>51</v>
      </c>
      <c r="DZ15" s="280">
        <v>46</v>
      </c>
      <c r="EA15" s="280">
        <v>51</v>
      </c>
      <c r="EB15" s="280">
        <v>19</v>
      </c>
      <c r="EC15" s="277">
        <v>207</v>
      </c>
      <c r="ED15" s="282">
        <v>270</v>
      </c>
      <c r="EE15" s="276">
        <v>7</v>
      </c>
      <c r="EF15" s="280">
        <v>6</v>
      </c>
      <c r="EG15" s="277">
        <v>13</v>
      </c>
      <c r="EH15" s="279">
        <v>0</v>
      </c>
      <c r="EI15" s="280">
        <v>7</v>
      </c>
      <c r="EJ15" s="280">
        <v>8</v>
      </c>
      <c r="EK15" s="280">
        <v>7</v>
      </c>
      <c r="EL15" s="280">
        <v>13</v>
      </c>
      <c r="EM15" s="280">
        <v>5</v>
      </c>
      <c r="EN15" s="277">
        <v>40</v>
      </c>
      <c r="EO15" s="282">
        <v>53</v>
      </c>
      <c r="EP15" s="276">
        <v>41</v>
      </c>
      <c r="EQ15" s="280">
        <v>51</v>
      </c>
      <c r="ER15" s="277">
        <v>92</v>
      </c>
      <c r="ES15" s="279">
        <v>0</v>
      </c>
      <c r="ET15" s="280">
        <v>104</v>
      </c>
      <c r="EU15" s="280">
        <v>70</v>
      </c>
      <c r="EV15" s="280">
        <v>54</v>
      </c>
      <c r="EW15" s="280">
        <v>49</v>
      </c>
      <c r="EX15" s="280">
        <v>19</v>
      </c>
      <c r="EY15" s="277">
        <v>296</v>
      </c>
      <c r="EZ15" s="282">
        <v>388</v>
      </c>
    </row>
    <row r="16" spans="2:156" ht="21" customHeight="1" x14ac:dyDescent="0.2">
      <c r="B16" s="261" t="s">
        <v>13</v>
      </c>
      <c r="C16" s="276">
        <v>0</v>
      </c>
      <c r="D16" s="280">
        <v>0</v>
      </c>
      <c r="E16" s="384">
        <v>0</v>
      </c>
      <c r="F16" s="279">
        <v>0</v>
      </c>
      <c r="G16" s="280">
        <v>21</v>
      </c>
      <c r="H16" s="280">
        <v>25</v>
      </c>
      <c r="I16" s="280">
        <v>15</v>
      </c>
      <c r="J16" s="280">
        <v>12</v>
      </c>
      <c r="K16" s="280">
        <v>13</v>
      </c>
      <c r="L16" s="281">
        <v>86</v>
      </c>
      <c r="M16" s="282">
        <v>86</v>
      </c>
      <c r="N16" s="276">
        <v>0</v>
      </c>
      <c r="O16" s="280">
        <v>0</v>
      </c>
      <c r="P16" s="277">
        <v>0</v>
      </c>
      <c r="Q16" s="279">
        <v>0</v>
      </c>
      <c r="R16" s="280">
        <v>0</v>
      </c>
      <c r="S16" s="280">
        <v>0</v>
      </c>
      <c r="T16" s="280">
        <v>1</v>
      </c>
      <c r="U16" s="280">
        <v>2</v>
      </c>
      <c r="V16" s="280">
        <v>1</v>
      </c>
      <c r="W16" s="277">
        <v>4</v>
      </c>
      <c r="X16" s="282">
        <v>4</v>
      </c>
      <c r="Y16" s="276">
        <v>1</v>
      </c>
      <c r="Z16" s="280">
        <v>3</v>
      </c>
      <c r="AA16" s="277">
        <v>4</v>
      </c>
      <c r="AB16" s="279">
        <v>0</v>
      </c>
      <c r="AC16" s="280">
        <v>15</v>
      </c>
      <c r="AD16" s="280">
        <v>13</v>
      </c>
      <c r="AE16" s="280">
        <v>9</v>
      </c>
      <c r="AF16" s="280">
        <v>11</v>
      </c>
      <c r="AG16" s="280">
        <v>7</v>
      </c>
      <c r="AH16" s="277">
        <v>55</v>
      </c>
      <c r="AI16" s="282">
        <v>59</v>
      </c>
      <c r="AJ16" s="276">
        <v>0</v>
      </c>
      <c r="AK16" s="280">
        <v>1</v>
      </c>
      <c r="AL16" s="277">
        <v>1</v>
      </c>
      <c r="AM16" s="279">
        <v>0</v>
      </c>
      <c r="AN16" s="280">
        <v>1</v>
      </c>
      <c r="AO16" s="280">
        <v>4</v>
      </c>
      <c r="AP16" s="280">
        <v>0</v>
      </c>
      <c r="AQ16" s="280">
        <v>1</v>
      </c>
      <c r="AR16" s="280">
        <v>3</v>
      </c>
      <c r="AS16" s="277">
        <v>9</v>
      </c>
      <c r="AT16" s="282">
        <v>10</v>
      </c>
      <c r="AU16" s="276">
        <v>4</v>
      </c>
      <c r="AV16" s="280">
        <v>5</v>
      </c>
      <c r="AW16" s="277">
        <v>9</v>
      </c>
      <c r="AX16" s="279">
        <v>0</v>
      </c>
      <c r="AY16" s="280">
        <v>17</v>
      </c>
      <c r="AZ16" s="280">
        <v>28</v>
      </c>
      <c r="BA16" s="280">
        <v>16</v>
      </c>
      <c r="BB16" s="280">
        <v>17</v>
      </c>
      <c r="BC16" s="280">
        <v>19</v>
      </c>
      <c r="BD16" s="281">
        <v>97</v>
      </c>
      <c r="BE16" s="282">
        <v>106</v>
      </c>
      <c r="BF16" s="276">
        <v>0</v>
      </c>
      <c r="BG16" s="280">
        <v>0</v>
      </c>
      <c r="BH16" s="277">
        <v>0</v>
      </c>
      <c r="BI16" s="279">
        <v>0</v>
      </c>
      <c r="BJ16" s="280">
        <v>18</v>
      </c>
      <c r="BK16" s="280">
        <v>16</v>
      </c>
      <c r="BL16" s="280">
        <v>7</v>
      </c>
      <c r="BM16" s="280">
        <v>5</v>
      </c>
      <c r="BN16" s="280">
        <v>1</v>
      </c>
      <c r="BO16" s="277">
        <v>47</v>
      </c>
      <c r="BP16" s="282">
        <v>47</v>
      </c>
      <c r="BQ16" s="276">
        <v>0</v>
      </c>
      <c r="BR16" s="280">
        <v>0</v>
      </c>
      <c r="BS16" s="277">
        <v>0</v>
      </c>
      <c r="BT16" s="279">
        <v>0</v>
      </c>
      <c r="BU16" s="280">
        <v>1</v>
      </c>
      <c r="BV16" s="280">
        <v>3</v>
      </c>
      <c r="BW16" s="280">
        <v>4</v>
      </c>
      <c r="BX16" s="280">
        <v>2</v>
      </c>
      <c r="BY16" s="280">
        <v>0</v>
      </c>
      <c r="BZ16" s="277">
        <v>10</v>
      </c>
      <c r="CA16" s="282">
        <v>10</v>
      </c>
      <c r="CB16" s="276">
        <v>0</v>
      </c>
      <c r="CC16" s="280">
        <v>0</v>
      </c>
      <c r="CD16" s="277">
        <v>0</v>
      </c>
      <c r="CE16" s="279">
        <v>0</v>
      </c>
      <c r="CF16" s="280">
        <v>0</v>
      </c>
      <c r="CG16" s="280">
        <v>3</v>
      </c>
      <c r="CH16" s="280">
        <v>2</v>
      </c>
      <c r="CI16" s="280">
        <v>3</v>
      </c>
      <c r="CJ16" s="280">
        <v>0</v>
      </c>
      <c r="CK16" s="277">
        <v>8</v>
      </c>
      <c r="CL16" s="282">
        <v>8</v>
      </c>
      <c r="CM16" s="276">
        <v>0</v>
      </c>
      <c r="CN16" s="280">
        <v>0</v>
      </c>
      <c r="CO16" s="277">
        <v>0</v>
      </c>
      <c r="CP16" s="279">
        <v>0</v>
      </c>
      <c r="CQ16" s="280">
        <v>0</v>
      </c>
      <c r="CR16" s="280">
        <v>0</v>
      </c>
      <c r="CS16" s="280">
        <v>1</v>
      </c>
      <c r="CT16" s="280">
        <v>1</v>
      </c>
      <c r="CU16" s="280">
        <v>0</v>
      </c>
      <c r="CV16" s="277">
        <v>2</v>
      </c>
      <c r="CW16" s="282">
        <v>2</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6</v>
      </c>
      <c r="DU16" s="280">
        <v>14</v>
      </c>
      <c r="DV16" s="277">
        <v>20</v>
      </c>
      <c r="DW16" s="279">
        <v>0</v>
      </c>
      <c r="DX16" s="280">
        <v>21</v>
      </c>
      <c r="DY16" s="280">
        <v>31</v>
      </c>
      <c r="DZ16" s="280">
        <v>20</v>
      </c>
      <c r="EA16" s="280">
        <v>16</v>
      </c>
      <c r="EB16" s="280">
        <v>15</v>
      </c>
      <c r="EC16" s="277">
        <v>103</v>
      </c>
      <c r="ED16" s="282">
        <v>123</v>
      </c>
      <c r="EE16" s="276">
        <v>4</v>
      </c>
      <c r="EF16" s="280">
        <v>2</v>
      </c>
      <c r="EG16" s="277">
        <v>6</v>
      </c>
      <c r="EH16" s="279">
        <v>0</v>
      </c>
      <c r="EI16" s="280">
        <v>10</v>
      </c>
      <c r="EJ16" s="280">
        <v>13</v>
      </c>
      <c r="EK16" s="280">
        <v>6</v>
      </c>
      <c r="EL16" s="280">
        <v>8</v>
      </c>
      <c r="EM16" s="280">
        <v>5</v>
      </c>
      <c r="EN16" s="277">
        <v>42</v>
      </c>
      <c r="EO16" s="282">
        <v>48</v>
      </c>
      <c r="EP16" s="276">
        <v>6</v>
      </c>
      <c r="EQ16" s="280">
        <v>15</v>
      </c>
      <c r="ER16" s="277">
        <v>21</v>
      </c>
      <c r="ES16" s="279">
        <v>0</v>
      </c>
      <c r="ET16" s="280">
        <v>51</v>
      </c>
      <c r="EU16" s="280">
        <v>55</v>
      </c>
      <c r="EV16" s="280">
        <v>29</v>
      </c>
      <c r="EW16" s="280">
        <v>17</v>
      </c>
      <c r="EX16" s="280">
        <v>15</v>
      </c>
      <c r="EY16" s="277">
        <v>167</v>
      </c>
      <c r="EZ16" s="282">
        <v>188</v>
      </c>
    </row>
    <row r="17" spans="2:156" ht="21" customHeight="1" x14ac:dyDescent="0.2">
      <c r="B17" s="261" t="s">
        <v>15</v>
      </c>
      <c r="C17" s="276">
        <v>0</v>
      </c>
      <c r="D17" s="280">
        <v>0</v>
      </c>
      <c r="E17" s="384">
        <v>0</v>
      </c>
      <c r="F17" s="279">
        <v>0</v>
      </c>
      <c r="G17" s="280">
        <v>6</v>
      </c>
      <c r="H17" s="280">
        <v>3</v>
      </c>
      <c r="I17" s="280">
        <v>1</v>
      </c>
      <c r="J17" s="280">
        <v>2</v>
      </c>
      <c r="K17" s="280">
        <v>4</v>
      </c>
      <c r="L17" s="281">
        <v>16</v>
      </c>
      <c r="M17" s="282">
        <v>16</v>
      </c>
      <c r="N17" s="276">
        <v>0</v>
      </c>
      <c r="O17" s="280">
        <v>0</v>
      </c>
      <c r="P17" s="277">
        <v>0</v>
      </c>
      <c r="Q17" s="279">
        <v>0</v>
      </c>
      <c r="R17" s="280">
        <v>0</v>
      </c>
      <c r="S17" s="280">
        <v>0</v>
      </c>
      <c r="T17" s="280">
        <v>0</v>
      </c>
      <c r="U17" s="280">
        <v>0</v>
      </c>
      <c r="V17" s="280">
        <v>3</v>
      </c>
      <c r="W17" s="277">
        <v>3</v>
      </c>
      <c r="X17" s="282">
        <v>3</v>
      </c>
      <c r="Y17" s="276">
        <v>0</v>
      </c>
      <c r="Z17" s="280">
        <v>1</v>
      </c>
      <c r="AA17" s="277">
        <v>1</v>
      </c>
      <c r="AB17" s="279">
        <v>0</v>
      </c>
      <c r="AC17" s="280">
        <v>1</v>
      </c>
      <c r="AD17" s="280">
        <v>2</v>
      </c>
      <c r="AE17" s="280">
        <v>2</v>
      </c>
      <c r="AF17" s="280">
        <v>5</v>
      </c>
      <c r="AG17" s="280">
        <v>4</v>
      </c>
      <c r="AH17" s="277">
        <v>14</v>
      </c>
      <c r="AI17" s="282">
        <v>15</v>
      </c>
      <c r="AJ17" s="276">
        <v>0</v>
      </c>
      <c r="AK17" s="280">
        <v>0</v>
      </c>
      <c r="AL17" s="277">
        <v>0</v>
      </c>
      <c r="AM17" s="279">
        <v>0</v>
      </c>
      <c r="AN17" s="280">
        <v>0</v>
      </c>
      <c r="AO17" s="280">
        <v>0</v>
      </c>
      <c r="AP17" s="280">
        <v>0</v>
      </c>
      <c r="AQ17" s="280">
        <v>0</v>
      </c>
      <c r="AR17" s="280">
        <v>2</v>
      </c>
      <c r="AS17" s="277">
        <v>2</v>
      </c>
      <c r="AT17" s="282">
        <v>2</v>
      </c>
      <c r="AU17" s="276">
        <v>0</v>
      </c>
      <c r="AV17" s="280">
        <v>1</v>
      </c>
      <c r="AW17" s="277">
        <v>1</v>
      </c>
      <c r="AX17" s="279">
        <v>0</v>
      </c>
      <c r="AY17" s="280">
        <v>3</v>
      </c>
      <c r="AZ17" s="280">
        <v>8</v>
      </c>
      <c r="BA17" s="280">
        <v>5</v>
      </c>
      <c r="BB17" s="280">
        <v>5</v>
      </c>
      <c r="BC17" s="280">
        <v>4</v>
      </c>
      <c r="BD17" s="281">
        <v>25</v>
      </c>
      <c r="BE17" s="282">
        <v>26</v>
      </c>
      <c r="BF17" s="276">
        <v>0</v>
      </c>
      <c r="BG17" s="280">
        <v>0</v>
      </c>
      <c r="BH17" s="277">
        <v>0</v>
      </c>
      <c r="BI17" s="279">
        <v>0</v>
      </c>
      <c r="BJ17" s="280">
        <v>4</v>
      </c>
      <c r="BK17" s="280">
        <v>2</v>
      </c>
      <c r="BL17" s="280">
        <v>1</v>
      </c>
      <c r="BM17" s="280">
        <v>2</v>
      </c>
      <c r="BN17" s="280">
        <v>0</v>
      </c>
      <c r="BO17" s="277">
        <v>9</v>
      </c>
      <c r="BP17" s="282">
        <v>9</v>
      </c>
      <c r="BQ17" s="276">
        <v>0</v>
      </c>
      <c r="BR17" s="280">
        <v>0</v>
      </c>
      <c r="BS17" s="277">
        <v>0</v>
      </c>
      <c r="BT17" s="279">
        <v>0</v>
      </c>
      <c r="BU17" s="280">
        <v>3</v>
      </c>
      <c r="BV17" s="280">
        <v>2</v>
      </c>
      <c r="BW17" s="280">
        <v>1</v>
      </c>
      <c r="BX17" s="280">
        <v>2</v>
      </c>
      <c r="BY17" s="280">
        <v>2</v>
      </c>
      <c r="BZ17" s="277">
        <v>10</v>
      </c>
      <c r="CA17" s="282">
        <v>10</v>
      </c>
      <c r="CB17" s="276">
        <v>0</v>
      </c>
      <c r="CC17" s="280">
        <v>0</v>
      </c>
      <c r="CD17" s="277">
        <v>0</v>
      </c>
      <c r="CE17" s="279">
        <v>0</v>
      </c>
      <c r="CF17" s="280">
        <v>0</v>
      </c>
      <c r="CG17" s="280">
        <v>0</v>
      </c>
      <c r="CH17" s="280">
        <v>0</v>
      </c>
      <c r="CI17" s="280">
        <v>4</v>
      </c>
      <c r="CJ17" s="280">
        <v>1</v>
      </c>
      <c r="CK17" s="277">
        <v>5</v>
      </c>
      <c r="CL17" s="282">
        <v>5</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1</v>
      </c>
      <c r="DU17" s="280">
        <v>3</v>
      </c>
      <c r="DV17" s="277">
        <v>4</v>
      </c>
      <c r="DW17" s="279">
        <v>0</v>
      </c>
      <c r="DX17" s="280">
        <v>10</v>
      </c>
      <c r="DY17" s="280">
        <v>11</v>
      </c>
      <c r="DZ17" s="280">
        <v>5</v>
      </c>
      <c r="EA17" s="280">
        <v>7</v>
      </c>
      <c r="EB17" s="280">
        <v>6</v>
      </c>
      <c r="EC17" s="277">
        <v>39</v>
      </c>
      <c r="ED17" s="282">
        <v>43</v>
      </c>
      <c r="EE17" s="276">
        <v>1</v>
      </c>
      <c r="EF17" s="280">
        <v>1</v>
      </c>
      <c r="EG17" s="277">
        <v>2</v>
      </c>
      <c r="EH17" s="279">
        <v>0</v>
      </c>
      <c r="EI17" s="280">
        <v>5</v>
      </c>
      <c r="EJ17" s="280">
        <v>4</v>
      </c>
      <c r="EK17" s="280">
        <v>2</v>
      </c>
      <c r="EL17" s="280">
        <v>2</v>
      </c>
      <c r="EM17" s="280">
        <v>1</v>
      </c>
      <c r="EN17" s="277">
        <v>14</v>
      </c>
      <c r="EO17" s="282">
        <v>16</v>
      </c>
      <c r="EP17" s="276">
        <v>1</v>
      </c>
      <c r="EQ17" s="280">
        <v>4</v>
      </c>
      <c r="ER17" s="277">
        <v>5</v>
      </c>
      <c r="ES17" s="279">
        <v>0</v>
      </c>
      <c r="ET17" s="280">
        <v>17</v>
      </c>
      <c r="EU17" s="280">
        <v>14</v>
      </c>
      <c r="EV17" s="280">
        <v>6</v>
      </c>
      <c r="EW17" s="280">
        <v>7</v>
      </c>
      <c r="EX17" s="280">
        <v>7</v>
      </c>
      <c r="EY17" s="277">
        <v>51</v>
      </c>
      <c r="EZ17" s="282">
        <v>56</v>
      </c>
    </row>
    <row r="18" spans="2:156" ht="21" customHeight="1" x14ac:dyDescent="0.2">
      <c r="B18" s="261" t="s">
        <v>16</v>
      </c>
      <c r="C18" s="276">
        <v>0</v>
      </c>
      <c r="D18" s="280">
        <v>0</v>
      </c>
      <c r="E18" s="384">
        <v>0</v>
      </c>
      <c r="F18" s="279">
        <v>0</v>
      </c>
      <c r="G18" s="280">
        <v>9</v>
      </c>
      <c r="H18" s="280">
        <v>16</v>
      </c>
      <c r="I18" s="280">
        <v>6</v>
      </c>
      <c r="J18" s="280">
        <v>3</v>
      </c>
      <c r="K18" s="280">
        <v>3</v>
      </c>
      <c r="L18" s="281">
        <v>37</v>
      </c>
      <c r="M18" s="282">
        <v>37</v>
      </c>
      <c r="N18" s="276">
        <v>0</v>
      </c>
      <c r="O18" s="280">
        <v>0</v>
      </c>
      <c r="P18" s="277">
        <v>0</v>
      </c>
      <c r="Q18" s="279">
        <v>0</v>
      </c>
      <c r="R18" s="280">
        <v>0</v>
      </c>
      <c r="S18" s="280">
        <v>0</v>
      </c>
      <c r="T18" s="280">
        <v>2</v>
      </c>
      <c r="U18" s="280">
        <v>1</v>
      </c>
      <c r="V18" s="280">
        <v>1</v>
      </c>
      <c r="W18" s="277">
        <v>4</v>
      </c>
      <c r="X18" s="282">
        <v>4</v>
      </c>
      <c r="Y18" s="276">
        <v>4</v>
      </c>
      <c r="Z18" s="280">
        <v>1</v>
      </c>
      <c r="AA18" s="277">
        <v>5</v>
      </c>
      <c r="AB18" s="279">
        <v>0</v>
      </c>
      <c r="AC18" s="280">
        <v>5</v>
      </c>
      <c r="AD18" s="280">
        <v>15</v>
      </c>
      <c r="AE18" s="280">
        <v>10</v>
      </c>
      <c r="AF18" s="280">
        <v>7</v>
      </c>
      <c r="AG18" s="280">
        <v>5</v>
      </c>
      <c r="AH18" s="277">
        <v>42</v>
      </c>
      <c r="AI18" s="282">
        <v>47</v>
      </c>
      <c r="AJ18" s="276">
        <v>0</v>
      </c>
      <c r="AK18" s="280">
        <v>0</v>
      </c>
      <c r="AL18" s="277">
        <v>0</v>
      </c>
      <c r="AM18" s="279">
        <v>0</v>
      </c>
      <c r="AN18" s="280">
        <v>1</v>
      </c>
      <c r="AO18" s="280">
        <v>0</v>
      </c>
      <c r="AP18" s="280">
        <v>2</v>
      </c>
      <c r="AQ18" s="280">
        <v>1</v>
      </c>
      <c r="AR18" s="280">
        <v>0</v>
      </c>
      <c r="AS18" s="277">
        <v>4</v>
      </c>
      <c r="AT18" s="282">
        <v>4</v>
      </c>
      <c r="AU18" s="276">
        <v>2</v>
      </c>
      <c r="AV18" s="280">
        <v>1</v>
      </c>
      <c r="AW18" s="277">
        <v>3</v>
      </c>
      <c r="AX18" s="279">
        <v>0</v>
      </c>
      <c r="AY18" s="280">
        <v>14</v>
      </c>
      <c r="AZ18" s="280">
        <v>16</v>
      </c>
      <c r="BA18" s="280">
        <v>17</v>
      </c>
      <c r="BB18" s="280">
        <v>17</v>
      </c>
      <c r="BC18" s="280">
        <v>15</v>
      </c>
      <c r="BD18" s="281">
        <v>79</v>
      </c>
      <c r="BE18" s="282">
        <v>82</v>
      </c>
      <c r="BF18" s="276">
        <v>0</v>
      </c>
      <c r="BG18" s="280">
        <v>0</v>
      </c>
      <c r="BH18" s="277">
        <v>0</v>
      </c>
      <c r="BI18" s="279">
        <v>0</v>
      </c>
      <c r="BJ18" s="280">
        <v>23</v>
      </c>
      <c r="BK18" s="280">
        <v>20</v>
      </c>
      <c r="BL18" s="280">
        <v>10</v>
      </c>
      <c r="BM18" s="280">
        <v>2</v>
      </c>
      <c r="BN18" s="280">
        <v>2</v>
      </c>
      <c r="BO18" s="277">
        <v>57</v>
      </c>
      <c r="BP18" s="282">
        <v>57</v>
      </c>
      <c r="BQ18" s="276">
        <v>1</v>
      </c>
      <c r="BR18" s="280">
        <v>3</v>
      </c>
      <c r="BS18" s="277">
        <v>4</v>
      </c>
      <c r="BT18" s="279">
        <v>0</v>
      </c>
      <c r="BU18" s="280">
        <v>10</v>
      </c>
      <c r="BV18" s="280">
        <v>19</v>
      </c>
      <c r="BW18" s="280">
        <v>8</v>
      </c>
      <c r="BX18" s="280">
        <v>3</v>
      </c>
      <c r="BY18" s="280">
        <v>1</v>
      </c>
      <c r="BZ18" s="277">
        <v>41</v>
      </c>
      <c r="CA18" s="282">
        <v>45</v>
      </c>
      <c r="CB18" s="276">
        <v>0</v>
      </c>
      <c r="CC18" s="280">
        <v>1</v>
      </c>
      <c r="CD18" s="277">
        <v>1</v>
      </c>
      <c r="CE18" s="279">
        <v>0</v>
      </c>
      <c r="CF18" s="280">
        <v>3</v>
      </c>
      <c r="CG18" s="280">
        <v>5</v>
      </c>
      <c r="CH18" s="280">
        <v>4</v>
      </c>
      <c r="CI18" s="280">
        <v>0</v>
      </c>
      <c r="CJ18" s="280">
        <v>1</v>
      </c>
      <c r="CK18" s="277">
        <v>13</v>
      </c>
      <c r="CL18" s="282">
        <v>14</v>
      </c>
      <c r="CM18" s="276">
        <v>0</v>
      </c>
      <c r="CN18" s="280">
        <v>0</v>
      </c>
      <c r="CO18" s="277">
        <v>0</v>
      </c>
      <c r="CP18" s="279">
        <v>0</v>
      </c>
      <c r="CQ18" s="280">
        <v>1</v>
      </c>
      <c r="CR18" s="280">
        <v>0</v>
      </c>
      <c r="CS18" s="280">
        <v>1</v>
      </c>
      <c r="CT18" s="280">
        <v>0</v>
      </c>
      <c r="CU18" s="280">
        <v>0</v>
      </c>
      <c r="CV18" s="277">
        <v>2</v>
      </c>
      <c r="CW18" s="282">
        <v>2</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8</v>
      </c>
      <c r="DU18" s="280">
        <v>11</v>
      </c>
      <c r="DV18" s="277">
        <v>19</v>
      </c>
      <c r="DW18" s="279">
        <v>0</v>
      </c>
      <c r="DX18" s="280">
        <v>28</v>
      </c>
      <c r="DY18" s="280">
        <v>45</v>
      </c>
      <c r="DZ18" s="280">
        <v>29</v>
      </c>
      <c r="EA18" s="280">
        <v>11</v>
      </c>
      <c r="EB18" s="280">
        <v>11</v>
      </c>
      <c r="EC18" s="277">
        <v>124</v>
      </c>
      <c r="ED18" s="282">
        <v>143</v>
      </c>
      <c r="EE18" s="276">
        <v>1</v>
      </c>
      <c r="EF18" s="280">
        <v>1</v>
      </c>
      <c r="EG18" s="277">
        <v>2</v>
      </c>
      <c r="EH18" s="279">
        <v>0</v>
      </c>
      <c r="EI18" s="280">
        <v>11</v>
      </c>
      <c r="EJ18" s="280">
        <v>7</v>
      </c>
      <c r="EK18" s="280">
        <v>9</v>
      </c>
      <c r="EL18" s="280">
        <v>13</v>
      </c>
      <c r="EM18" s="280">
        <v>8</v>
      </c>
      <c r="EN18" s="277">
        <v>48</v>
      </c>
      <c r="EO18" s="282">
        <v>50</v>
      </c>
      <c r="EP18" s="276">
        <v>13</v>
      </c>
      <c r="EQ18" s="280">
        <v>16</v>
      </c>
      <c r="ER18" s="277">
        <v>29</v>
      </c>
      <c r="ES18" s="279">
        <v>0</v>
      </c>
      <c r="ET18" s="280">
        <v>50</v>
      </c>
      <c r="EU18" s="280">
        <v>64</v>
      </c>
      <c r="EV18" s="280">
        <v>34</v>
      </c>
      <c r="EW18" s="280">
        <v>13</v>
      </c>
      <c r="EX18" s="280">
        <v>11</v>
      </c>
      <c r="EY18" s="277">
        <v>172</v>
      </c>
      <c r="EZ18" s="282">
        <v>201</v>
      </c>
    </row>
    <row r="19" spans="2:156" ht="21" customHeight="1" x14ac:dyDescent="0.2">
      <c r="B19" s="261" t="s">
        <v>17</v>
      </c>
      <c r="C19" s="276">
        <v>0</v>
      </c>
      <c r="D19" s="280">
        <v>0</v>
      </c>
      <c r="E19" s="384">
        <v>0</v>
      </c>
      <c r="F19" s="279">
        <v>0</v>
      </c>
      <c r="G19" s="280">
        <v>12</v>
      </c>
      <c r="H19" s="280">
        <v>18</v>
      </c>
      <c r="I19" s="280">
        <v>18</v>
      </c>
      <c r="J19" s="280">
        <v>6</v>
      </c>
      <c r="K19" s="280">
        <v>5</v>
      </c>
      <c r="L19" s="281">
        <v>59</v>
      </c>
      <c r="M19" s="282">
        <v>59</v>
      </c>
      <c r="N19" s="276">
        <v>0</v>
      </c>
      <c r="O19" s="280">
        <v>0</v>
      </c>
      <c r="P19" s="277">
        <v>0</v>
      </c>
      <c r="Q19" s="279">
        <v>0</v>
      </c>
      <c r="R19" s="280">
        <v>0</v>
      </c>
      <c r="S19" s="280">
        <v>0</v>
      </c>
      <c r="T19" s="280">
        <v>2</v>
      </c>
      <c r="U19" s="280">
        <v>3</v>
      </c>
      <c r="V19" s="280">
        <v>2</v>
      </c>
      <c r="W19" s="277">
        <v>7</v>
      </c>
      <c r="X19" s="282">
        <v>7</v>
      </c>
      <c r="Y19" s="276">
        <v>3</v>
      </c>
      <c r="Z19" s="280">
        <v>7</v>
      </c>
      <c r="AA19" s="277">
        <v>10</v>
      </c>
      <c r="AB19" s="279">
        <v>0</v>
      </c>
      <c r="AC19" s="280">
        <v>18</v>
      </c>
      <c r="AD19" s="280">
        <v>16</v>
      </c>
      <c r="AE19" s="280">
        <v>15</v>
      </c>
      <c r="AF19" s="280">
        <v>7</v>
      </c>
      <c r="AG19" s="280">
        <v>7</v>
      </c>
      <c r="AH19" s="277">
        <v>63</v>
      </c>
      <c r="AI19" s="282">
        <v>73</v>
      </c>
      <c r="AJ19" s="276">
        <v>1</v>
      </c>
      <c r="AK19" s="280">
        <v>1</v>
      </c>
      <c r="AL19" s="277">
        <v>2</v>
      </c>
      <c r="AM19" s="279">
        <v>0</v>
      </c>
      <c r="AN19" s="280">
        <v>1</v>
      </c>
      <c r="AO19" s="280">
        <v>0</v>
      </c>
      <c r="AP19" s="280">
        <v>1</v>
      </c>
      <c r="AQ19" s="280">
        <v>4</v>
      </c>
      <c r="AR19" s="280">
        <v>0</v>
      </c>
      <c r="AS19" s="277">
        <v>6</v>
      </c>
      <c r="AT19" s="282">
        <v>8</v>
      </c>
      <c r="AU19" s="276">
        <v>4</v>
      </c>
      <c r="AV19" s="280">
        <v>4</v>
      </c>
      <c r="AW19" s="277">
        <v>8</v>
      </c>
      <c r="AX19" s="279">
        <v>0</v>
      </c>
      <c r="AY19" s="280">
        <v>15</v>
      </c>
      <c r="AZ19" s="280">
        <v>22</v>
      </c>
      <c r="BA19" s="280">
        <v>24</v>
      </c>
      <c r="BB19" s="280">
        <v>27</v>
      </c>
      <c r="BC19" s="280">
        <v>23</v>
      </c>
      <c r="BD19" s="281">
        <v>111</v>
      </c>
      <c r="BE19" s="282">
        <v>119</v>
      </c>
      <c r="BF19" s="276">
        <v>0</v>
      </c>
      <c r="BG19" s="280">
        <v>0</v>
      </c>
      <c r="BH19" s="277">
        <v>0</v>
      </c>
      <c r="BI19" s="279">
        <v>0</v>
      </c>
      <c r="BJ19" s="280">
        <v>18</v>
      </c>
      <c r="BK19" s="280">
        <v>29</v>
      </c>
      <c r="BL19" s="280">
        <v>13</v>
      </c>
      <c r="BM19" s="280">
        <v>9</v>
      </c>
      <c r="BN19" s="280">
        <v>3</v>
      </c>
      <c r="BO19" s="277">
        <v>72</v>
      </c>
      <c r="BP19" s="282">
        <v>72</v>
      </c>
      <c r="BQ19" s="276">
        <v>3</v>
      </c>
      <c r="BR19" s="280">
        <v>6</v>
      </c>
      <c r="BS19" s="277">
        <v>9</v>
      </c>
      <c r="BT19" s="279">
        <v>0</v>
      </c>
      <c r="BU19" s="280">
        <v>7</v>
      </c>
      <c r="BV19" s="280">
        <v>11</v>
      </c>
      <c r="BW19" s="280">
        <v>7</v>
      </c>
      <c r="BX19" s="280">
        <v>3</v>
      </c>
      <c r="BY19" s="280">
        <v>1</v>
      </c>
      <c r="BZ19" s="277">
        <v>29</v>
      </c>
      <c r="CA19" s="282">
        <v>38</v>
      </c>
      <c r="CB19" s="276">
        <v>0</v>
      </c>
      <c r="CC19" s="280">
        <v>0</v>
      </c>
      <c r="CD19" s="277">
        <v>0</v>
      </c>
      <c r="CE19" s="279">
        <v>0</v>
      </c>
      <c r="CF19" s="280">
        <v>1</v>
      </c>
      <c r="CG19" s="280">
        <v>4</v>
      </c>
      <c r="CH19" s="280">
        <v>8</v>
      </c>
      <c r="CI19" s="280">
        <v>4</v>
      </c>
      <c r="CJ19" s="280">
        <v>2</v>
      </c>
      <c r="CK19" s="277">
        <v>19</v>
      </c>
      <c r="CL19" s="282">
        <v>19</v>
      </c>
      <c r="CM19" s="276">
        <v>0</v>
      </c>
      <c r="CN19" s="280">
        <v>0</v>
      </c>
      <c r="CO19" s="277">
        <v>0</v>
      </c>
      <c r="CP19" s="279">
        <v>0</v>
      </c>
      <c r="CQ19" s="280">
        <v>1</v>
      </c>
      <c r="CR19" s="280">
        <v>0</v>
      </c>
      <c r="CS19" s="280">
        <v>1</v>
      </c>
      <c r="CT19" s="280">
        <v>0</v>
      </c>
      <c r="CU19" s="280">
        <v>0</v>
      </c>
      <c r="CV19" s="277">
        <v>2</v>
      </c>
      <c r="CW19" s="282">
        <v>2</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6</v>
      </c>
      <c r="DU19" s="280">
        <v>19</v>
      </c>
      <c r="DV19" s="277">
        <v>35</v>
      </c>
      <c r="DW19" s="279">
        <v>0</v>
      </c>
      <c r="DX19" s="280">
        <v>27</v>
      </c>
      <c r="DY19" s="280">
        <v>59</v>
      </c>
      <c r="DZ19" s="280">
        <v>50</v>
      </c>
      <c r="EA19" s="280">
        <v>23</v>
      </c>
      <c r="EB19" s="280">
        <v>18</v>
      </c>
      <c r="EC19" s="277">
        <v>177</v>
      </c>
      <c r="ED19" s="282">
        <v>212</v>
      </c>
      <c r="EE19" s="276">
        <v>3</v>
      </c>
      <c r="EF19" s="280">
        <v>2</v>
      </c>
      <c r="EG19" s="277">
        <v>5</v>
      </c>
      <c r="EH19" s="279">
        <v>0</v>
      </c>
      <c r="EI19" s="280">
        <v>12</v>
      </c>
      <c r="EJ19" s="280">
        <v>7</v>
      </c>
      <c r="EK19" s="280">
        <v>8</v>
      </c>
      <c r="EL19" s="280">
        <v>15</v>
      </c>
      <c r="EM19" s="280">
        <v>9</v>
      </c>
      <c r="EN19" s="277">
        <v>51</v>
      </c>
      <c r="EO19" s="282">
        <v>56</v>
      </c>
      <c r="EP19" s="276">
        <v>21</v>
      </c>
      <c r="EQ19" s="280">
        <v>26</v>
      </c>
      <c r="ER19" s="277">
        <v>47</v>
      </c>
      <c r="ES19" s="279">
        <v>0</v>
      </c>
      <c r="ET19" s="280">
        <v>58</v>
      </c>
      <c r="EU19" s="280">
        <v>79</v>
      </c>
      <c r="EV19" s="280">
        <v>56</v>
      </c>
      <c r="EW19" s="280">
        <v>24</v>
      </c>
      <c r="EX19" s="280">
        <v>19</v>
      </c>
      <c r="EY19" s="277">
        <v>236</v>
      </c>
      <c r="EZ19" s="282">
        <v>283</v>
      </c>
    </row>
    <row r="20" spans="2:156" ht="21" customHeight="1" x14ac:dyDescent="0.2">
      <c r="B20" s="261" t="s">
        <v>18</v>
      </c>
      <c r="C20" s="276">
        <v>0</v>
      </c>
      <c r="D20" s="280">
        <v>0</v>
      </c>
      <c r="E20" s="384">
        <v>0</v>
      </c>
      <c r="F20" s="279">
        <v>0</v>
      </c>
      <c r="G20" s="280">
        <v>27</v>
      </c>
      <c r="H20" s="280">
        <v>32</v>
      </c>
      <c r="I20" s="280">
        <v>13</v>
      </c>
      <c r="J20" s="280">
        <v>14</v>
      </c>
      <c r="K20" s="280">
        <v>11</v>
      </c>
      <c r="L20" s="281">
        <v>97</v>
      </c>
      <c r="M20" s="282">
        <v>97</v>
      </c>
      <c r="N20" s="276">
        <v>0</v>
      </c>
      <c r="O20" s="280">
        <v>0</v>
      </c>
      <c r="P20" s="277">
        <v>0</v>
      </c>
      <c r="Q20" s="279">
        <v>0</v>
      </c>
      <c r="R20" s="280">
        <v>0</v>
      </c>
      <c r="S20" s="280">
        <v>0</v>
      </c>
      <c r="T20" s="280">
        <v>3</v>
      </c>
      <c r="U20" s="280">
        <v>3</v>
      </c>
      <c r="V20" s="280">
        <v>3</v>
      </c>
      <c r="W20" s="277">
        <v>9</v>
      </c>
      <c r="X20" s="282">
        <v>9</v>
      </c>
      <c r="Y20" s="276">
        <v>2</v>
      </c>
      <c r="Z20" s="280">
        <v>4</v>
      </c>
      <c r="AA20" s="277">
        <v>6</v>
      </c>
      <c r="AB20" s="279">
        <v>0</v>
      </c>
      <c r="AC20" s="280">
        <v>14</v>
      </c>
      <c r="AD20" s="280">
        <v>28</v>
      </c>
      <c r="AE20" s="280">
        <v>10</v>
      </c>
      <c r="AF20" s="280">
        <v>6</v>
      </c>
      <c r="AG20" s="280">
        <v>9</v>
      </c>
      <c r="AH20" s="277">
        <v>67</v>
      </c>
      <c r="AI20" s="282">
        <v>73</v>
      </c>
      <c r="AJ20" s="276">
        <v>1</v>
      </c>
      <c r="AK20" s="280">
        <v>0</v>
      </c>
      <c r="AL20" s="277">
        <v>1</v>
      </c>
      <c r="AM20" s="279">
        <v>0</v>
      </c>
      <c r="AN20" s="280">
        <v>2</v>
      </c>
      <c r="AO20" s="280">
        <v>4</v>
      </c>
      <c r="AP20" s="280">
        <v>3</v>
      </c>
      <c r="AQ20" s="280">
        <v>1</v>
      </c>
      <c r="AR20" s="280">
        <v>1</v>
      </c>
      <c r="AS20" s="277">
        <v>11</v>
      </c>
      <c r="AT20" s="282">
        <v>12</v>
      </c>
      <c r="AU20" s="276">
        <v>4</v>
      </c>
      <c r="AV20" s="280">
        <v>4</v>
      </c>
      <c r="AW20" s="277">
        <v>8</v>
      </c>
      <c r="AX20" s="279">
        <v>0</v>
      </c>
      <c r="AY20" s="280">
        <v>33</v>
      </c>
      <c r="AZ20" s="280">
        <v>31</v>
      </c>
      <c r="BA20" s="280">
        <v>35</v>
      </c>
      <c r="BB20" s="280">
        <v>25</v>
      </c>
      <c r="BC20" s="280">
        <v>28</v>
      </c>
      <c r="BD20" s="281">
        <v>152</v>
      </c>
      <c r="BE20" s="282">
        <v>160</v>
      </c>
      <c r="BF20" s="276">
        <v>0</v>
      </c>
      <c r="BG20" s="280">
        <v>0</v>
      </c>
      <c r="BH20" s="277">
        <v>0</v>
      </c>
      <c r="BI20" s="279">
        <v>0</v>
      </c>
      <c r="BJ20" s="280">
        <v>37</v>
      </c>
      <c r="BK20" s="280">
        <v>52</v>
      </c>
      <c r="BL20" s="280">
        <v>16</v>
      </c>
      <c r="BM20" s="280">
        <v>10</v>
      </c>
      <c r="BN20" s="280">
        <v>6</v>
      </c>
      <c r="BO20" s="277">
        <v>121</v>
      </c>
      <c r="BP20" s="282">
        <v>121</v>
      </c>
      <c r="BQ20" s="276">
        <v>5</v>
      </c>
      <c r="BR20" s="280">
        <v>4</v>
      </c>
      <c r="BS20" s="277">
        <v>9</v>
      </c>
      <c r="BT20" s="279">
        <v>0</v>
      </c>
      <c r="BU20" s="280">
        <v>9</v>
      </c>
      <c r="BV20" s="280">
        <v>14</v>
      </c>
      <c r="BW20" s="280">
        <v>4</v>
      </c>
      <c r="BX20" s="280">
        <v>6</v>
      </c>
      <c r="BY20" s="280">
        <v>4</v>
      </c>
      <c r="BZ20" s="277">
        <v>37</v>
      </c>
      <c r="CA20" s="282">
        <v>46</v>
      </c>
      <c r="CB20" s="276">
        <v>0</v>
      </c>
      <c r="CC20" s="280">
        <v>0</v>
      </c>
      <c r="CD20" s="277">
        <v>0</v>
      </c>
      <c r="CE20" s="279">
        <v>0</v>
      </c>
      <c r="CF20" s="280">
        <v>0</v>
      </c>
      <c r="CG20" s="280">
        <v>8</v>
      </c>
      <c r="CH20" s="280">
        <v>9</v>
      </c>
      <c r="CI20" s="280">
        <v>8</v>
      </c>
      <c r="CJ20" s="280">
        <v>4</v>
      </c>
      <c r="CK20" s="277">
        <v>29</v>
      </c>
      <c r="CL20" s="282">
        <v>29</v>
      </c>
      <c r="CM20" s="276">
        <v>0</v>
      </c>
      <c r="CN20" s="280">
        <v>0</v>
      </c>
      <c r="CO20" s="277">
        <v>0</v>
      </c>
      <c r="CP20" s="279">
        <v>0</v>
      </c>
      <c r="CQ20" s="280">
        <v>0</v>
      </c>
      <c r="CR20" s="280">
        <v>2</v>
      </c>
      <c r="CS20" s="280">
        <v>0</v>
      </c>
      <c r="CT20" s="280">
        <v>0</v>
      </c>
      <c r="CU20" s="280">
        <v>0</v>
      </c>
      <c r="CV20" s="277">
        <v>2</v>
      </c>
      <c r="CW20" s="282">
        <v>2</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2</v>
      </c>
      <c r="DU20" s="280">
        <v>21</v>
      </c>
      <c r="DV20" s="277">
        <v>33</v>
      </c>
      <c r="DW20" s="279">
        <v>0</v>
      </c>
      <c r="DX20" s="280">
        <v>43</v>
      </c>
      <c r="DY20" s="280">
        <v>67</v>
      </c>
      <c r="DZ20" s="280">
        <v>47</v>
      </c>
      <c r="EA20" s="280">
        <v>29</v>
      </c>
      <c r="EB20" s="280">
        <v>23</v>
      </c>
      <c r="EC20" s="277">
        <v>209</v>
      </c>
      <c r="ED20" s="282">
        <v>242</v>
      </c>
      <c r="EE20" s="276">
        <v>3</v>
      </c>
      <c r="EF20" s="280">
        <v>3</v>
      </c>
      <c r="EG20" s="277">
        <v>6</v>
      </c>
      <c r="EH20" s="279">
        <v>0</v>
      </c>
      <c r="EI20" s="280">
        <v>14</v>
      </c>
      <c r="EJ20" s="280">
        <v>16</v>
      </c>
      <c r="EK20" s="280">
        <v>6</v>
      </c>
      <c r="EL20" s="280">
        <v>10</v>
      </c>
      <c r="EM20" s="280">
        <v>11</v>
      </c>
      <c r="EN20" s="277">
        <v>57</v>
      </c>
      <c r="EO20" s="282">
        <v>63</v>
      </c>
      <c r="EP20" s="276">
        <v>19</v>
      </c>
      <c r="EQ20" s="280">
        <v>26</v>
      </c>
      <c r="ER20" s="277">
        <v>45</v>
      </c>
      <c r="ES20" s="279">
        <v>0</v>
      </c>
      <c r="ET20" s="280">
        <v>93</v>
      </c>
      <c r="EU20" s="280">
        <v>108</v>
      </c>
      <c r="EV20" s="280">
        <v>56</v>
      </c>
      <c r="EW20" s="280">
        <v>35</v>
      </c>
      <c r="EX20" s="280">
        <v>21</v>
      </c>
      <c r="EY20" s="277">
        <v>313</v>
      </c>
      <c r="EZ20" s="282">
        <v>358</v>
      </c>
    </row>
    <row r="21" spans="2:156" ht="21" customHeight="1" x14ac:dyDescent="0.2">
      <c r="B21" s="261" t="s">
        <v>19</v>
      </c>
      <c r="C21" s="276">
        <v>0</v>
      </c>
      <c r="D21" s="280">
        <v>0</v>
      </c>
      <c r="E21" s="384">
        <v>0</v>
      </c>
      <c r="F21" s="279">
        <v>0</v>
      </c>
      <c r="G21" s="280">
        <v>5</v>
      </c>
      <c r="H21" s="280">
        <v>8</v>
      </c>
      <c r="I21" s="280">
        <v>3</v>
      </c>
      <c r="J21" s="280">
        <v>5</v>
      </c>
      <c r="K21" s="280">
        <v>6</v>
      </c>
      <c r="L21" s="281">
        <v>27</v>
      </c>
      <c r="M21" s="282">
        <v>27</v>
      </c>
      <c r="N21" s="276">
        <v>0</v>
      </c>
      <c r="O21" s="280">
        <v>0</v>
      </c>
      <c r="P21" s="277">
        <v>0</v>
      </c>
      <c r="Q21" s="279">
        <v>0</v>
      </c>
      <c r="R21" s="280">
        <v>0</v>
      </c>
      <c r="S21" s="280">
        <v>1</v>
      </c>
      <c r="T21" s="280">
        <v>1</v>
      </c>
      <c r="U21" s="280">
        <v>1</v>
      </c>
      <c r="V21" s="280">
        <v>2</v>
      </c>
      <c r="W21" s="277">
        <v>5</v>
      </c>
      <c r="X21" s="282">
        <v>5</v>
      </c>
      <c r="Y21" s="276">
        <v>2</v>
      </c>
      <c r="Z21" s="280">
        <v>2</v>
      </c>
      <c r="AA21" s="277">
        <v>4</v>
      </c>
      <c r="AB21" s="279">
        <v>0</v>
      </c>
      <c r="AC21" s="280">
        <v>11</v>
      </c>
      <c r="AD21" s="280">
        <v>7</v>
      </c>
      <c r="AE21" s="280">
        <v>6</v>
      </c>
      <c r="AF21" s="280">
        <v>10</v>
      </c>
      <c r="AG21" s="280">
        <v>5</v>
      </c>
      <c r="AH21" s="277">
        <v>39</v>
      </c>
      <c r="AI21" s="282">
        <v>43</v>
      </c>
      <c r="AJ21" s="276">
        <v>0</v>
      </c>
      <c r="AK21" s="280">
        <v>0</v>
      </c>
      <c r="AL21" s="277">
        <v>0</v>
      </c>
      <c r="AM21" s="279">
        <v>0</v>
      </c>
      <c r="AN21" s="280">
        <v>3</v>
      </c>
      <c r="AO21" s="280">
        <v>0</v>
      </c>
      <c r="AP21" s="280">
        <v>1</v>
      </c>
      <c r="AQ21" s="280">
        <v>1</v>
      </c>
      <c r="AR21" s="280">
        <v>0</v>
      </c>
      <c r="AS21" s="277">
        <v>5</v>
      </c>
      <c r="AT21" s="282">
        <v>5</v>
      </c>
      <c r="AU21" s="276">
        <v>1</v>
      </c>
      <c r="AV21" s="280">
        <v>4</v>
      </c>
      <c r="AW21" s="277">
        <v>5</v>
      </c>
      <c r="AX21" s="279">
        <v>0</v>
      </c>
      <c r="AY21" s="280">
        <v>15</v>
      </c>
      <c r="AZ21" s="280">
        <v>16</v>
      </c>
      <c r="BA21" s="280">
        <v>10</v>
      </c>
      <c r="BB21" s="280">
        <v>16</v>
      </c>
      <c r="BC21" s="280">
        <v>7</v>
      </c>
      <c r="BD21" s="281">
        <v>64</v>
      </c>
      <c r="BE21" s="282">
        <v>69</v>
      </c>
      <c r="BF21" s="276">
        <v>0</v>
      </c>
      <c r="BG21" s="280">
        <v>0</v>
      </c>
      <c r="BH21" s="277">
        <v>0</v>
      </c>
      <c r="BI21" s="279">
        <v>0</v>
      </c>
      <c r="BJ21" s="280">
        <v>11</v>
      </c>
      <c r="BK21" s="280">
        <v>10</v>
      </c>
      <c r="BL21" s="280">
        <v>5</v>
      </c>
      <c r="BM21" s="280">
        <v>4</v>
      </c>
      <c r="BN21" s="280">
        <v>3</v>
      </c>
      <c r="BO21" s="277">
        <v>33</v>
      </c>
      <c r="BP21" s="282">
        <v>33</v>
      </c>
      <c r="BQ21" s="276">
        <v>0</v>
      </c>
      <c r="BR21" s="280">
        <v>5</v>
      </c>
      <c r="BS21" s="277">
        <v>5</v>
      </c>
      <c r="BT21" s="279">
        <v>0</v>
      </c>
      <c r="BU21" s="280">
        <v>8</v>
      </c>
      <c r="BV21" s="280">
        <v>3</v>
      </c>
      <c r="BW21" s="280">
        <v>5</v>
      </c>
      <c r="BX21" s="280">
        <v>5</v>
      </c>
      <c r="BY21" s="280">
        <v>1</v>
      </c>
      <c r="BZ21" s="277">
        <v>22</v>
      </c>
      <c r="CA21" s="282">
        <v>27</v>
      </c>
      <c r="CB21" s="276">
        <v>0</v>
      </c>
      <c r="CC21" s="280">
        <v>1</v>
      </c>
      <c r="CD21" s="277">
        <v>1</v>
      </c>
      <c r="CE21" s="279">
        <v>0</v>
      </c>
      <c r="CF21" s="280">
        <v>1</v>
      </c>
      <c r="CG21" s="280">
        <v>2</v>
      </c>
      <c r="CH21" s="280">
        <v>0</v>
      </c>
      <c r="CI21" s="280">
        <v>1</v>
      </c>
      <c r="CJ21" s="280">
        <v>2</v>
      </c>
      <c r="CK21" s="277">
        <v>6</v>
      </c>
      <c r="CL21" s="282">
        <v>7</v>
      </c>
      <c r="CM21" s="276">
        <v>0</v>
      </c>
      <c r="CN21" s="280">
        <v>0</v>
      </c>
      <c r="CO21" s="277">
        <v>0</v>
      </c>
      <c r="CP21" s="279">
        <v>0</v>
      </c>
      <c r="CQ21" s="280">
        <v>0</v>
      </c>
      <c r="CR21" s="280">
        <v>0</v>
      </c>
      <c r="CS21" s="280">
        <v>1</v>
      </c>
      <c r="CT21" s="280">
        <v>2</v>
      </c>
      <c r="CU21" s="280">
        <v>0</v>
      </c>
      <c r="CV21" s="277">
        <v>3</v>
      </c>
      <c r="CW21" s="282">
        <v>3</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5</v>
      </c>
      <c r="DU21" s="280">
        <v>9</v>
      </c>
      <c r="DV21" s="277">
        <v>14</v>
      </c>
      <c r="DW21" s="279">
        <v>0</v>
      </c>
      <c r="DX21" s="280">
        <v>17</v>
      </c>
      <c r="DY21" s="280">
        <v>20</v>
      </c>
      <c r="DZ21" s="280">
        <v>16</v>
      </c>
      <c r="EA21" s="280">
        <v>15</v>
      </c>
      <c r="EB21" s="280">
        <v>9</v>
      </c>
      <c r="EC21" s="277">
        <v>77</v>
      </c>
      <c r="ED21" s="282">
        <v>91</v>
      </c>
      <c r="EE21" s="276">
        <v>0</v>
      </c>
      <c r="EF21" s="280">
        <v>3</v>
      </c>
      <c r="EG21" s="277">
        <v>3</v>
      </c>
      <c r="EH21" s="279">
        <v>0</v>
      </c>
      <c r="EI21" s="280">
        <v>8</v>
      </c>
      <c r="EJ21" s="280">
        <v>8</v>
      </c>
      <c r="EK21" s="280">
        <v>3</v>
      </c>
      <c r="EL21" s="280">
        <v>4</v>
      </c>
      <c r="EM21" s="280">
        <v>1</v>
      </c>
      <c r="EN21" s="277">
        <v>24</v>
      </c>
      <c r="EO21" s="282">
        <v>27</v>
      </c>
      <c r="EP21" s="276">
        <v>7</v>
      </c>
      <c r="EQ21" s="280">
        <v>13</v>
      </c>
      <c r="ER21" s="277">
        <v>20</v>
      </c>
      <c r="ES21" s="279">
        <v>0</v>
      </c>
      <c r="ET21" s="280">
        <v>39</v>
      </c>
      <c r="EU21" s="280">
        <v>30</v>
      </c>
      <c r="EV21" s="280">
        <v>16</v>
      </c>
      <c r="EW21" s="280">
        <v>16</v>
      </c>
      <c r="EX21" s="280">
        <v>8</v>
      </c>
      <c r="EY21" s="277">
        <v>109</v>
      </c>
      <c r="EZ21" s="282">
        <v>129</v>
      </c>
    </row>
    <row r="22" spans="2:156" ht="21" customHeight="1" x14ac:dyDescent="0.2">
      <c r="B22" s="261" t="s">
        <v>20</v>
      </c>
      <c r="C22" s="276">
        <v>0</v>
      </c>
      <c r="D22" s="280">
        <v>0</v>
      </c>
      <c r="E22" s="384">
        <v>0</v>
      </c>
      <c r="F22" s="279">
        <v>0</v>
      </c>
      <c r="G22" s="280">
        <v>11</v>
      </c>
      <c r="H22" s="280">
        <v>8</v>
      </c>
      <c r="I22" s="280">
        <v>7</v>
      </c>
      <c r="J22" s="280">
        <v>5</v>
      </c>
      <c r="K22" s="280">
        <v>4</v>
      </c>
      <c r="L22" s="281">
        <v>35</v>
      </c>
      <c r="M22" s="282">
        <v>35</v>
      </c>
      <c r="N22" s="276">
        <v>0</v>
      </c>
      <c r="O22" s="280">
        <v>0</v>
      </c>
      <c r="P22" s="277">
        <v>0</v>
      </c>
      <c r="Q22" s="279">
        <v>0</v>
      </c>
      <c r="R22" s="280">
        <v>0</v>
      </c>
      <c r="S22" s="280">
        <v>1</v>
      </c>
      <c r="T22" s="280">
        <v>0</v>
      </c>
      <c r="U22" s="280">
        <v>1</v>
      </c>
      <c r="V22" s="280">
        <v>1</v>
      </c>
      <c r="W22" s="277">
        <v>3</v>
      </c>
      <c r="X22" s="282">
        <v>3</v>
      </c>
      <c r="Y22" s="276">
        <v>5</v>
      </c>
      <c r="Z22" s="280">
        <v>4</v>
      </c>
      <c r="AA22" s="277">
        <v>9</v>
      </c>
      <c r="AB22" s="279">
        <v>0</v>
      </c>
      <c r="AC22" s="280">
        <v>13</v>
      </c>
      <c r="AD22" s="280">
        <v>16</v>
      </c>
      <c r="AE22" s="280">
        <v>8</v>
      </c>
      <c r="AF22" s="280">
        <v>3</v>
      </c>
      <c r="AG22" s="280">
        <v>2</v>
      </c>
      <c r="AH22" s="277">
        <v>42</v>
      </c>
      <c r="AI22" s="282">
        <v>51</v>
      </c>
      <c r="AJ22" s="276">
        <v>0</v>
      </c>
      <c r="AK22" s="280">
        <v>3</v>
      </c>
      <c r="AL22" s="277">
        <v>3</v>
      </c>
      <c r="AM22" s="279">
        <v>0</v>
      </c>
      <c r="AN22" s="280">
        <v>6</v>
      </c>
      <c r="AO22" s="280">
        <v>7</v>
      </c>
      <c r="AP22" s="280">
        <v>2</v>
      </c>
      <c r="AQ22" s="280">
        <v>2</v>
      </c>
      <c r="AR22" s="280">
        <v>1</v>
      </c>
      <c r="AS22" s="277">
        <v>18</v>
      </c>
      <c r="AT22" s="282">
        <v>21</v>
      </c>
      <c r="AU22" s="276">
        <v>3</v>
      </c>
      <c r="AV22" s="280">
        <v>1</v>
      </c>
      <c r="AW22" s="277">
        <v>4</v>
      </c>
      <c r="AX22" s="279">
        <v>0</v>
      </c>
      <c r="AY22" s="280">
        <v>10</v>
      </c>
      <c r="AZ22" s="280">
        <v>12</v>
      </c>
      <c r="BA22" s="280">
        <v>8</v>
      </c>
      <c r="BB22" s="280">
        <v>9</v>
      </c>
      <c r="BC22" s="280">
        <v>7</v>
      </c>
      <c r="BD22" s="281">
        <v>46</v>
      </c>
      <c r="BE22" s="282">
        <v>50</v>
      </c>
      <c r="BF22" s="276">
        <v>0</v>
      </c>
      <c r="BG22" s="280">
        <v>0</v>
      </c>
      <c r="BH22" s="277">
        <v>0</v>
      </c>
      <c r="BI22" s="279">
        <v>0</v>
      </c>
      <c r="BJ22" s="280">
        <v>12</v>
      </c>
      <c r="BK22" s="280">
        <v>12</v>
      </c>
      <c r="BL22" s="280">
        <v>10</v>
      </c>
      <c r="BM22" s="280">
        <v>2</v>
      </c>
      <c r="BN22" s="280">
        <v>3</v>
      </c>
      <c r="BO22" s="277">
        <v>39</v>
      </c>
      <c r="BP22" s="282">
        <v>39</v>
      </c>
      <c r="BQ22" s="276">
        <v>1</v>
      </c>
      <c r="BR22" s="280">
        <v>3</v>
      </c>
      <c r="BS22" s="277">
        <v>4</v>
      </c>
      <c r="BT22" s="279">
        <v>0</v>
      </c>
      <c r="BU22" s="280">
        <v>7</v>
      </c>
      <c r="BV22" s="280">
        <v>14</v>
      </c>
      <c r="BW22" s="280">
        <v>4</v>
      </c>
      <c r="BX22" s="280">
        <v>4</v>
      </c>
      <c r="BY22" s="280">
        <v>3</v>
      </c>
      <c r="BZ22" s="277">
        <v>32</v>
      </c>
      <c r="CA22" s="282">
        <v>36</v>
      </c>
      <c r="CB22" s="276">
        <v>0</v>
      </c>
      <c r="CC22" s="280">
        <v>0</v>
      </c>
      <c r="CD22" s="277">
        <v>0</v>
      </c>
      <c r="CE22" s="279">
        <v>0</v>
      </c>
      <c r="CF22" s="280">
        <v>2</v>
      </c>
      <c r="CG22" s="280">
        <v>2</v>
      </c>
      <c r="CH22" s="280">
        <v>2</v>
      </c>
      <c r="CI22" s="280">
        <v>4</v>
      </c>
      <c r="CJ22" s="280">
        <v>0</v>
      </c>
      <c r="CK22" s="277">
        <v>10</v>
      </c>
      <c r="CL22" s="282">
        <v>10</v>
      </c>
      <c r="CM22" s="276">
        <v>0</v>
      </c>
      <c r="CN22" s="280">
        <v>0</v>
      </c>
      <c r="CO22" s="277">
        <v>0</v>
      </c>
      <c r="CP22" s="279">
        <v>0</v>
      </c>
      <c r="CQ22" s="280">
        <v>0</v>
      </c>
      <c r="CR22" s="280">
        <v>1</v>
      </c>
      <c r="CS22" s="280">
        <v>1</v>
      </c>
      <c r="CT22" s="280">
        <v>1</v>
      </c>
      <c r="CU22" s="280">
        <v>2</v>
      </c>
      <c r="CV22" s="277">
        <v>5</v>
      </c>
      <c r="CW22" s="282">
        <v>5</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9</v>
      </c>
      <c r="DU22" s="280">
        <v>21</v>
      </c>
      <c r="DV22" s="277">
        <v>30</v>
      </c>
      <c r="DW22" s="279">
        <v>0</v>
      </c>
      <c r="DX22" s="280">
        <v>27</v>
      </c>
      <c r="DY22" s="280">
        <v>32</v>
      </c>
      <c r="DZ22" s="280">
        <v>19</v>
      </c>
      <c r="EA22" s="280">
        <v>11</v>
      </c>
      <c r="EB22" s="280">
        <v>6</v>
      </c>
      <c r="EC22" s="277">
        <v>95</v>
      </c>
      <c r="ED22" s="282">
        <v>125</v>
      </c>
      <c r="EE22" s="276">
        <v>2</v>
      </c>
      <c r="EF22" s="280">
        <v>1</v>
      </c>
      <c r="EG22" s="277">
        <v>3</v>
      </c>
      <c r="EH22" s="279">
        <v>0</v>
      </c>
      <c r="EI22" s="280">
        <v>1</v>
      </c>
      <c r="EJ22" s="280">
        <v>3</v>
      </c>
      <c r="EK22" s="280">
        <v>4</v>
      </c>
      <c r="EL22" s="280">
        <v>6</v>
      </c>
      <c r="EM22" s="280">
        <v>3</v>
      </c>
      <c r="EN22" s="277">
        <v>17</v>
      </c>
      <c r="EO22" s="282">
        <v>20</v>
      </c>
      <c r="EP22" s="276">
        <v>14</v>
      </c>
      <c r="EQ22" s="280">
        <v>25</v>
      </c>
      <c r="ER22" s="277">
        <v>39</v>
      </c>
      <c r="ES22" s="279">
        <v>0</v>
      </c>
      <c r="ET22" s="280">
        <v>50</v>
      </c>
      <c r="EU22" s="280">
        <v>45</v>
      </c>
      <c r="EV22" s="280">
        <v>23</v>
      </c>
      <c r="EW22" s="280">
        <v>12</v>
      </c>
      <c r="EX22" s="280">
        <v>6</v>
      </c>
      <c r="EY22" s="277">
        <v>136</v>
      </c>
      <c r="EZ22" s="282">
        <v>175</v>
      </c>
    </row>
    <row r="23" spans="2:156" ht="21" customHeight="1" x14ac:dyDescent="0.2">
      <c r="B23" s="261" t="s">
        <v>21</v>
      </c>
      <c r="C23" s="276">
        <v>0</v>
      </c>
      <c r="D23" s="280">
        <v>0</v>
      </c>
      <c r="E23" s="384">
        <v>0</v>
      </c>
      <c r="F23" s="279">
        <v>0</v>
      </c>
      <c r="G23" s="280">
        <v>11</v>
      </c>
      <c r="H23" s="280">
        <v>13</v>
      </c>
      <c r="I23" s="280">
        <v>7</v>
      </c>
      <c r="J23" s="280">
        <v>4</v>
      </c>
      <c r="K23" s="280">
        <v>5</v>
      </c>
      <c r="L23" s="281">
        <v>40</v>
      </c>
      <c r="M23" s="282">
        <v>40</v>
      </c>
      <c r="N23" s="276">
        <v>0</v>
      </c>
      <c r="O23" s="280">
        <v>0</v>
      </c>
      <c r="P23" s="277">
        <v>0</v>
      </c>
      <c r="Q23" s="279">
        <v>0</v>
      </c>
      <c r="R23" s="280">
        <v>0</v>
      </c>
      <c r="S23" s="280">
        <v>0</v>
      </c>
      <c r="T23" s="280">
        <v>1</v>
      </c>
      <c r="U23" s="280">
        <v>1</v>
      </c>
      <c r="V23" s="280">
        <v>1</v>
      </c>
      <c r="W23" s="277">
        <v>3</v>
      </c>
      <c r="X23" s="282">
        <v>3</v>
      </c>
      <c r="Y23" s="276">
        <v>4</v>
      </c>
      <c r="Z23" s="280">
        <v>1</v>
      </c>
      <c r="AA23" s="277">
        <v>5</v>
      </c>
      <c r="AB23" s="279">
        <v>0</v>
      </c>
      <c r="AC23" s="280">
        <v>7</v>
      </c>
      <c r="AD23" s="280">
        <v>7</v>
      </c>
      <c r="AE23" s="280">
        <v>6</v>
      </c>
      <c r="AF23" s="280">
        <v>4</v>
      </c>
      <c r="AG23" s="280">
        <v>5</v>
      </c>
      <c r="AH23" s="277">
        <v>29</v>
      </c>
      <c r="AI23" s="282">
        <v>34</v>
      </c>
      <c r="AJ23" s="276">
        <v>1</v>
      </c>
      <c r="AK23" s="280">
        <v>0</v>
      </c>
      <c r="AL23" s="277">
        <v>1</v>
      </c>
      <c r="AM23" s="279">
        <v>0</v>
      </c>
      <c r="AN23" s="280">
        <v>0</v>
      </c>
      <c r="AO23" s="280">
        <v>1</v>
      </c>
      <c r="AP23" s="280">
        <v>0</v>
      </c>
      <c r="AQ23" s="280">
        <v>1</v>
      </c>
      <c r="AR23" s="280">
        <v>1</v>
      </c>
      <c r="AS23" s="277">
        <v>3</v>
      </c>
      <c r="AT23" s="282">
        <v>4</v>
      </c>
      <c r="AU23" s="276">
        <v>4</v>
      </c>
      <c r="AV23" s="280">
        <v>3</v>
      </c>
      <c r="AW23" s="277">
        <v>7</v>
      </c>
      <c r="AX23" s="279">
        <v>0</v>
      </c>
      <c r="AY23" s="280">
        <v>11</v>
      </c>
      <c r="AZ23" s="280">
        <v>17</v>
      </c>
      <c r="BA23" s="280">
        <v>14</v>
      </c>
      <c r="BB23" s="280">
        <v>14</v>
      </c>
      <c r="BC23" s="280">
        <v>7</v>
      </c>
      <c r="BD23" s="281">
        <v>63</v>
      </c>
      <c r="BE23" s="282">
        <v>70</v>
      </c>
      <c r="BF23" s="276">
        <v>0</v>
      </c>
      <c r="BG23" s="280">
        <v>0</v>
      </c>
      <c r="BH23" s="277">
        <v>0</v>
      </c>
      <c r="BI23" s="279">
        <v>0</v>
      </c>
      <c r="BJ23" s="280">
        <v>19</v>
      </c>
      <c r="BK23" s="280">
        <v>12</v>
      </c>
      <c r="BL23" s="280">
        <v>5</v>
      </c>
      <c r="BM23" s="280">
        <v>6</v>
      </c>
      <c r="BN23" s="280">
        <v>3</v>
      </c>
      <c r="BO23" s="277">
        <v>45</v>
      </c>
      <c r="BP23" s="282">
        <v>45</v>
      </c>
      <c r="BQ23" s="276">
        <v>0</v>
      </c>
      <c r="BR23" s="280">
        <v>0</v>
      </c>
      <c r="BS23" s="277">
        <v>0</v>
      </c>
      <c r="BT23" s="279">
        <v>0</v>
      </c>
      <c r="BU23" s="280">
        <v>0</v>
      </c>
      <c r="BV23" s="280">
        <v>4</v>
      </c>
      <c r="BW23" s="280">
        <v>0</v>
      </c>
      <c r="BX23" s="280">
        <v>1</v>
      </c>
      <c r="BY23" s="280">
        <v>1</v>
      </c>
      <c r="BZ23" s="277">
        <v>6</v>
      </c>
      <c r="CA23" s="282">
        <v>6</v>
      </c>
      <c r="CB23" s="276">
        <v>0</v>
      </c>
      <c r="CC23" s="280">
        <v>1</v>
      </c>
      <c r="CD23" s="277">
        <v>1</v>
      </c>
      <c r="CE23" s="279">
        <v>0</v>
      </c>
      <c r="CF23" s="280">
        <v>2</v>
      </c>
      <c r="CG23" s="280">
        <v>2</v>
      </c>
      <c r="CH23" s="280">
        <v>4</v>
      </c>
      <c r="CI23" s="280">
        <v>1</v>
      </c>
      <c r="CJ23" s="280">
        <v>2</v>
      </c>
      <c r="CK23" s="277">
        <v>11</v>
      </c>
      <c r="CL23" s="282">
        <v>12</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0</v>
      </c>
      <c r="DU23" s="280">
        <v>9</v>
      </c>
      <c r="DV23" s="277">
        <v>19</v>
      </c>
      <c r="DW23" s="279">
        <v>0</v>
      </c>
      <c r="DX23" s="280">
        <v>14</v>
      </c>
      <c r="DY23" s="280">
        <v>33</v>
      </c>
      <c r="DZ23" s="280">
        <v>9</v>
      </c>
      <c r="EA23" s="280">
        <v>12</v>
      </c>
      <c r="EB23" s="280">
        <v>6</v>
      </c>
      <c r="EC23" s="277">
        <v>74</v>
      </c>
      <c r="ED23" s="282">
        <v>93</v>
      </c>
      <c r="EE23" s="276">
        <v>2</v>
      </c>
      <c r="EF23" s="280">
        <v>2</v>
      </c>
      <c r="EG23" s="277">
        <v>4</v>
      </c>
      <c r="EH23" s="279">
        <v>0</v>
      </c>
      <c r="EI23" s="280">
        <v>7</v>
      </c>
      <c r="EJ23" s="280">
        <v>5</v>
      </c>
      <c r="EK23" s="280">
        <v>9</v>
      </c>
      <c r="EL23" s="280">
        <v>6</v>
      </c>
      <c r="EM23" s="280">
        <v>0</v>
      </c>
      <c r="EN23" s="277">
        <v>27</v>
      </c>
      <c r="EO23" s="282">
        <v>31</v>
      </c>
      <c r="EP23" s="276">
        <v>14</v>
      </c>
      <c r="EQ23" s="280">
        <v>11</v>
      </c>
      <c r="ER23" s="277">
        <v>25</v>
      </c>
      <c r="ES23" s="279">
        <v>0</v>
      </c>
      <c r="ET23" s="280">
        <v>44</v>
      </c>
      <c r="EU23" s="280">
        <v>40</v>
      </c>
      <c r="EV23" s="280">
        <v>16</v>
      </c>
      <c r="EW23" s="280">
        <v>11</v>
      </c>
      <c r="EX23" s="280">
        <v>9</v>
      </c>
      <c r="EY23" s="277">
        <v>120</v>
      </c>
      <c r="EZ23" s="282">
        <v>145</v>
      </c>
    </row>
    <row r="24" spans="2:156" ht="21" customHeight="1" x14ac:dyDescent="0.2">
      <c r="B24" s="261" t="s">
        <v>22</v>
      </c>
      <c r="C24" s="276">
        <v>0</v>
      </c>
      <c r="D24" s="280">
        <v>0</v>
      </c>
      <c r="E24" s="384">
        <v>0</v>
      </c>
      <c r="F24" s="279">
        <v>0</v>
      </c>
      <c r="G24" s="280">
        <v>4</v>
      </c>
      <c r="H24" s="280">
        <v>1</v>
      </c>
      <c r="I24" s="280">
        <v>3</v>
      </c>
      <c r="J24" s="280">
        <v>1</v>
      </c>
      <c r="K24" s="280">
        <v>2</v>
      </c>
      <c r="L24" s="281">
        <v>11</v>
      </c>
      <c r="M24" s="282">
        <v>11</v>
      </c>
      <c r="N24" s="276">
        <v>0</v>
      </c>
      <c r="O24" s="280">
        <v>0</v>
      </c>
      <c r="P24" s="277">
        <v>0</v>
      </c>
      <c r="Q24" s="279">
        <v>0</v>
      </c>
      <c r="R24" s="280">
        <v>0</v>
      </c>
      <c r="S24" s="280">
        <v>0</v>
      </c>
      <c r="T24" s="280">
        <v>0</v>
      </c>
      <c r="U24" s="280">
        <v>0</v>
      </c>
      <c r="V24" s="280">
        <v>4</v>
      </c>
      <c r="W24" s="277">
        <v>4</v>
      </c>
      <c r="X24" s="282">
        <v>4</v>
      </c>
      <c r="Y24" s="276">
        <v>0</v>
      </c>
      <c r="Z24" s="280">
        <v>1</v>
      </c>
      <c r="AA24" s="277">
        <v>1</v>
      </c>
      <c r="AB24" s="279">
        <v>0</v>
      </c>
      <c r="AC24" s="280">
        <v>4</v>
      </c>
      <c r="AD24" s="280">
        <v>4</v>
      </c>
      <c r="AE24" s="280">
        <v>3</v>
      </c>
      <c r="AF24" s="280">
        <v>3</v>
      </c>
      <c r="AG24" s="280">
        <v>4</v>
      </c>
      <c r="AH24" s="277">
        <v>18</v>
      </c>
      <c r="AI24" s="282">
        <v>19</v>
      </c>
      <c r="AJ24" s="276">
        <v>0</v>
      </c>
      <c r="AK24" s="280">
        <v>0</v>
      </c>
      <c r="AL24" s="277">
        <v>0</v>
      </c>
      <c r="AM24" s="279">
        <v>0</v>
      </c>
      <c r="AN24" s="280">
        <v>2</v>
      </c>
      <c r="AO24" s="280">
        <v>1</v>
      </c>
      <c r="AP24" s="280">
        <v>0</v>
      </c>
      <c r="AQ24" s="280">
        <v>1</v>
      </c>
      <c r="AR24" s="280">
        <v>0</v>
      </c>
      <c r="AS24" s="277">
        <v>4</v>
      </c>
      <c r="AT24" s="282">
        <v>4</v>
      </c>
      <c r="AU24" s="276">
        <v>0</v>
      </c>
      <c r="AV24" s="280">
        <v>0</v>
      </c>
      <c r="AW24" s="277">
        <v>0</v>
      </c>
      <c r="AX24" s="279">
        <v>0</v>
      </c>
      <c r="AY24" s="280">
        <v>5</v>
      </c>
      <c r="AZ24" s="280">
        <v>3</v>
      </c>
      <c r="BA24" s="280">
        <v>3</v>
      </c>
      <c r="BB24" s="280">
        <v>7</v>
      </c>
      <c r="BC24" s="280">
        <v>1</v>
      </c>
      <c r="BD24" s="281">
        <v>19</v>
      </c>
      <c r="BE24" s="282">
        <v>19</v>
      </c>
      <c r="BF24" s="276">
        <v>0</v>
      </c>
      <c r="BG24" s="280">
        <v>0</v>
      </c>
      <c r="BH24" s="277">
        <v>0</v>
      </c>
      <c r="BI24" s="279">
        <v>0</v>
      </c>
      <c r="BJ24" s="280">
        <v>9</v>
      </c>
      <c r="BK24" s="280">
        <v>4</v>
      </c>
      <c r="BL24" s="280">
        <v>2</v>
      </c>
      <c r="BM24" s="280">
        <v>2</v>
      </c>
      <c r="BN24" s="280">
        <v>2</v>
      </c>
      <c r="BO24" s="277">
        <v>19</v>
      </c>
      <c r="BP24" s="282">
        <v>19</v>
      </c>
      <c r="BQ24" s="276">
        <v>1</v>
      </c>
      <c r="BR24" s="280">
        <v>0</v>
      </c>
      <c r="BS24" s="277">
        <v>1</v>
      </c>
      <c r="BT24" s="279">
        <v>0</v>
      </c>
      <c r="BU24" s="280">
        <v>2</v>
      </c>
      <c r="BV24" s="280">
        <v>1</v>
      </c>
      <c r="BW24" s="280">
        <v>1</v>
      </c>
      <c r="BX24" s="280">
        <v>1</v>
      </c>
      <c r="BY24" s="280">
        <v>0</v>
      </c>
      <c r="BZ24" s="277">
        <v>5</v>
      </c>
      <c r="CA24" s="282">
        <v>6</v>
      </c>
      <c r="CB24" s="276">
        <v>0</v>
      </c>
      <c r="CC24" s="280">
        <v>0</v>
      </c>
      <c r="CD24" s="277">
        <v>0</v>
      </c>
      <c r="CE24" s="279">
        <v>0</v>
      </c>
      <c r="CF24" s="280">
        <v>1</v>
      </c>
      <c r="CG24" s="280">
        <v>1</v>
      </c>
      <c r="CH24" s="280">
        <v>1</v>
      </c>
      <c r="CI24" s="280">
        <v>1</v>
      </c>
      <c r="CJ24" s="280">
        <v>1</v>
      </c>
      <c r="CK24" s="277">
        <v>5</v>
      </c>
      <c r="CL24" s="282">
        <v>5</v>
      </c>
      <c r="CM24" s="276">
        <v>0</v>
      </c>
      <c r="CN24" s="280">
        <v>0</v>
      </c>
      <c r="CO24" s="277">
        <v>0</v>
      </c>
      <c r="CP24" s="279">
        <v>0</v>
      </c>
      <c r="CQ24" s="280">
        <v>0</v>
      </c>
      <c r="CR24" s="280">
        <v>0</v>
      </c>
      <c r="CS24" s="280">
        <v>1</v>
      </c>
      <c r="CT24" s="280">
        <v>0</v>
      </c>
      <c r="CU24" s="280">
        <v>0</v>
      </c>
      <c r="CV24" s="277">
        <v>1</v>
      </c>
      <c r="CW24" s="282">
        <v>1</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3</v>
      </c>
      <c r="DU24" s="280">
        <v>4</v>
      </c>
      <c r="DV24" s="277">
        <v>7</v>
      </c>
      <c r="DW24" s="279">
        <v>0</v>
      </c>
      <c r="DX24" s="280">
        <v>11</v>
      </c>
      <c r="DY24" s="280">
        <v>6</v>
      </c>
      <c r="DZ24" s="280">
        <v>6</v>
      </c>
      <c r="EA24" s="280">
        <v>6</v>
      </c>
      <c r="EB24" s="280">
        <v>6</v>
      </c>
      <c r="EC24" s="277">
        <v>35</v>
      </c>
      <c r="ED24" s="282">
        <v>42</v>
      </c>
      <c r="EE24" s="276">
        <v>1</v>
      </c>
      <c r="EF24" s="280">
        <v>0</v>
      </c>
      <c r="EG24" s="277">
        <v>1</v>
      </c>
      <c r="EH24" s="279">
        <v>0</v>
      </c>
      <c r="EI24" s="280">
        <v>2</v>
      </c>
      <c r="EJ24" s="280">
        <v>4</v>
      </c>
      <c r="EK24" s="280">
        <v>2</v>
      </c>
      <c r="EL24" s="280">
        <v>4</v>
      </c>
      <c r="EM24" s="280">
        <v>1</v>
      </c>
      <c r="EN24" s="277">
        <v>13</v>
      </c>
      <c r="EO24" s="282">
        <v>14</v>
      </c>
      <c r="EP24" s="276">
        <v>4</v>
      </c>
      <c r="EQ24" s="280">
        <v>3</v>
      </c>
      <c r="ER24" s="277">
        <v>7</v>
      </c>
      <c r="ES24" s="279">
        <v>0</v>
      </c>
      <c r="ET24" s="280">
        <v>22</v>
      </c>
      <c r="EU24" s="280">
        <v>9</v>
      </c>
      <c r="EV24" s="280">
        <v>8</v>
      </c>
      <c r="EW24" s="280">
        <v>6</v>
      </c>
      <c r="EX24" s="280">
        <v>7</v>
      </c>
      <c r="EY24" s="277">
        <v>52</v>
      </c>
      <c r="EZ24" s="282">
        <v>59</v>
      </c>
    </row>
    <row r="25" spans="2:156" ht="21" customHeight="1" x14ac:dyDescent="0.2">
      <c r="B25" s="261" t="s">
        <v>23</v>
      </c>
      <c r="C25" s="276">
        <v>0</v>
      </c>
      <c r="D25" s="280">
        <v>0</v>
      </c>
      <c r="E25" s="384">
        <v>0</v>
      </c>
      <c r="F25" s="279">
        <v>0</v>
      </c>
      <c r="G25" s="280">
        <v>1</v>
      </c>
      <c r="H25" s="280">
        <v>6</v>
      </c>
      <c r="I25" s="280">
        <v>4</v>
      </c>
      <c r="J25" s="280">
        <v>2</v>
      </c>
      <c r="K25" s="280">
        <v>1</v>
      </c>
      <c r="L25" s="281">
        <v>14</v>
      </c>
      <c r="M25" s="282">
        <v>14</v>
      </c>
      <c r="N25" s="276">
        <v>0</v>
      </c>
      <c r="O25" s="280">
        <v>0</v>
      </c>
      <c r="P25" s="277">
        <v>0</v>
      </c>
      <c r="Q25" s="279">
        <v>0</v>
      </c>
      <c r="R25" s="280">
        <v>1</v>
      </c>
      <c r="S25" s="280">
        <v>0</v>
      </c>
      <c r="T25" s="280">
        <v>0</v>
      </c>
      <c r="U25" s="280">
        <v>0</v>
      </c>
      <c r="V25" s="280">
        <v>2</v>
      </c>
      <c r="W25" s="277">
        <v>3</v>
      </c>
      <c r="X25" s="282">
        <v>3</v>
      </c>
      <c r="Y25" s="276">
        <v>3</v>
      </c>
      <c r="Z25" s="280">
        <v>3</v>
      </c>
      <c r="AA25" s="277">
        <v>6</v>
      </c>
      <c r="AB25" s="279">
        <v>0</v>
      </c>
      <c r="AC25" s="280">
        <v>4</v>
      </c>
      <c r="AD25" s="280">
        <v>5</v>
      </c>
      <c r="AE25" s="280">
        <v>3</v>
      </c>
      <c r="AF25" s="280">
        <v>3</v>
      </c>
      <c r="AG25" s="280">
        <v>2</v>
      </c>
      <c r="AH25" s="277">
        <v>17</v>
      </c>
      <c r="AI25" s="282">
        <v>23</v>
      </c>
      <c r="AJ25" s="276">
        <v>0</v>
      </c>
      <c r="AK25" s="280">
        <v>1</v>
      </c>
      <c r="AL25" s="277">
        <v>1</v>
      </c>
      <c r="AM25" s="279">
        <v>0</v>
      </c>
      <c r="AN25" s="280">
        <v>0</v>
      </c>
      <c r="AO25" s="280">
        <v>2</v>
      </c>
      <c r="AP25" s="280">
        <v>0</v>
      </c>
      <c r="AQ25" s="280">
        <v>1</v>
      </c>
      <c r="AR25" s="280">
        <v>0</v>
      </c>
      <c r="AS25" s="277">
        <v>3</v>
      </c>
      <c r="AT25" s="282">
        <v>4</v>
      </c>
      <c r="AU25" s="276">
        <v>0</v>
      </c>
      <c r="AV25" s="280">
        <v>0</v>
      </c>
      <c r="AW25" s="277">
        <v>0</v>
      </c>
      <c r="AX25" s="279">
        <v>0</v>
      </c>
      <c r="AY25" s="280">
        <v>3</v>
      </c>
      <c r="AZ25" s="280">
        <v>1</v>
      </c>
      <c r="BA25" s="280">
        <v>6</v>
      </c>
      <c r="BB25" s="280">
        <v>15</v>
      </c>
      <c r="BC25" s="280">
        <v>9</v>
      </c>
      <c r="BD25" s="281">
        <v>34</v>
      </c>
      <c r="BE25" s="282">
        <v>34</v>
      </c>
      <c r="BF25" s="276">
        <v>0</v>
      </c>
      <c r="BG25" s="280">
        <v>0</v>
      </c>
      <c r="BH25" s="277">
        <v>0</v>
      </c>
      <c r="BI25" s="279">
        <v>0</v>
      </c>
      <c r="BJ25" s="280">
        <v>8</v>
      </c>
      <c r="BK25" s="280">
        <v>15</v>
      </c>
      <c r="BL25" s="280">
        <v>4</v>
      </c>
      <c r="BM25" s="280">
        <v>5</v>
      </c>
      <c r="BN25" s="280">
        <v>0</v>
      </c>
      <c r="BO25" s="277">
        <v>32</v>
      </c>
      <c r="BP25" s="282">
        <v>32</v>
      </c>
      <c r="BQ25" s="276">
        <v>0</v>
      </c>
      <c r="BR25" s="280">
        <v>0</v>
      </c>
      <c r="BS25" s="277">
        <v>0</v>
      </c>
      <c r="BT25" s="279">
        <v>0</v>
      </c>
      <c r="BU25" s="280">
        <v>3</v>
      </c>
      <c r="BV25" s="280">
        <v>1</v>
      </c>
      <c r="BW25" s="280">
        <v>4</v>
      </c>
      <c r="BX25" s="280">
        <v>2</v>
      </c>
      <c r="BY25" s="280">
        <v>0</v>
      </c>
      <c r="BZ25" s="277">
        <v>10</v>
      </c>
      <c r="CA25" s="282">
        <v>10</v>
      </c>
      <c r="CB25" s="276">
        <v>0</v>
      </c>
      <c r="CC25" s="280">
        <v>0</v>
      </c>
      <c r="CD25" s="277">
        <v>0</v>
      </c>
      <c r="CE25" s="279">
        <v>0</v>
      </c>
      <c r="CF25" s="280">
        <v>3</v>
      </c>
      <c r="CG25" s="280">
        <v>1</v>
      </c>
      <c r="CH25" s="280">
        <v>0</v>
      </c>
      <c r="CI25" s="280">
        <v>1</v>
      </c>
      <c r="CJ25" s="280">
        <v>0</v>
      </c>
      <c r="CK25" s="277">
        <v>5</v>
      </c>
      <c r="CL25" s="282">
        <v>5</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4</v>
      </c>
      <c r="DU25" s="280">
        <v>5</v>
      </c>
      <c r="DV25" s="277">
        <v>9</v>
      </c>
      <c r="DW25" s="279">
        <v>0</v>
      </c>
      <c r="DX25" s="280">
        <v>12</v>
      </c>
      <c r="DY25" s="280">
        <v>16</v>
      </c>
      <c r="DZ25" s="280">
        <v>7</v>
      </c>
      <c r="EA25" s="280">
        <v>8</v>
      </c>
      <c r="EB25" s="280">
        <v>4</v>
      </c>
      <c r="EC25" s="277">
        <v>47</v>
      </c>
      <c r="ED25" s="282">
        <v>56</v>
      </c>
      <c r="EE25" s="276">
        <v>0</v>
      </c>
      <c r="EF25" s="280">
        <v>0</v>
      </c>
      <c r="EG25" s="277">
        <v>0</v>
      </c>
      <c r="EH25" s="279">
        <v>0</v>
      </c>
      <c r="EI25" s="280">
        <v>4</v>
      </c>
      <c r="EJ25" s="280">
        <v>0</v>
      </c>
      <c r="EK25" s="280">
        <v>1</v>
      </c>
      <c r="EL25" s="280">
        <v>13</v>
      </c>
      <c r="EM25" s="280">
        <v>5</v>
      </c>
      <c r="EN25" s="277">
        <v>23</v>
      </c>
      <c r="EO25" s="282">
        <v>23</v>
      </c>
      <c r="EP25" s="276">
        <v>5</v>
      </c>
      <c r="EQ25" s="280">
        <v>9</v>
      </c>
      <c r="ER25" s="277">
        <v>14</v>
      </c>
      <c r="ES25" s="279">
        <v>0</v>
      </c>
      <c r="ET25" s="280">
        <v>19</v>
      </c>
      <c r="EU25" s="280">
        <v>25</v>
      </c>
      <c r="EV25" s="280">
        <v>11</v>
      </c>
      <c r="EW25" s="280">
        <v>9</v>
      </c>
      <c r="EX25" s="280">
        <v>4</v>
      </c>
      <c r="EY25" s="277">
        <v>68</v>
      </c>
      <c r="EZ25" s="282">
        <v>82</v>
      </c>
    </row>
    <row r="26" spans="2:156" ht="21" customHeight="1" x14ac:dyDescent="0.2">
      <c r="B26" s="261" t="s">
        <v>24</v>
      </c>
      <c r="C26" s="276">
        <v>0</v>
      </c>
      <c r="D26" s="280">
        <v>0</v>
      </c>
      <c r="E26" s="384">
        <v>0</v>
      </c>
      <c r="F26" s="279">
        <v>0</v>
      </c>
      <c r="G26" s="280">
        <v>7</v>
      </c>
      <c r="H26" s="280">
        <v>6</v>
      </c>
      <c r="I26" s="280">
        <v>4</v>
      </c>
      <c r="J26" s="280">
        <v>2</v>
      </c>
      <c r="K26" s="280">
        <v>6</v>
      </c>
      <c r="L26" s="281">
        <v>25</v>
      </c>
      <c r="M26" s="282">
        <v>25</v>
      </c>
      <c r="N26" s="276">
        <v>0</v>
      </c>
      <c r="O26" s="280">
        <v>0</v>
      </c>
      <c r="P26" s="277">
        <v>0</v>
      </c>
      <c r="Q26" s="279">
        <v>0</v>
      </c>
      <c r="R26" s="280">
        <v>0</v>
      </c>
      <c r="S26" s="280">
        <v>0</v>
      </c>
      <c r="T26" s="280">
        <v>0</v>
      </c>
      <c r="U26" s="280">
        <v>0</v>
      </c>
      <c r="V26" s="280">
        <v>2</v>
      </c>
      <c r="W26" s="277">
        <v>2</v>
      </c>
      <c r="X26" s="282">
        <v>2</v>
      </c>
      <c r="Y26" s="276">
        <v>1</v>
      </c>
      <c r="Z26" s="280">
        <v>3</v>
      </c>
      <c r="AA26" s="277">
        <v>4</v>
      </c>
      <c r="AB26" s="279">
        <v>0</v>
      </c>
      <c r="AC26" s="280">
        <v>6</v>
      </c>
      <c r="AD26" s="280">
        <v>2</v>
      </c>
      <c r="AE26" s="280">
        <v>5</v>
      </c>
      <c r="AF26" s="280">
        <v>2</v>
      </c>
      <c r="AG26" s="280">
        <v>3</v>
      </c>
      <c r="AH26" s="277">
        <v>18</v>
      </c>
      <c r="AI26" s="282">
        <v>22</v>
      </c>
      <c r="AJ26" s="276">
        <v>0</v>
      </c>
      <c r="AK26" s="280">
        <v>0</v>
      </c>
      <c r="AL26" s="277">
        <v>0</v>
      </c>
      <c r="AM26" s="279">
        <v>0</v>
      </c>
      <c r="AN26" s="280">
        <v>0</v>
      </c>
      <c r="AO26" s="280">
        <v>0</v>
      </c>
      <c r="AP26" s="280">
        <v>0</v>
      </c>
      <c r="AQ26" s="280">
        <v>0</v>
      </c>
      <c r="AR26" s="280">
        <v>1</v>
      </c>
      <c r="AS26" s="277">
        <v>1</v>
      </c>
      <c r="AT26" s="282">
        <v>1</v>
      </c>
      <c r="AU26" s="276">
        <v>4</v>
      </c>
      <c r="AV26" s="280">
        <v>2</v>
      </c>
      <c r="AW26" s="277">
        <v>6</v>
      </c>
      <c r="AX26" s="279">
        <v>0</v>
      </c>
      <c r="AY26" s="280">
        <v>9</v>
      </c>
      <c r="AZ26" s="280">
        <v>7</v>
      </c>
      <c r="BA26" s="280">
        <v>8</v>
      </c>
      <c r="BB26" s="280">
        <v>7</v>
      </c>
      <c r="BC26" s="280">
        <v>12</v>
      </c>
      <c r="BD26" s="281">
        <v>43</v>
      </c>
      <c r="BE26" s="282">
        <v>49</v>
      </c>
      <c r="BF26" s="276">
        <v>0</v>
      </c>
      <c r="BG26" s="280">
        <v>0</v>
      </c>
      <c r="BH26" s="277">
        <v>0</v>
      </c>
      <c r="BI26" s="279">
        <v>0</v>
      </c>
      <c r="BJ26" s="280">
        <v>12</v>
      </c>
      <c r="BK26" s="280">
        <v>5</v>
      </c>
      <c r="BL26" s="280">
        <v>4</v>
      </c>
      <c r="BM26" s="280">
        <v>1</v>
      </c>
      <c r="BN26" s="280">
        <v>2</v>
      </c>
      <c r="BO26" s="277">
        <v>24</v>
      </c>
      <c r="BP26" s="282">
        <v>24</v>
      </c>
      <c r="BQ26" s="276">
        <v>1</v>
      </c>
      <c r="BR26" s="280">
        <v>0</v>
      </c>
      <c r="BS26" s="277">
        <v>1</v>
      </c>
      <c r="BT26" s="279">
        <v>0</v>
      </c>
      <c r="BU26" s="280">
        <v>3</v>
      </c>
      <c r="BV26" s="280">
        <v>6</v>
      </c>
      <c r="BW26" s="280">
        <v>2</v>
      </c>
      <c r="BX26" s="280">
        <v>0</v>
      </c>
      <c r="BY26" s="280">
        <v>3</v>
      </c>
      <c r="BZ26" s="277">
        <v>14</v>
      </c>
      <c r="CA26" s="282">
        <v>15</v>
      </c>
      <c r="CB26" s="276">
        <v>0</v>
      </c>
      <c r="CC26" s="280">
        <v>1</v>
      </c>
      <c r="CD26" s="277">
        <v>1</v>
      </c>
      <c r="CE26" s="279">
        <v>0</v>
      </c>
      <c r="CF26" s="280">
        <v>2</v>
      </c>
      <c r="CG26" s="280">
        <v>2</v>
      </c>
      <c r="CH26" s="280">
        <v>1</v>
      </c>
      <c r="CI26" s="280">
        <v>1</v>
      </c>
      <c r="CJ26" s="280">
        <v>1</v>
      </c>
      <c r="CK26" s="277">
        <v>7</v>
      </c>
      <c r="CL26" s="282">
        <v>8</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7</v>
      </c>
      <c r="DU26" s="280">
        <v>9</v>
      </c>
      <c r="DV26" s="277">
        <v>16</v>
      </c>
      <c r="DW26" s="279">
        <v>0</v>
      </c>
      <c r="DX26" s="280">
        <v>11</v>
      </c>
      <c r="DY26" s="280">
        <v>13</v>
      </c>
      <c r="DZ26" s="280">
        <v>9</v>
      </c>
      <c r="EA26" s="280">
        <v>4</v>
      </c>
      <c r="EB26" s="280">
        <v>8</v>
      </c>
      <c r="EC26" s="277">
        <v>45</v>
      </c>
      <c r="ED26" s="282">
        <v>61</v>
      </c>
      <c r="EE26" s="276">
        <v>2</v>
      </c>
      <c r="EF26" s="280">
        <v>3</v>
      </c>
      <c r="EG26" s="277">
        <v>5</v>
      </c>
      <c r="EH26" s="279">
        <v>0</v>
      </c>
      <c r="EI26" s="280">
        <v>7</v>
      </c>
      <c r="EJ26" s="280">
        <v>7</v>
      </c>
      <c r="EK26" s="280">
        <v>3</v>
      </c>
      <c r="EL26" s="280">
        <v>4</v>
      </c>
      <c r="EM26" s="280">
        <v>4</v>
      </c>
      <c r="EN26" s="277">
        <v>25</v>
      </c>
      <c r="EO26" s="282">
        <v>30</v>
      </c>
      <c r="EP26" s="276">
        <v>9</v>
      </c>
      <c r="EQ26" s="280">
        <v>12</v>
      </c>
      <c r="ER26" s="277">
        <v>21</v>
      </c>
      <c r="ES26" s="279">
        <v>0</v>
      </c>
      <c r="ET26" s="280">
        <v>23</v>
      </c>
      <c r="EU26" s="280">
        <v>16</v>
      </c>
      <c r="EV26" s="280">
        <v>11</v>
      </c>
      <c r="EW26" s="280">
        <v>4</v>
      </c>
      <c r="EX26" s="280">
        <v>9</v>
      </c>
      <c r="EY26" s="277">
        <v>63</v>
      </c>
      <c r="EZ26" s="282">
        <v>84</v>
      </c>
    </row>
    <row r="27" spans="2:156" ht="21" customHeight="1" x14ac:dyDescent="0.2">
      <c r="B27" s="261" t="s">
        <v>25</v>
      </c>
      <c r="C27" s="276">
        <v>0</v>
      </c>
      <c r="D27" s="280">
        <v>0</v>
      </c>
      <c r="E27" s="384">
        <v>0</v>
      </c>
      <c r="F27" s="279">
        <v>0</v>
      </c>
      <c r="G27" s="280">
        <v>2</v>
      </c>
      <c r="H27" s="280">
        <v>4</v>
      </c>
      <c r="I27" s="280">
        <v>2</v>
      </c>
      <c r="J27" s="280">
        <v>1</v>
      </c>
      <c r="K27" s="280">
        <v>1</v>
      </c>
      <c r="L27" s="281">
        <v>10</v>
      </c>
      <c r="M27" s="282">
        <v>10</v>
      </c>
      <c r="N27" s="276">
        <v>0</v>
      </c>
      <c r="O27" s="280">
        <v>0</v>
      </c>
      <c r="P27" s="277">
        <v>0</v>
      </c>
      <c r="Q27" s="279">
        <v>0</v>
      </c>
      <c r="R27" s="280">
        <v>0</v>
      </c>
      <c r="S27" s="280">
        <v>1</v>
      </c>
      <c r="T27" s="280">
        <v>0</v>
      </c>
      <c r="U27" s="280">
        <v>2</v>
      </c>
      <c r="V27" s="280">
        <v>3</v>
      </c>
      <c r="W27" s="277">
        <v>6</v>
      </c>
      <c r="X27" s="282">
        <v>6</v>
      </c>
      <c r="Y27" s="276">
        <v>1</v>
      </c>
      <c r="Z27" s="280">
        <v>5</v>
      </c>
      <c r="AA27" s="277">
        <v>6</v>
      </c>
      <c r="AB27" s="279">
        <v>0</v>
      </c>
      <c r="AC27" s="280">
        <v>1</v>
      </c>
      <c r="AD27" s="280">
        <v>5</v>
      </c>
      <c r="AE27" s="280">
        <v>3</v>
      </c>
      <c r="AF27" s="280">
        <v>1</v>
      </c>
      <c r="AG27" s="280">
        <v>2</v>
      </c>
      <c r="AH27" s="277">
        <v>12</v>
      </c>
      <c r="AI27" s="282">
        <v>18</v>
      </c>
      <c r="AJ27" s="276">
        <v>0</v>
      </c>
      <c r="AK27" s="280">
        <v>0</v>
      </c>
      <c r="AL27" s="277">
        <v>0</v>
      </c>
      <c r="AM27" s="279">
        <v>0</v>
      </c>
      <c r="AN27" s="280">
        <v>0</v>
      </c>
      <c r="AO27" s="280">
        <v>0</v>
      </c>
      <c r="AP27" s="280">
        <v>0</v>
      </c>
      <c r="AQ27" s="280">
        <v>0</v>
      </c>
      <c r="AR27" s="280">
        <v>0</v>
      </c>
      <c r="AS27" s="277">
        <v>0</v>
      </c>
      <c r="AT27" s="282">
        <v>0</v>
      </c>
      <c r="AU27" s="276">
        <v>1</v>
      </c>
      <c r="AV27" s="280">
        <v>2</v>
      </c>
      <c r="AW27" s="277">
        <v>3</v>
      </c>
      <c r="AX27" s="279">
        <v>0</v>
      </c>
      <c r="AY27" s="280">
        <v>1</v>
      </c>
      <c r="AZ27" s="280">
        <v>2</v>
      </c>
      <c r="BA27" s="280">
        <v>3</v>
      </c>
      <c r="BB27" s="280">
        <v>3</v>
      </c>
      <c r="BC27" s="280">
        <v>5</v>
      </c>
      <c r="BD27" s="281">
        <v>14</v>
      </c>
      <c r="BE27" s="282">
        <v>17</v>
      </c>
      <c r="BF27" s="276">
        <v>0</v>
      </c>
      <c r="BG27" s="280">
        <v>0</v>
      </c>
      <c r="BH27" s="277">
        <v>0</v>
      </c>
      <c r="BI27" s="279">
        <v>0</v>
      </c>
      <c r="BJ27" s="280">
        <v>3</v>
      </c>
      <c r="BK27" s="280">
        <v>3</v>
      </c>
      <c r="BL27" s="280">
        <v>6</v>
      </c>
      <c r="BM27" s="280">
        <v>2</v>
      </c>
      <c r="BN27" s="280">
        <v>0</v>
      </c>
      <c r="BO27" s="277">
        <v>14</v>
      </c>
      <c r="BP27" s="282">
        <v>14</v>
      </c>
      <c r="BQ27" s="276">
        <v>0</v>
      </c>
      <c r="BR27" s="280">
        <v>3</v>
      </c>
      <c r="BS27" s="277">
        <v>3</v>
      </c>
      <c r="BT27" s="279">
        <v>0</v>
      </c>
      <c r="BU27" s="280">
        <v>1</v>
      </c>
      <c r="BV27" s="280">
        <v>4</v>
      </c>
      <c r="BW27" s="280">
        <v>1</v>
      </c>
      <c r="BX27" s="280">
        <v>0</v>
      </c>
      <c r="BY27" s="280">
        <v>1</v>
      </c>
      <c r="BZ27" s="277">
        <v>7</v>
      </c>
      <c r="CA27" s="282">
        <v>10</v>
      </c>
      <c r="CB27" s="276">
        <v>0</v>
      </c>
      <c r="CC27" s="280">
        <v>1</v>
      </c>
      <c r="CD27" s="277">
        <v>1</v>
      </c>
      <c r="CE27" s="279">
        <v>0</v>
      </c>
      <c r="CF27" s="280">
        <v>1</v>
      </c>
      <c r="CG27" s="280">
        <v>1</v>
      </c>
      <c r="CH27" s="280">
        <v>4</v>
      </c>
      <c r="CI27" s="280">
        <v>0</v>
      </c>
      <c r="CJ27" s="280">
        <v>0</v>
      </c>
      <c r="CK27" s="277">
        <v>6</v>
      </c>
      <c r="CL27" s="282">
        <v>7</v>
      </c>
      <c r="CM27" s="276">
        <v>0</v>
      </c>
      <c r="CN27" s="280">
        <v>0</v>
      </c>
      <c r="CO27" s="277">
        <v>0</v>
      </c>
      <c r="CP27" s="279">
        <v>0</v>
      </c>
      <c r="CQ27" s="280">
        <v>0</v>
      </c>
      <c r="CR27" s="280">
        <v>1</v>
      </c>
      <c r="CS27" s="280">
        <v>0</v>
      </c>
      <c r="CT27" s="280">
        <v>0</v>
      </c>
      <c r="CU27" s="280">
        <v>1</v>
      </c>
      <c r="CV27" s="277">
        <v>2</v>
      </c>
      <c r="CW27" s="282">
        <v>2</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3</v>
      </c>
      <c r="DU27" s="280">
        <v>10</v>
      </c>
      <c r="DV27" s="277">
        <v>13</v>
      </c>
      <c r="DW27" s="279">
        <v>0</v>
      </c>
      <c r="DX27" s="280">
        <v>6</v>
      </c>
      <c r="DY27" s="280">
        <v>11</v>
      </c>
      <c r="DZ27" s="280">
        <v>7</v>
      </c>
      <c r="EA27" s="280">
        <v>5</v>
      </c>
      <c r="EB27" s="280">
        <v>4</v>
      </c>
      <c r="EC27" s="277">
        <v>33</v>
      </c>
      <c r="ED27" s="282">
        <v>46</v>
      </c>
      <c r="EE27" s="276">
        <v>0</v>
      </c>
      <c r="EF27" s="280">
        <v>0</v>
      </c>
      <c r="EG27" s="277">
        <v>0</v>
      </c>
      <c r="EH27" s="279">
        <v>0</v>
      </c>
      <c r="EI27" s="280">
        <v>0</v>
      </c>
      <c r="EJ27" s="280">
        <v>1</v>
      </c>
      <c r="EK27" s="280">
        <v>1</v>
      </c>
      <c r="EL27" s="280">
        <v>2</v>
      </c>
      <c r="EM27" s="280">
        <v>2</v>
      </c>
      <c r="EN27" s="277">
        <v>6</v>
      </c>
      <c r="EO27" s="282">
        <v>6</v>
      </c>
      <c r="EP27" s="276">
        <v>4</v>
      </c>
      <c r="EQ27" s="280">
        <v>16</v>
      </c>
      <c r="ER27" s="277">
        <v>20</v>
      </c>
      <c r="ES27" s="279">
        <v>0</v>
      </c>
      <c r="ET27" s="280">
        <v>11</v>
      </c>
      <c r="EU27" s="280">
        <v>13</v>
      </c>
      <c r="EV27" s="280">
        <v>7</v>
      </c>
      <c r="EW27" s="280">
        <v>5</v>
      </c>
      <c r="EX27" s="280">
        <v>4</v>
      </c>
      <c r="EY27" s="277">
        <v>40</v>
      </c>
      <c r="EZ27" s="282">
        <v>60</v>
      </c>
    </row>
    <row r="28" spans="2:156" ht="21" customHeight="1" x14ac:dyDescent="0.2">
      <c r="B28" s="261" t="s">
        <v>26</v>
      </c>
      <c r="C28" s="276">
        <v>0</v>
      </c>
      <c r="D28" s="280">
        <v>0</v>
      </c>
      <c r="E28" s="384">
        <v>0</v>
      </c>
      <c r="F28" s="279">
        <v>0</v>
      </c>
      <c r="G28" s="280">
        <v>5</v>
      </c>
      <c r="H28" s="280">
        <v>1</v>
      </c>
      <c r="I28" s="280">
        <v>3</v>
      </c>
      <c r="J28" s="280">
        <v>3</v>
      </c>
      <c r="K28" s="280">
        <v>1</v>
      </c>
      <c r="L28" s="281">
        <v>13</v>
      </c>
      <c r="M28" s="282">
        <v>13</v>
      </c>
      <c r="N28" s="276">
        <v>0</v>
      </c>
      <c r="O28" s="280">
        <v>0</v>
      </c>
      <c r="P28" s="277">
        <v>0</v>
      </c>
      <c r="Q28" s="279">
        <v>0</v>
      </c>
      <c r="R28" s="280">
        <v>0</v>
      </c>
      <c r="S28" s="280">
        <v>0</v>
      </c>
      <c r="T28" s="280">
        <v>0</v>
      </c>
      <c r="U28" s="280">
        <v>0</v>
      </c>
      <c r="V28" s="280">
        <v>1</v>
      </c>
      <c r="W28" s="277">
        <v>1</v>
      </c>
      <c r="X28" s="282">
        <v>1</v>
      </c>
      <c r="Y28" s="276">
        <v>0</v>
      </c>
      <c r="Z28" s="280">
        <v>3</v>
      </c>
      <c r="AA28" s="277">
        <v>3</v>
      </c>
      <c r="AB28" s="279">
        <v>0</v>
      </c>
      <c r="AC28" s="280">
        <v>5</v>
      </c>
      <c r="AD28" s="280">
        <v>4</v>
      </c>
      <c r="AE28" s="280">
        <v>2</v>
      </c>
      <c r="AF28" s="280">
        <v>4</v>
      </c>
      <c r="AG28" s="280">
        <v>2</v>
      </c>
      <c r="AH28" s="277">
        <v>17</v>
      </c>
      <c r="AI28" s="282">
        <v>20</v>
      </c>
      <c r="AJ28" s="276">
        <v>0</v>
      </c>
      <c r="AK28" s="280">
        <v>0</v>
      </c>
      <c r="AL28" s="277">
        <v>0</v>
      </c>
      <c r="AM28" s="279">
        <v>0</v>
      </c>
      <c r="AN28" s="280">
        <v>0</v>
      </c>
      <c r="AO28" s="280">
        <v>2</v>
      </c>
      <c r="AP28" s="280">
        <v>1</v>
      </c>
      <c r="AQ28" s="280">
        <v>0</v>
      </c>
      <c r="AR28" s="280">
        <v>0</v>
      </c>
      <c r="AS28" s="277">
        <v>3</v>
      </c>
      <c r="AT28" s="282">
        <v>3</v>
      </c>
      <c r="AU28" s="276">
        <v>3</v>
      </c>
      <c r="AV28" s="280">
        <v>1</v>
      </c>
      <c r="AW28" s="277">
        <v>4</v>
      </c>
      <c r="AX28" s="279">
        <v>0</v>
      </c>
      <c r="AY28" s="280">
        <v>3</v>
      </c>
      <c r="AZ28" s="280">
        <v>7</v>
      </c>
      <c r="BA28" s="280">
        <v>1</v>
      </c>
      <c r="BB28" s="280">
        <v>5</v>
      </c>
      <c r="BC28" s="280">
        <v>2</v>
      </c>
      <c r="BD28" s="281">
        <v>18</v>
      </c>
      <c r="BE28" s="282">
        <v>22</v>
      </c>
      <c r="BF28" s="276">
        <v>0</v>
      </c>
      <c r="BG28" s="280">
        <v>0</v>
      </c>
      <c r="BH28" s="277">
        <v>0</v>
      </c>
      <c r="BI28" s="279">
        <v>0</v>
      </c>
      <c r="BJ28" s="280">
        <v>5</v>
      </c>
      <c r="BK28" s="280">
        <v>4</v>
      </c>
      <c r="BL28" s="280">
        <v>3</v>
      </c>
      <c r="BM28" s="280">
        <v>1</v>
      </c>
      <c r="BN28" s="280">
        <v>0</v>
      </c>
      <c r="BO28" s="277">
        <v>13</v>
      </c>
      <c r="BP28" s="282">
        <v>13</v>
      </c>
      <c r="BQ28" s="276">
        <v>0</v>
      </c>
      <c r="BR28" s="280">
        <v>1</v>
      </c>
      <c r="BS28" s="277">
        <v>1</v>
      </c>
      <c r="BT28" s="279">
        <v>0</v>
      </c>
      <c r="BU28" s="280">
        <v>1</v>
      </c>
      <c r="BV28" s="280">
        <v>3</v>
      </c>
      <c r="BW28" s="280">
        <v>1</v>
      </c>
      <c r="BX28" s="280">
        <v>0</v>
      </c>
      <c r="BY28" s="280">
        <v>0</v>
      </c>
      <c r="BZ28" s="277">
        <v>5</v>
      </c>
      <c r="CA28" s="282">
        <v>6</v>
      </c>
      <c r="CB28" s="276">
        <v>0</v>
      </c>
      <c r="CC28" s="280">
        <v>1</v>
      </c>
      <c r="CD28" s="277">
        <v>1</v>
      </c>
      <c r="CE28" s="279">
        <v>0</v>
      </c>
      <c r="CF28" s="280">
        <v>0</v>
      </c>
      <c r="CG28" s="280">
        <v>1</v>
      </c>
      <c r="CH28" s="280">
        <v>1</v>
      </c>
      <c r="CI28" s="280">
        <v>0</v>
      </c>
      <c r="CJ28" s="280">
        <v>0</v>
      </c>
      <c r="CK28" s="277">
        <v>2</v>
      </c>
      <c r="CL28" s="282">
        <v>3</v>
      </c>
      <c r="CM28" s="276">
        <v>0</v>
      </c>
      <c r="CN28" s="280">
        <v>0</v>
      </c>
      <c r="CO28" s="277">
        <v>0</v>
      </c>
      <c r="CP28" s="279">
        <v>0</v>
      </c>
      <c r="CQ28" s="280">
        <v>1</v>
      </c>
      <c r="CR28" s="280">
        <v>0</v>
      </c>
      <c r="CS28" s="280">
        <v>0</v>
      </c>
      <c r="CT28" s="280">
        <v>0</v>
      </c>
      <c r="CU28" s="280">
        <v>0</v>
      </c>
      <c r="CV28" s="277">
        <v>1</v>
      </c>
      <c r="CW28" s="282">
        <v>1</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1</v>
      </c>
      <c r="DU28" s="280">
        <v>6</v>
      </c>
      <c r="DV28" s="277">
        <v>7</v>
      </c>
      <c r="DW28" s="279">
        <v>0</v>
      </c>
      <c r="DX28" s="280">
        <v>7</v>
      </c>
      <c r="DY28" s="280">
        <v>8</v>
      </c>
      <c r="DZ28" s="280">
        <v>7</v>
      </c>
      <c r="EA28" s="280">
        <v>3</v>
      </c>
      <c r="EB28" s="280">
        <v>3</v>
      </c>
      <c r="EC28" s="277">
        <v>28</v>
      </c>
      <c r="ED28" s="282">
        <v>35</v>
      </c>
      <c r="EE28" s="276">
        <v>3</v>
      </c>
      <c r="EF28" s="280">
        <v>1</v>
      </c>
      <c r="EG28" s="277">
        <v>4</v>
      </c>
      <c r="EH28" s="279">
        <v>0</v>
      </c>
      <c r="EI28" s="280">
        <v>3</v>
      </c>
      <c r="EJ28" s="280">
        <v>6</v>
      </c>
      <c r="EK28" s="280">
        <v>0</v>
      </c>
      <c r="EL28" s="280">
        <v>0</v>
      </c>
      <c r="EM28" s="280">
        <v>1</v>
      </c>
      <c r="EN28" s="277">
        <v>10</v>
      </c>
      <c r="EO28" s="282">
        <v>14</v>
      </c>
      <c r="EP28" s="276">
        <v>1</v>
      </c>
      <c r="EQ28" s="280">
        <v>8</v>
      </c>
      <c r="ER28" s="277">
        <v>9</v>
      </c>
      <c r="ES28" s="279">
        <v>0</v>
      </c>
      <c r="ET28" s="280">
        <v>14</v>
      </c>
      <c r="EU28" s="280">
        <v>12</v>
      </c>
      <c r="EV28" s="280">
        <v>6</v>
      </c>
      <c r="EW28" s="280">
        <v>4</v>
      </c>
      <c r="EX28" s="280">
        <v>3</v>
      </c>
      <c r="EY28" s="277">
        <v>39</v>
      </c>
      <c r="EZ28" s="282">
        <v>48</v>
      </c>
    </row>
    <row r="29" spans="2:156" ht="21" customHeight="1" x14ac:dyDescent="0.2">
      <c r="B29" s="261" t="s">
        <v>27</v>
      </c>
      <c r="C29" s="276">
        <v>0</v>
      </c>
      <c r="D29" s="280">
        <v>0</v>
      </c>
      <c r="E29" s="384">
        <v>0</v>
      </c>
      <c r="F29" s="279">
        <v>0</v>
      </c>
      <c r="G29" s="280">
        <v>0</v>
      </c>
      <c r="H29" s="280">
        <v>3</v>
      </c>
      <c r="I29" s="280">
        <v>2</v>
      </c>
      <c r="J29" s="280">
        <v>0</v>
      </c>
      <c r="K29" s="280">
        <v>1</v>
      </c>
      <c r="L29" s="281">
        <v>6</v>
      </c>
      <c r="M29" s="282">
        <v>6</v>
      </c>
      <c r="N29" s="276">
        <v>0</v>
      </c>
      <c r="O29" s="280">
        <v>0</v>
      </c>
      <c r="P29" s="277">
        <v>0</v>
      </c>
      <c r="Q29" s="279">
        <v>0</v>
      </c>
      <c r="R29" s="280">
        <v>0</v>
      </c>
      <c r="S29" s="280">
        <v>0</v>
      </c>
      <c r="T29" s="280">
        <v>0</v>
      </c>
      <c r="U29" s="280">
        <v>2</v>
      </c>
      <c r="V29" s="280">
        <v>0</v>
      </c>
      <c r="W29" s="277">
        <v>2</v>
      </c>
      <c r="X29" s="282">
        <v>2</v>
      </c>
      <c r="Y29" s="276">
        <v>4</v>
      </c>
      <c r="Z29" s="280">
        <v>3</v>
      </c>
      <c r="AA29" s="277">
        <v>7</v>
      </c>
      <c r="AB29" s="279">
        <v>0</v>
      </c>
      <c r="AC29" s="280">
        <v>2</v>
      </c>
      <c r="AD29" s="280">
        <v>3</v>
      </c>
      <c r="AE29" s="280">
        <v>4</v>
      </c>
      <c r="AF29" s="280">
        <v>3</v>
      </c>
      <c r="AG29" s="280">
        <v>1</v>
      </c>
      <c r="AH29" s="277">
        <v>13</v>
      </c>
      <c r="AI29" s="282">
        <v>20</v>
      </c>
      <c r="AJ29" s="276">
        <v>0</v>
      </c>
      <c r="AK29" s="280">
        <v>0</v>
      </c>
      <c r="AL29" s="277">
        <v>0</v>
      </c>
      <c r="AM29" s="279">
        <v>0</v>
      </c>
      <c r="AN29" s="280">
        <v>0</v>
      </c>
      <c r="AO29" s="280">
        <v>0</v>
      </c>
      <c r="AP29" s="280">
        <v>0</v>
      </c>
      <c r="AQ29" s="280">
        <v>0</v>
      </c>
      <c r="AR29" s="280">
        <v>0</v>
      </c>
      <c r="AS29" s="277">
        <v>0</v>
      </c>
      <c r="AT29" s="282">
        <v>0</v>
      </c>
      <c r="AU29" s="276">
        <v>0</v>
      </c>
      <c r="AV29" s="280">
        <v>0</v>
      </c>
      <c r="AW29" s="277">
        <v>0</v>
      </c>
      <c r="AX29" s="279">
        <v>0</v>
      </c>
      <c r="AY29" s="280">
        <v>2</v>
      </c>
      <c r="AZ29" s="280">
        <v>3</v>
      </c>
      <c r="BA29" s="280">
        <v>9</v>
      </c>
      <c r="BB29" s="280">
        <v>4</v>
      </c>
      <c r="BC29" s="280">
        <v>3</v>
      </c>
      <c r="BD29" s="281">
        <v>21</v>
      </c>
      <c r="BE29" s="282">
        <v>21</v>
      </c>
      <c r="BF29" s="276">
        <v>0</v>
      </c>
      <c r="BG29" s="280">
        <v>0</v>
      </c>
      <c r="BH29" s="277">
        <v>0</v>
      </c>
      <c r="BI29" s="279">
        <v>0</v>
      </c>
      <c r="BJ29" s="280">
        <v>1</v>
      </c>
      <c r="BK29" s="280">
        <v>2</v>
      </c>
      <c r="BL29" s="280">
        <v>1</v>
      </c>
      <c r="BM29" s="280">
        <v>1</v>
      </c>
      <c r="BN29" s="280">
        <v>0</v>
      </c>
      <c r="BO29" s="277">
        <v>5</v>
      </c>
      <c r="BP29" s="282">
        <v>5</v>
      </c>
      <c r="BQ29" s="276">
        <v>1</v>
      </c>
      <c r="BR29" s="280">
        <v>0</v>
      </c>
      <c r="BS29" s="277">
        <v>1</v>
      </c>
      <c r="BT29" s="279">
        <v>0</v>
      </c>
      <c r="BU29" s="280">
        <v>0</v>
      </c>
      <c r="BV29" s="280">
        <v>2</v>
      </c>
      <c r="BW29" s="280">
        <v>1</v>
      </c>
      <c r="BX29" s="280">
        <v>0</v>
      </c>
      <c r="BY29" s="280">
        <v>0</v>
      </c>
      <c r="BZ29" s="277">
        <v>3</v>
      </c>
      <c r="CA29" s="282">
        <v>4</v>
      </c>
      <c r="CB29" s="276">
        <v>0</v>
      </c>
      <c r="CC29" s="280">
        <v>0</v>
      </c>
      <c r="CD29" s="277">
        <v>0</v>
      </c>
      <c r="CE29" s="279">
        <v>0</v>
      </c>
      <c r="CF29" s="280">
        <v>0</v>
      </c>
      <c r="CG29" s="280">
        <v>0</v>
      </c>
      <c r="CH29" s="280">
        <v>0</v>
      </c>
      <c r="CI29" s="280">
        <v>1</v>
      </c>
      <c r="CJ29" s="280">
        <v>0</v>
      </c>
      <c r="CK29" s="277">
        <v>1</v>
      </c>
      <c r="CL29" s="282">
        <v>1</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5</v>
      </c>
      <c r="DU29" s="280">
        <v>8</v>
      </c>
      <c r="DV29" s="277">
        <v>13</v>
      </c>
      <c r="DW29" s="279">
        <v>0</v>
      </c>
      <c r="DX29" s="280">
        <v>2</v>
      </c>
      <c r="DY29" s="280">
        <v>6</v>
      </c>
      <c r="DZ29" s="280">
        <v>4</v>
      </c>
      <c r="EA29" s="280">
        <v>3</v>
      </c>
      <c r="EB29" s="280">
        <v>1</v>
      </c>
      <c r="EC29" s="277">
        <v>16</v>
      </c>
      <c r="ED29" s="282">
        <v>29</v>
      </c>
      <c r="EE29" s="276">
        <v>0</v>
      </c>
      <c r="EF29" s="280">
        <v>0</v>
      </c>
      <c r="EG29" s="277">
        <v>0</v>
      </c>
      <c r="EH29" s="279">
        <v>0</v>
      </c>
      <c r="EI29" s="280">
        <v>4</v>
      </c>
      <c r="EJ29" s="280">
        <v>3</v>
      </c>
      <c r="EK29" s="280">
        <v>5</v>
      </c>
      <c r="EL29" s="280">
        <v>2</v>
      </c>
      <c r="EM29" s="280">
        <v>2</v>
      </c>
      <c r="EN29" s="277">
        <v>16</v>
      </c>
      <c r="EO29" s="282">
        <v>16</v>
      </c>
      <c r="EP29" s="276">
        <v>9</v>
      </c>
      <c r="EQ29" s="280">
        <v>10</v>
      </c>
      <c r="ER29" s="277">
        <v>19</v>
      </c>
      <c r="ES29" s="279">
        <v>0</v>
      </c>
      <c r="ET29" s="280">
        <v>5</v>
      </c>
      <c r="EU29" s="280">
        <v>9</v>
      </c>
      <c r="EV29" s="280">
        <v>5</v>
      </c>
      <c r="EW29" s="280">
        <v>3</v>
      </c>
      <c r="EX29" s="280">
        <v>1</v>
      </c>
      <c r="EY29" s="277">
        <v>23</v>
      </c>
      <c r="EZ29" s="282">
        <v>42</v>
      </c>
    </row>
    <row r="30" spans="2:156" ht="21" customHeight="1" x14ac:dyDescent="0.2">
      <c r="B30" s="261" t="s">
        <v>28</v>
      </c>
      <c r="C30" s="276">
        <v>0</v>
      </c>
      <c r="D30" s="280">
        <v>0</v>
      </c>
      <c r="E30" s="384">
        <v>0</v>
      </c>
      <c r="F30" s="279">
        <v>0</v>
      </c>
      <c r="G30" s="280">
        <v>1</v>
      </c>
      <c r="H30" s="280">
        <v>1</v>
      </c>
      <c r="I30" s="280">
        <v>0</v>
      </c>
      <c r="J30" s="280">
        <v>0</v>
      </c>
      <c r="K30" s="280">
        <v>1</v>
      </c>
      <c r="L30" s="281">
        <v>3</v>
      </c>
      <c r="M30" s="282">
        <v>3</v>
      </c>
      <c r="N30" s="276">
        <v>0</v>
      </c>
      <c r="O30" s="280">
        <v>0</v>
      </c>
      <c r="P30" s="277">
        <v>0</v>
      </c>
      <c r="Q30" s="279">
        <v>0</v>
      </c>
      <c r="R30" s="280">
        <v>0</v>
      </c>
      <c r="S30" s="280">
        <v>0</v>
      </c>
      <c r="T30" s="280">
        <v>1</v>
      </c>
      <c r="U30" s="280">
        <v>0</v>
      </c>
      <c r="V30" s="280">
        <v>0</v>
      </c>
      <c r="W30" s="277">
        <v>1</v>
      </c>
      <c r="X30" s="282">
        <v>1</v>
      </c>
      <c r="Y30" s="276">
        <v>0</v>
      </c>
      <c r="Z30" s="280">
        <v>0</v>
      </c>
      <c r="AA30" s="277">
        <v>0</v>
      </c>
      <c r="AB30" s="279">
        <v>0</v>
      </c>
      <c r="AC30" s="280">
        <v>0</v>
      </c>
      <c r="AD30" s="280">
        <v>1</v>
      </c>
      <c r="AE30" s="280">
        <v>2</v>
      </c>
      <c r="AF30" s="280">
        <v>0</v>
      </c>
      <c r="AG30" s="280">
        <v>0</v>
      </c>
      <c r="AH30" s="277">
        <v>3</v>
      </c>
      <c r="AI30" s="282">
        <v>3</v>
      </c>
      <c r="AJ30" s="276">
        <v>0</v>
      </c>
      <c r="AK30" s="280">
        <v>0</v>
      </c>
      <c r="AL30" s="277">
        <v>0</v>
      </c>
      <c r="AM30" s="279">
        <v>0</v>
      </c>
      <c r="AN30" s="280">
        <v>1</v>
      </c>
      <c r="AO30" s="280">
        <v>0</v>
      </c>
      <c r="AP30" s="280">
        <v>0</v>
      </c>
      <c r="AQ30" s="280">
        <v>0</v>
      </c>
      <c r="AR30" s="280">
        <v>0</v>
      </c>
      <c r="AS30" s="277">
        <v>1</v>
      </c>
      <c r="AT30" s="282">
        <v>1</v>
      </c>
      <c r="AU30" s="276">
        <v>0</v>
      </c>
      <c r="AV30" s="280">
        <v>0</v>
      </c>
      <c r="AW30" s="277">
        <v>0</v>
      </c>
      <c r="AX30" s="279">
        <v>0</v>
      </c>
      <c r="AY30" s="280">
        <v>0</v>
      </c>
      <c r="AZ30" s="280">
        <v>2</v>
      </c>
      <c r="BA30" s="280">
        <v>3</v>
      </c>
      <c r="BB30" s="280">
        <v>1</v>
      </c>
      <c r="BC30" s="280">
        <v>1</v>
      </c>
      <c r="BD30" s="281">
        <v>7</v>
      </c>
      <c r="BE30" s="282">
        <v>7</v>
      </c>
      <c r="BF30" s="276">
        <v>0</v>
      </c>
      <c r="BG30" s="280">
        <v>0</v>
      </c>
      <c r="BH30" s="277">
        <v>0</v>
      </c>
      <c r="BI30" s="279">
        <v>0</v>
      </c>
      <c r="BJ30" s="280">
        <v>0</v>
      </c>
      <c r="BK30" s="280">
        <v>2</v>
      </c>
      <c r="BL30" s="280">
        <v>1</v>
      </c>
      <c r="BM30" s="280">
        <v>1</v>
      </c>
      <c r="BN30" s="280">
        <v>0</v>
      </c>
      <c r="BO30" s="277">
        <v>4</v>
      </c>
      <c r="BP30" s="282">
        <v>4</v>
      </c>
      <c r="BQ30" s="276">
        <v>0</v>
      </c>
      <c r="BR30" s="280">
        <v>0</v>
      </c>
      <c r="BS30" s="277">
        <v>0</v>
      </c>
      <c r="BT30" s="279">
        <v>0</v>
      </c>
      <c r="BU30" s="280">
        <v>0</v>
      </c>
      <c r="BV30" s="280">
        <v>0</v>
      </c>
      <c r="BW30" s="280">
        <v>2</v>
      </c>
      <c r="BX30" s="280">
        <v>0</v>
      </c>
      <c r="BY30" s="280">
        <v>1</v>
      </c>
      <c r="BZ30" s="277">
        <v>3</v>
      </c>
      <c r="CA30" s="282">
        <v>3</v>
      </c>
      <c r="CB30" s="276">
        <v>0</v>
      </c>
      <c r="CC30" s="280">
        <v>0</v>
      </c>
      <c r="CD30" s="277">
        <v>0</v>
      </c>
      <c r="CE30" s="279">
        <v>0</v>
      </c>
      <c r="CF30" s="280">
        <v>0</v>
      </c>
      <c r="CG30" s="280">
        <v>1</v>
      </c>
      <c r="CH30" s="280">
        <v>0</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1</v>
      </c>
      <c r="DU30" s="280">
        <v>1</v>
      </c>
      <c r="DV30" s="277">
        <v>2</v>
      </c>
      <c r="DW30" s="279">
        <v>0</v>
      </c>
      <c r="DX30" s="280">
        <v>2</v>
      </c>
      <c r="DY30" s="280">
        <v>2</v>
      </c>
      <c r="DZ30" s="280">
        <v>3</v>
      </c>
      <c r="EA30" s="280">
        <v>0</v>
      </c>
      <c r="EB30" s="280">
        <v>2</v>
      </c>
      <c r="EC30" s="277">
        <v>9</v>
      </c>
      <c r="ED30" s="282">
        <v>11</v>
      </c>
      <c r="EE30" s="276">
        <v>0</v>
      </c>
      <c r="EF30" s="280">
        <v>0</v>
      </c>
      <c r="EG30" s="277">
        <v>0</v>
      </c>
      <c r="EH30" s="279">
        <v>0</v>
      </c>
      <c r="EI30" s="280">
        <v>0</v>
      </c>
      <c r="EJ30" s="280">
        <v>0</v>
      </c>
      <c r="EK30" s="280">
        <v>1</v>
      </c>
      <c r="EL30" s="280">
        <v>1</v>
      </c>
      <c r="EM30" s="280">
        <v>0</v>
      </c>
      <c r="EN30" s="277">
        <v>2</v>
      </c>
      <c r="EO30" s="282">
        <v>2</v>
      </c>
      <c r="EP30" s="276">
        <v>1</v>
      </c>
      <c r="EQ30" s="280">
        <v>1</v>
      </c>
      <c r="ER30" s="277">
        <v>2</v>
      </c>
      <c r="ES30" s="279">
        <v>0</v>
      </c>
      <c r="ET30" s="280">
        <v>4</v>
      </c>
      <c r="EU30" s="280">
        <v>4</v>
      </c>
      <c r="EV30" s="280">
        <v>4</v>
      </c>
      <c r="EW30" s="280">
        <v>1</v>
      </c>
      <c r="EX30" s="280">
        <v>2</v>
      </c>
      <c r="EY30" s="277">
        <v>15</v>
      </c>
      <c r="EZ30" s="282">
        <v>17</v>
      </c>
    </row>
    <row r="31" spans="2:156" ht="21" customHeight="1" x14ac:dyDescent="0.2">
      <c r="B31" s="261" t="s">
        <v>29</v>
      </c>
      <c r="C31" s="276">
        <v>0</v>
      </c>
      <c r="D31" s="280">
        <v>0</v>
      </c>
      <c r="E31" s="384">
        <v>0</v>
      </c>
      <c r="F31" s="279">
        <v>0</v>
      </c>
      <c r="G31" s="280">
        <v>2</v>
      </c>
      <c r="H31" s="280">
        <v>2</v>
      </c>
      <c r="I31" s="280">
        <v>0</v>
      </c>
      <c r="J31" s="280">
        <v>2</v>
      </c>
      <c r="K31" s="280">
        <v>0</v>
      </c>
      <c r="L31" s="281">
        <v>6</v>
      </c>
      <c r="M31" s="282">
        <v>6</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2</v>
      </c>
      <c r="AE31" s="280">
        <v>4</v>
      </c>
      <c r="AF31" s="280">
        <v>0</v>
      </c>
      <c r="AG31" s="280">
        <v>0</v>
      </c>
      <c r="AH31" s="277">
        <v>6</v>
      </c>
      <c r="AI31" s="282">
        <v>6</v>
      </c>
      <c r="AJ31" s="276">
        <v>0</v>
      </c>
      <c r="AK31" s="280">
        <v>0</v>
      </c>
      <c r="AL31" s="277">
        <v>0</v>
      </c>
      <c r="AM31" s="279">
        <v>0</v>
      </c>
      <c r="AN31" s="280">
        <v>1</v>
      </c>
      <c r="AO31" s="280">
        <v>0</v>
      </c>
      <c r="AP31" s="280">
        <v>1</v>
      </c>
      <c r="AQ31" s="280">
        <v>1</v>
      </c>
      <c r="AR31" s="280">
        <v>0</v>
      </c>
      <c r="AS31" s="277">
        <v>3</v>
      </c>
      <c r="AT31" s="282">
        <v>3</v>
      </c>
      <c r="AU31" s="276">
        <v>0</v>
      </c>
      <c r="AV31" s="280">
        <v>0</v>
      </c>
      <c r="AW31" s="277">
        <v>0</v>
      </c>
      <c r="AX31" s="279">
        <v>0</v>
      </c>
      <c r="AY31" s="280">
        <v>1</v>
      </c>
      <c r="AZ31" s="280">
        <v>0</v>
      </c>
      <c r="BA31" s="280">
        <v>3</v>
      </c>
      <c r="BB31" s="280">
        <v>2</v>
      </c>
      <c r="BC31" s="280">
        <v>0</v>
      </c>
      <c r="BD31" s="281">
        <v>6</v>
      </c>
      <c r="BE31" s="282">
        <v>6</v>
      </c>
      <c r="BF31" s="276">
        <v>0</v>
      </c>
      <c r="BG31" s="280">
        <v>0</v>
      </c>
      <c r="BH31" s="277">
        <v>0</v>
      </c>
      <c r="BI31" s="279">
        <v>0</v>
      </c>
      <c r="BJ31" s="280">
        <v>1</v>
      </c>
      <c r="BK31" s="280">
        <v>0</v>
      </c>
      <c r="BL31" s="280">
        <v>1</v>
      </c>
      <c r="BM31" s="280">
        <v>0</v>
      </c>
      <c r="BN31" s="280">
        <v>0</v>
      </c>
      <c r="BO31" s="277">
        <v>2</v>
      </c>
      <c r="BP31" s="282">
        <v>2</v>
      </c>
      <c r="BQ31" s="276">
        <v>0</v>
      </c>
      <c r="BR31" s="280">
        <v>0</v>
      </c>
      <c r="BS31" s="277">
        <v>0</v>
      </c>
      <c r="BT31" s="279">
        <v>0</v>
      </c>
      <c r="BU31" s="280">
        <v>2</v>
      </c>
      <c r="BV31" s="280">
        <v>0</v>
      </c>
      <c r="BW31" s="280">
        <v>1</v>
      </c>
      <c r="BX31" s="280">
        <v>1</v>
      </c>
      <c r="BY31" s="280">
        <v>0</v>
      </c>
      <c r="BZ31" s="277">
        <v>4</v>
      </c>
      <c r="CA31" s="282">
        <v>4</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1</v>
      </c>
      <c r="CR31" s="280">
        <v>0</v>
      </c>
      <c r="CS31" s="280">
        <v>0</v>
      </c>
      <c r="CT31" s="280">
        <v>0</v>
      </c>
      <c r="CU31" s="280">
        <v>0</v>
      </c>
      <c r="CV31" s="277">
        <v>1</v>
      </c>
      <c r="CW31" s="282">
        <v>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1</v>
      </c>
      <c r="DU31" s="280">
        <v>2</v>
      </c>
      <c r="DV31" s="277">
        <v>3</v>
      </c>
      <c r="DW31" s="279">
        <v>0</v>
      </c>
      <c r="DX31" s="280">
        <v>3</v>
      </c>
      <c r="DY31" s="280">
        <v>1</v>
      </c>
      <c r="DZ31" s="280">
        <v>6</v>
      </c>
      <c r="EA31" s="280">
        <v>2</v>
      </c>
      <c r="EB31" s="280">
        <v>0</v>
      </c>
      <c r="EC31" s="277">
        <v>12</v>
      </c>
      <c r="ED31" s="282">
        <v>15</v>
      </c>
      <c r="EE31" s="276">
        <v>0</v>
      </c>
      <c r="EF31" s="280">
        <v>0</v>
      </c>
      <c r="EG31" s="277">
        <v>0</v>
      </c>
      <c r="EH31" s="279">
        <v>0</v>
      </c>
      <c r="EI31" s="280">
        <v>2</v>
      </c>
      <c r="EJ31" s="280">
        <v>0</v>
      </c>
      <c r="EK31" s="280">
        <v>0</v>
      </c>
      <c r="EL31" s="280">
        <v>2</v>
      </c>
      <c r="EM31" s="280">
        <v>0</v>
      </c>
      <c r="EN31" s="277">
        <v>4</v>
      </c>
      <c r="EO31" s="282">
        <v>4</v>
      </c>
      <c r="EP31" s="276">
        <v>1</v>
      </c>
      <c r="EQ31" s="280">
        <v>2</v>
      </c>
      <c r="ER31" s="277">
        <v>3</v>
      </c>
      <c r="ES31" s="279">
        <v>0</v>
      </c>
      <c r="ET31" s="280">
        <v>4</v>
      </c>
      <c r="EU31" s="280">
        <v>2</v>
      </c>
      <c r="EV31" s="280">
        <v>6</v>
      </c>
      <c r="EW31" s="280">
        <v>2</v>
      </c>
      <c r="EX31" s="280">
        <v>0</v>
      </c>
      <c r="EY31" s="277">
        <v>14</v>
      </c>
      <c r="EZ31" s="282">
        <v>17</v>
      </c>
    </row>
    <row r="32" spans="2:156" ht="21" customHeight="1" x14ac:dyDescent="0.2">
      <c r="B32" s="261" t="s">
        <v>30</v>
      </c>
      <c r="C32" s="276">
        <v>0</v>
      </c>
      <c r="D32" s="280">
        <v>0</v>
      </c>
      <c r="E32" s="384">
        <v>0</v>
      </c>
      <c r="F32" s="279">
        <v>0</v>
      </c>
      <c r="G32" s="280">
        <v>1</v>
      </c>
      <c r="H32" s="280">
        <v>1</v>
      </c>
      <c r="I32" s="280">
        <v>1</v>
      </c>
      <c r="J32" s="280">
        <v>0</v>
      </c>
      <c r="K32" s="280">
        <v>0</v>
      </c>
      <c r="L32" s="281">
        <v>3</v>
      </c>
      <c r="M32" s="282">
        <v>3</v>
      </c>
      <c r="N32" s="276">
        <v>0</v>
      </c>
      <c r="O32" s="280">
        <v>0</v>
      </c>
      <c r="P32" s="277">
        <v>0</v>
      </c>
      <c r="Q32" s="279">
        <v>0</v>
      </c>
      <c r="R32" s="280">
        <v>1</v>
      </c>
      <c r="S32" s="280">
        <v>0</v>
      </c>
      <c r="T32" s="280">
        <v>0</v>
      </c>
      <c r="U32" s="280">
        <v>1</v>
      </c>
      <c r="V32" s="280">
        <v>0</v>
      </c>
      <c r="W32" s="277">
        <v>2</v>
      </c>
      <c r="X32" s="282">
        <v>2</v>
      </c>
      <c r="Y32" s="276">
        <v>0</v>
      </c>
      <c r="Z32" s="280">
        <v>0</v>
      </c>
      <c r="AA32" s="277">
        <v>0</v>
      </c>
      <c r="AB32" s="279">
        <v>0</v>
      </c>
      <c r="AC32" s="280">
        <v>1</v>
      </c>
      <c r="AD32" s="280">
        <v>0</v>
      </c>
      <c r="AE32" s="280">
        <v>0</v>
      </c>
      <c r="AF32" s="280">
        <v>1</v>
      </c>
      <c r="AG32" s="280">
        <v>0</v>
      </c>
      <c r="AH32" s="277">
        <v>2</v>
      </c>
      <c r="AI32" s="282">
        <v>2</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2</v>
      </c>
      <c r="AZ32" s="280">
        <v>1</v>
      </c>
      <c r="BA32" s="280">
        <v>2</v>
      </c>
      <c r="BB32" s="280">
        <v>1</v>
      </c>
      <c r="BC32" s="280">
        <v>0</v>
      </c>
      <c r="BD32" s="281">
        <v>6</v>
      </c>
      <c r="BE32" s="282">
        <v>6</v>
      </c>
      <c r="BF32" s="276">
        <v>0</v>
      </c>
      <c r="BG32" s="280">
        <v>0</v>
      </c>
      <c r="BH32" s="277">
        <v>0</v>
      </c>
      <c r="BI32" s="279">
        <v>0</v>
      </c>
      <c r="BJ32" s="280">
        <v>0</v>
      </c>
      <c r="BK32" s="280">
        <v>4</v>
      </c>
      <c r="BL32" s="280">
        <v>0</v>
      </c>
      <c r="BM32" s="280">
        <v>0</v>
      </c>
      <c r="BN32" s="280">
        <v>0</v>
      </c>
      <c r="BO32" s="277">
        <v>4</v>
      </c>
      <c r="BP32" s="282">
        <v>4</v>
      </c>
      <c r="BQ32" s="276">
        <v>0</v>
      </c>
      <c r="BR32" s="280">
        <v>0</v>
      </c>
      <c r="BS32" s="277">
        <v>0</v>
      </c>
      <c r="BT32" s="279">
        <v>0</v>
      </c>
      <c r="BU32" s="280">
        <v>0</v>
      </c>
      <c r="BV32" s="280">
        <v>2</v>
      </c>
      <c r="BW32" s="280">
        <v>0</v>
      </c>
      <c r="BX32" s="280">
        <v>0</v>
      </c>
      <c r="BY32" s="280">
        <v>0</v>
      </c>
      <c r="BZ32" s="277">
        <v>2</v>
      </c>
      <c r="CA32" s="282">
        <v>2</v>
      </c>
      <c r="CB32" s="276">
        <v>0</v>
      </c>
      <c r="CC32" s="280">
        <v>0</v>
      </c>
      <c r="CD32" s="277">
        <v>0</v>
      </c>
      <c r="CE32" s="279">
        <v>0</v>
      </c>
      <c r="CF32" s="280">
        <v>0</v>
      </c>
      <c r="CG32" s="280">
        <v>1</v>
      </c>
      <c r="CH32" s="280">
        <v>0</v>
      </c>
      <c r="CI32" s="280">
        <v>0</v>
      </c>
      <c r="CJ32" s="280">
        <v>0</v>
      </c>
      <c r="CK32" s="277">
        <v>1</v>
      </c>
      <c r="CL32" s="282">
        <v>1</v>
      </c>
      <c r="CM32" s="276">
        <v>0</v>
      </c>
      <c r="CN32" s="280">
        <v>0</v>
      </c>
      <c r="CO32" s="277">
        <v>0</v>
      </c>
      <c r="CP32" s="279">
        <v>0</v>
      </c>
      <c r="CQ32" s="280">
        <v>0</v>
      </c>
      <c r="CR32" s="280">
        <v>1</v>
      </c>
      <c r="CS32" s="280">
        <v>0</v>
      </c>
      <c r="CT32" s="280">
        <v>0</v>
      </c>
      <c r="CU32" s="280">
        <v>0</v>
      </c>
      <c r="CV32" s="277">
        <v>1</v>
      </c>
      <c r="CW32" s="282">
        <v>1</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v>
      </c>
      <c r="DU32" s="280">
        <v>1</v>
      </c>
      <c r="DV32" s="277">
        <v>4</v>
      </c>
      <c r="DW32" s="279">
        <v>0</v>
      </c>
      <c r="DX32" s="280">
        <v>1</v>
      </c>
      <c r="DY32" s="280">
        <v>6</v>
      </c>
      <c r="DZ32" s="280">
        <v>1</v>
      </c>
      <c r="EA32" s="280">
        <v>3</v>
      </c>
      <c r="EB32" s="280">
        <v>0</v>
      </c>
      <c r="EC32" s="277">
        <v>11</v>
      </c>
      <c r="ED32" s="282">
        <v>15</v>
      </c>
      <c r="EE32" s="276">
        <v>0</v>
      </c>
      <c r="EF32" s="280">
        <v>0</v>
      </c>
      <c r="EG32" s="277">
        <v>0</v>
      </c>
      <c r="EH32" s="279">
        <v>0</v>
      </c>
      <c r="EI32" s="280">
        <v>2</v>
      </c>
      <c r="EJ32" s="280">
        <v>1</v>
      </c>
      <c r="EK32" s="280">
        <v>1</v>
      </c>
      <c r="EL32" s="280">
        <v>0</v>
      </c>
      <c r="EM32" s="280">
        <v>0</v>
      </c>
      <c r="EN32" s="277">
        <v>4</v>
      </c>
      <c r="EO32" s="282">
        <v>4</v>
      </c>
      <c r="EP32" s="276">
        <v>3</v>
      </c>
      <c r="EQ32" s="280">
        <v>1</v>
      </c>
      <c r="ER32" s="277">
        <v>4</v>
      </c>
      <c r="ES32" s="279">
        <v>0</v>
      </c>
      <c r="ET32" s="280">
        <v>3</v>
      </c>
      <c r="EU32" s="280">
        <v>7</v>
      </c>
      <c r="EV32" s="280">
        <v>1</v>
      </c>
      <c r="EW32" s="280">
        <v>2</v>
      </c>
      <c r="EX32" s="280">
        <v>0</v>
      </c>
      <c r="EY32" s="277">
        <v>13</v>
      </c>
      <c r="EZ32" s="282">
        <v>17</v>
      </c>
    </row>
    <row r="33" spans="2:156" ht="21" customHeight="1" x14ac:dyDescent="0.2">
      <c r="B33" s="261" t="s">
        <v>31</v>
      </c>
      <c r="C33" s="276">
        <v>0</v>
      </c>
      <c r="D33" s="280">
        <v>0</v>
      </c>
      <c r="E33" s="384">
        <v>0</v>
      </c>
      <c r="F33" s="279">
        <v>0</v>
      </c>
      <c r="G33" s="280">
        <v>0</v>
      </c>
      <c r="H33" s="280">
        <v>0</v>
      </c>
      <c r="I33" s="280">
        <v>0</v>
      </c>
      <c r="J33" s="280">
        <v>1</v>
      </c>
      <c r="K33" s="280">
        <v>0</v>
      </c>
      <c r="L33" s="281">
        <v>1</v>
      </c>
      <c r="M33" s="282">
        <v>1</v>
      </c>
      <c r="N33" s="276">
        <v>0</v>
      </c>
      <c r="O33" s="280">
        <v>0</v>
      </c>
      <c r="P33" s="277">
        <v>0</v>
      </c>
      <c r="Q33" s="279">
        <v>0</v>
      </c>
      <c r="R33" s="280">
        <v>0</v>
      </c>
      <c r="S33" s="280">
        <v>0</v>
      </c>
      <c r="T33" s="280">
        <v>0</v>
      </c>
      <c r="U33" s="280">
        <v>0</v>
      </c>
      <c r="V33" s="280">
        <v>1</v>
      </c>
      <c r="W33" s="277">
        <v>1</v>
      </c>
      <c r="X33" s="282">
        <v>1</v>
      </c>
      <c r="Y33" s="276">
        <v>0</v>
      </c>
      <c r="Z33" s="280">
        <v>0</v>
      </c>
      <c r="AA33" s="277">
        <v>0</v>
      </c>
      <c r="AB33" s="279">
        <v>0</v>
      </c>
      <c r="AC33" s="280">
        <v>1</v>
      </c>
      <c r="AD33" s="280">
        <v>1</v>
      </c>
      <c r="AE33" s="280">
        <v>0</v>
      </c>
      <c r="AF33" s="280">
        <v>2</v>
      </c>
      <c r="AG33" s="280">
        <v>1</v>
      </c>
      <c r="AH33" s="277">
        <v>5</v>
      </c>
      <c r="AI33" s="282">
        <v>5</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1</v>
      </c>
      <c r="AZ33" s="280">
        <v>1</v>
      </c>
      <c r="BA33" s="280">
        <v>0</v>
      </c>
      <c r="BB33" s="280">
        <v>0</v>
      </c>
      <c r="BC33" s="280">
        <v>2</v>
      </c>
      <c r="BD33" s="281">
        <v>4</v>
      </c>
      <c r="BE33" s="282">
        <v>4</v>
      </c>
      <c r="BF33" s="276">
        <v>0</v>
      </c>
      <c r="BG33" s="280">
        <v>0</v>
      </c>
      <c r="BH33" s="277">
        <v>0</v>
      </c>
      <c r="BI33" s="279">
        <v>0</v>
      </c>
      <c r="BJ33" s="280">
        <v>0</v>
      </c>
      <c r="BK33" s="280">
        <v>2</v>
      </c>
      <c r="BL33" s="280">
        <v>3</v>
      </c>
      <c r="BM33" s="280">
        <v>1</v>
      </c>
      <c r="BN33" s="280">
        <v>0</v>
      </c>
      <c r="BO33" s="277">
        <v>6</v>
      </c>
      <c r="BP33" s="282">
        <v>6</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0</v>
      </c>
      <c r="DV33" s="277">
        <v>2</v>
      </c>
      <c r="DW33" s="279">
        <v>0</v>
      </c>
      <c r="DX33" s="280">
        <v>3</v>
      </c>
      <c r="DY33" s="280">
        <v>2</v>
      </c>
      <c r="DZ33" s="280">
        <v>1</v>
      </c>
      <c r="EA33" s="280">
        <v>2</v>
      </c>
      <c r="EB33" s="280">
        <v>1</v>
      </c>
      <c r="EC33" s="277">
        <v>9</v>
      </c>
      <c r="ED33" s="282">
        <v>11</v>
      </c>
      <c r="EE33" s="276">
        <v>0</v>
      </c>
      <c r="EF33" s="280">
        <v>0</v>
      </c>
      <c r="EG33" s="277">
        <v>0</v>
      </c>
      <c r="EH33" s="279">
        <v>0</v>
      </c>
      <c r="EI33" s="280">
        <v>1</v>
      </c>
      <c r="EJ33" s="280">
        <v>0</v>
      </c>
      <c r="EK33" s="280">
        <v>0</v>
      </c>
      <c r="EL33" s="280">
        <v>0</v>
      </c>
      <c r="EM33" s="280">
        <v>0</v>
      </c>
      <c r="EN33" s="277">
        <v>1</v>
      </c>
      <c r="EO33" s="282">
        <v>1</v>
      </c>
      <c r="EP33" s="276">
        <v>2</v>
      </c>
      <c r="EQ33" s="280">
        <v>0</v>
      </c>
      <c r="ER33" s="277">
        <v>2</v>
      </c>
      <c r="ES33" s="279">
        <v>0</v>
      </c>
      <c r="ET33" s="280">
        <v>4</v>
      </c>
      <c r="EU33" s="280">
        <v>3</v>
      </c>
      <c r="EV33" s="280">
        <v>3</v>
      </c>
      <c r="EW33" s="280">
        <v>2</v>
      </c>
      <c r="EX33" s="280">
        <v>1</v>
      </c>
      <c r="EY33" s="277">
        <v>13</v>
      </c>
      <c r="EZ33" s="282">
        <v>15</v>
      </c>
    </row>
    <row r="34" spans="2:156" ht="21" customHeight="1" x14ac:dyDescent="0.2">
      <c r="B34" s="261" t="s">
        <v>32</v>
      </c>
      <c r="C34" s="276">
        <v>0</v>
      </c>
      <c r="D34" s="280">
        <v>0</v>
      </c>
      <c r="E34" s="384">
        <v>0</v>
      </c>
      <c r="F34" s="279">
        <v>0</v>
      </c>
      <c r="G34" s="280">
        <v>0</v>
      </c>
      <c r="H34" s="280">
        <v>0</v>
      </c>
      <c r="I34" s="280">
        <v>0</v>
      </c>
      <c r="J34" s="280">
        <v>1</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3</v>
      </c>
      <c r="AE34" s="280">
        <v>0</v>
      </c>
      <c r="AF34" s="280">
        <v>0</v>
      </c>
      <c r="AG34" s="280">
        <v>0</v>
      </c>
      <c r="AH34" s="277">
        <v>3</v>
      </c>
      <c r="AI34" s="282">
        <v>3</v>
      </c>
      <c r="AJ34" s="276">
        <v>1</v>
      </c>
      <c r="AK34" s="280">
        <v>0</v>
      </c>
      <c r="AL34" s="277">
        <v>1</v>
      </c>
      <c r="AM34" s="279">
        <v>0</v>
      </c>
      <c r="AN34" s="280">
        <v>0</v>
      </c>
      <c r="AO34" s="280">
        <v>0</v>
      </c>
      <c r="AP34" s="280">
        <v>0</v>
      </c>
      <c r="AQ34" s="280">
        <v>1</v>
      </c>
      <c r="AR34" s="280">
        <v>0</v>
      </c>
      <c r="AS34" s="277">
        <v>1</v>
      </c>
      <c r="AT34" s="282">
        <v>2</v>
      </c>
      <c r="AU34" s="276">
        <v>0</v>
      </c>
      <c r="AV34" s="280">
        <v>0</v>
      </c>
      <c r="AW34" s="277">
        <v>0</v>
      </c>
      <c r="AX34" s="279">
        <v>0</v>
      </c>
      <c r="AY34" s="280">
        <v>0</v>
      </c>
      <c r="AZ34" s="280">
        <v>1</v>
      </c>
      <c r="BA34" s="280">
        <v>3</v>
      </c>
      <c r="BB34" s="280">
        <v>2</v>
      </c>
      <c r="BC34" s="280">
        <v>2</v>
      </c>
      <c r="BD34" s="281">
        <v>8</v>
      </c>
      <c r="BE34" s="282">
        <v>8</v>
      </c>
      <c r="BF34" s="276">
        <v>0</v>
      </c>
      <c r="BG34" s="280">
        <v>0</v>
      </c>
      <c r="BH34" s="277">
        <v>0</v>
      </c>
      <c r="BI34" s="279">
        <v>0</v>
      </c>
      <c r="BJ34" s="280">
        <v>3</v>
      </c>
      <c r="BK34" s="280">
        <v>2</v>
      </c>
      <c r="BL34" s="280">
        <v>0</v>
      </c>
      <c r="BM34" s="280">
        <v>0</v>
      </c>
      <c r="BN34" s="280">
        <v>0</v>
      </c>
      <c r="BO34" s="277">
        <v>5</v>
      </c>
      <c r="BP34" s="282">
        <v>5</v>
      </c>
      <c r="BQ34" s="276">
        <v>1</v>
      </c>
      <c r="BR34" s="280">
        <v>0</v>
      </c>
      <c r="BS34" s="277">
        <v>1</v>
      </c>
      <c r="BT34" s="279">
        <v>0</v>
      </c>
      <c r="BU34" s="280">
        <v>0</v>
      </c>
      <c r="BV34" s="280">
        <v>0</v>
      </c>
      <c r="BW34" s="280">
        <v>1</v>
      </c>
      <c r="BX34" s="280">
        <v>1</v>
      </c>
      <c r="BY34" s="280">
        <v>0</v>
      </c>
      <c r="BZ34" s="277">
        <v>2</v>
      </c>
      <c r="CA34" s="282">
        <v>3</v>
      </c>
      <c r="CB34" s="276">
        <v>0</v>
      </c>
      <c r="CC34" s="280">
        <v>0</v>
      </c>
      <c r="CD34" s="277">
        <v>0</v>
      </c>
      <c r="CE34" s="279">
        <v>0</v>
      </c>
      <c r="CF34" s="280">
        <v>0</v>
      </c>
      <c r="CG34" s="280">
        <v>1</v>
      </c>
      <c r="CH34" s="280">
        <v>0</v>
      </c>
      <c r="CI34" s="280">
        <v>0</v>
      </c>
      <c r="CJ34" s="280">
        <v>0</v>
      </c>
      <c r="CK34" s="277">
        <v>1</v>
      </c>
      <c r="CL34" s="282">
        <v>1</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1</v>
      </c>
      <c r="DU34" s="280">
        <v>0</v>
      </c>
      <c r="DV34" s="277">
        <v>1</v>
      </c>
      <c r="DW34" s="279">
        <v>0</v>
      </c>
      <c r="DX34" s="280">
        <v>2</v>
      </c>
      <c r="DY34" s="280">
        <v>4</v>
      </c>
      <c r="DZ34" s="280">
        <v>2</v>
      </c>
      <c r="EA34" s="280">
        <v>2</v>
      </c>
      <c r="EB34" s="280">
        <v>0</v>
      </c>
      <c r="EC34" s="277">
        <v>10</v>
      </c>
      <c r="ED34" s="282">
        <v>11</v>
      </c>
      <c r="EE34" s="276">
        <v>0</v>
      </c>
      <c r="EF34" s="280">
        <v>0</v>
      </c>
      <c r="EG34" s="277">
        <v>0</v>
      </c>
      <c r="EH34" s="279">
        <v>0</v>
      </c>
      <c r="EI34" s="280">
        <v>1</v>
      </c>
      <c r="EJ34" s="280">
        <v>1</v>
      </c>
      <c r="EK34" s="280">
        <v>1</v>
      </c>
      <c r="EL34" s="280">
        <v>0</v>
      </c>
      <c r="EM34" s="280">
        <v>1</v>
      </c>
      <c r="EN34" s="277">
        <v>4</v>
      </c>
      <c r="EO34" s="282">
        <v>4</v>
      </c>
      <c r="EP34" s="276">
        <v>3</v>
      </c>
      <c r="EQ34" s="280">
        <v>0</v>
      </c>
      <c r="ER34" s="277">
        <v>3</v>
      </c>
      <c r="ES34" s="279">
        <v>0</v>
      </c>
      <c r="ET34" s="280">
        <v>8</v>
      </c>
      <c r="EU34" s="280">
        <v>5</v>
      </c>
      <c r="EV34" s="280">
        <v>2</v>
      </c>
      <c r="EW34" s="280">
        <v>2</v>
      </c>
      <c r="EX34" s="280">
        <v>0</v>
      </c>
      <c r="EY34" s="277">
        <v>17</v>
      </c>
      <c r="EZ34" s="282">
        <v>20</v>
      </c>
    </row>
    <row r="35" spans="2:156" ht="21" customHeight="1" x14ac:dyDescent="0.2">
      <c r="B35" s="261" t="s">
        <v>33</v>
      </c>
      <c r="C35" s="276">
        <v>0</v>
      </c>
      <c r="D35" s="280">
        <v>0</v>
      </c>
      <c r="E35" s="384">
        <v>0</v>
      </c>
      <c r="F35" s="279">
        <v>0</v>
      </c>
      <c r="G35" s="280">
        <v>2</v>
      </c>
      <c r="H35" s="280">
        <v>0</v>
      </c>
      <c r="I35" s="280">
        <v>1</v>
      </c>
      <c r="J35" s="280">
        <v>1</v>
      </c>
      <c r="K35" s="280">
        <v>0</v>
      </c>
      <c r="L35" s="281">
        <v>4</v>
      </c>
      <c r="M35" s="282">
        <v>4</v>
      </c>
      <c r="N35" s="276">
        <v>0</v>
      </c>
      <c r="O35" s="280">
        <v>0</v>
      </c>
      <c r="P35" s="277">
        <v>0</v>
      </c>
      <c r="Q35" s="279">
        <v>0</v>
      </c>
      <c r="R35" s="280">
        <v>0</v>
      </c>
      <c r="S35" s="280">
        <v>1</v>
      </c>
      <c r="T35" s="280">
        <v>0</v>
      </c>
      <c r="U35" s="280">
        <v>0</v>
      </c>
      <c r="V35" s="280">
        <v>0</v>
      </c>
      <c r="W35" s="277">
        <v>1</v>
      </c>
      <c r="X35" s="282">
        <v>1</v>
      </c>
      <c r="Y35" s="276">
        <v>0</v>
      </c>
      <c r="Z35" s="280">
        <v>0</v>
      </c>
      <c r="AA35" s="277">
        <v>0</v>
      </c>
      <c r="AB35" s="279">
        <v>0</v>
      </c>
      <c r="AC35" s="280">
        <v>0</v>
      </c>
      <c r="AD35" s="280">
        <v>1</v>
      </c>
      <c r="AE35" s="280">
        <v>2</v>
      </c>
      <c r="AF35" s="280">
        <v>1</v>
      </c>
      <c r="AG35" s="280">
        <v>0</v>
      </c>
      <c r="AH35" s="277">
        <v>4</v>
      </c>
      <c r="AI35" s="282">
        <v>4</v>
      </c>
      <c r="AJ35" s="276">
        <v>0</v>
      </c>
      <c r="AK35" s="280">
        <v>1</v>
      </c>
      <c r="AL35" s="277">
        <v>1</v>
      </c>
      <c r="AM35" s="279">
        <v>0</v>
      </c>
      <c r="AN35" s="280">
        <v>2</v>
      </c>
      <c r="AO35" s="280">
        <v>2</v>
      </c>
      <c r="AP35" s="280">
        <v>1</v>
      </c>
      <c r="AQ35" s="280">
        <v>1</v>
      </c>
      <c r="AR35" s="280">
        <v>0</v>
      </c>
      <c r="AS35" s="277">
        <v>6</v>
      </c>
      <c r="AT35" s="282">
        <v>7</v>
      </c>
      <c r="AU35" s="276">
        <v>0</v>
      </c>
      <c r="AV35" s="280">
        <v>0</v>
      </c>
      <c r="AW35" s="277">
        <v>0</v>
      </c>
      <c r="AX35" s="279">
        <v>0</v>
      </c>
      <c r="AY35" s="280">
        <v>1</v>
      </c>
      <c r="AZ35" s="280">
        <v>0</v>
      </c>
      <c r="BA35" s="280">
        <v>3</v>
      </c>
      <c r="BB35" s="280">
        <v>0</v>
      </c>
      <c r="BC35" s="280">
        <v>0</v>
      </c>
      <c r="BD35" s="281">
        <v>4</v>
      </c>
      <c r="BE35" s="282">
        <v>4</v>
      </c>
      <c r="BF35" s="276">
        <v>0</v>
      </c>
      <c r="BG35" s="280">
        <v>0</v>
      </c>
      <c r="BH35" s="277">
        <v>0</v>
      </c>
      <c r="BI35" s="279">
        <v>0</v>
      </c>
      <c r="BJ35" s="280">
        <v>2</v>
      </c>
      <c r="BK35" s="280">
        <v>0</v>
      </c>
      <c r="BL35" s="280">
        <v>0</v>
      </c>
      <c r="BM35" s="280">
        <v>0</v>
      </c>
      <c r="BN35" s="280">
        <v>0</v>
      </c>
      <c r="BO35" s="277">
        <v>2</v>
      </c>
      <c r="BP35" s="282">
        <v>2</v>
      </c>
      <c r="BQ35" s="276">
        <v>0</v>
      </c>
      <c r="BR35" s="280">
        <v>0</v>
      </c>
      <c r="BS35" s="277">
        <v>0</v>
      </c>
      <c r="BT35" s="279">
        <v>0</v>
      </c>
      <c r="BU35" s="280">
        <v>2</v>
      </c>
      <c r="BV35" s="280">
        <v>0</v>
      </c>
      <c r="BW35" s="280">
        <v>1</v>
      </c>
      <c r="BX35" s="280">
        <v>1</v>
      </c>
      <c r="BY35" s="280">
        <v>0</v>
      </c>
      <c r="BZ35" s="277">
        <v>4</v>
      </c>
      <c r="CA35" s="282">
        <v>4</v>
      </c>
      <c r="CB35" s="276">
        <v>0</v>
      </c>
      <c r="CC35" s="280">
        <v>0</v>
      </c>
      <c r="CD35" s="277">
        <v>0</v>
      </c>
      <c r="CE35" s="279">
        <v>0</v>
      </c>
      <c r="CF35" s="280">
        <v>0</v>
      </c>
      <c r="CG35" s="280">
        <v>0</v>
      </c>
      <c r="CH35" s="280">
        <v>1</v>
      </c>
      <c r="CI35" s="280">
        <v>1</v>
      </c>
      <c r="CJ35" s="280">
        <v>0</v>
      </c>
      <c r="CK35" s="277">
        <v>2</v>
      </c>
      <c r="CL35" s="282">
        <v>2</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0</v>
      </c>
      <c r="DU35" s="280">
        <v>1</v>
      </c>
      <c r="DV35" s="277">
        <v>1</v>
      </c>
      <c r="DW35" s="279">
        <v>0</v>
      </c>
      <c r="DX35" s="280">
        <v>1</v>
      </c>
      <c r="DY35" s="280">
        <v>2</v>
      </c>
      <c r="DZ35" s="280">
        <v>2</v>
      </c>
      <c r="EA35" s="280">
        <v>1</v>
      </c>
      <c r="EB35" s="280">
        <v>1</v>
      </c>
      <c r="EC35" s="277">
        <v>7</v>
      </c>
      <c r="ED35" s="282">
        <v>8</v>
      </c>
      <c r="EE35" s="276">
        <v>1</v>
      </c>
      <c r="EF35" s="280">
        <v>0</v>
      </c>
      <c r="EG35" s="277">
        <v>1</v>
      </c>
      <c r="EH35" s="279">
        <v>0</v>
      </c>
      <c r="EI35" s="280">
        <v>1</v>
      </c>
      <c r="EJ35" s="280">
        <v>0</v>
      </c>
      <c r="EK35" s="280">
        <v>2</v>
      </c>
      <c r="EL35" s="280">
        <v>1</v>
      </c>
      <c r="EM35" s="280">
        <v>0</v>
      </c>
      <c r="EN35" s="277">
        <v>4</v>
      </c>
      <c r="EO35" s="282">
        <v>5</v>
      </c>
      <c r="EP35" s="276">
        <v>1</v>
      </c>
      <c r="EQ35" s="280">
        <v>2</v>
      </c>
      <c r="ER35" s="277">
        <v>3</v>
      </c>
      <c r="ES35" s="279">
        <v>0</v>
      </c>
      <c r="ET35" s="280">
        <v>5</v>
      </c>
      <c r="EU35" s="280">
        <v>2</v>
      </c>
      <c r="EV35" s="280">
        <v>4</v>
      </c>
      <c r="EW35" s="280">
        <v>2</v>
      </c>
      <c r="EX35" s="280">
        <v>0</v>
      </c>
      <c r="EY35" s="277">
        <v>13</v>
      </c>
      <c r="EZ35" s="282">
        <v>16</v>
      </c>
    </row>
    <row r="36" spans="2:156" ht="21" customHeight="1" x14ac:dyDescent="0.2">
      <c r="B36" s="261" t="s">
        <v>34</v>
      </c>
      <c r="C36" s="276">
        <v>0</v>
      </c>
      <c r="D36" s="280">
        <v>0</v>
      </c>
      <c r="E36" s="384">
        <v>0</v>
      </c>
      <c r="F36" s="279">
        <v>0</v>
      </c>
      <c r="G36" s="280">
        <v>1</v>
      </c>
      <c r="H36" s="280">
        <v>0</v>
      </c>
      <c r="I36" s="280">
        <v>0</v>
      </c>
      <c r="J36" s="280">
        <v>0</v>
      </c>
      <c r="K36" s="280">
        <v>0</v>
      </c>
      <c r="L36" s="281">
        <v>1</v>
      </c>
      <c r="M36" s="282">
        <v>1</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2</v>
      </c>
      <c r="AZ36" s="280">
        <v>1</v>
      </c>
      <c r="BA36" s="280">
        <v>1</v>
      </c>
      <c r="BB36" s="280">
        <v>0</v>
      </c>
      <c r="BC36" s="280">
        <v>1</v>
      </c>
      <c r="BD36" s="281">
        <v>5</v>
      </c>
      <c r="BE36" s="282">
        <v>5</v>
      </c>
      <c r="BF36" s="276">
        <v>0</v>
      </c>
      <c r="BG36" s="280">
        <v>0</v>
      </c>
      <c r="BH36" s="277">
        <v>0</v>
      </c>
      <c r="BI36" s="279">
        <v>0</v>
      </c>
      <c r="BJ36" s="280">
        <v>0</v>
      </c>
      <c r="BK36" s="280">
        <v>1</v>
      </c>
      <c r="BL36" s="280">
        <v>2</v>
      </c>
      <c r="BM36" s="280">
        <v>0</v>
      </c>
      <c r="BN36" s="280">
        <v>0</v>
      </c>
      <c r="BO36" s="277">
        <v>3</v>
      </c>
      <c r="BP36" s="282">
        <v>3</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1</v>
      </c>
      <c r="DY36" s="280">
        <v>0</v>
      </c>
      <c r="DZ36" s="280">
        <v>1</v>
      </c>
      <c r="EA36" s="280">
        <v>0</v>
      </c>
      <c r="EB36" s="280">
        <v>1</v>
      </c>
      <c r="EC36" s="277">
        <v>3</v>
      </c>
      <c r="ED36" s="282">
        <v>3</v>
      </c>
      <c r="EE36" s="276">
        <v>0</v>
      </c>
      <c r="EF36" s="280">
        <v>0</v>
      </c>
      <c r="EG36" s="277">
        <v>0</v>
      </c>
      <c r="EH36" s="279">
        <v>0</v>
      </c>
      <c r="EI36" s="280">
        <v>0</v>
      </c>
      <c r="EJ36" s="280">
        <v>0</v>
      </c>
      <c r="EK36" s="280">
        <v>1</v>
      </c>
      <c r="EL36" s="280">
        <v>0</v>
      </c>
      <c r="EM36" s="280">
        <v>0</v>
      </c>
      <c r="EN36" s="277">
        <v>1</v>
      </c>
      <c r="EO36" s="282">
        <v>1</v>
      </c>
      <c r="EP36" s="276">
        <v>0</v>
      </c>
      <c r="EQ36" s="280">
        <v>0</v>
      </c>
      <c r="ER36" s="277">
        <v>0</v>
      </c>
      <c r="ES36" s="279">
        <v>0</v>
      </c>
      <c r="ET36" s="280">
        <v>1</v>
      </c>
      <c r="EU36" s="280">
        <v>1</v>
      </c>
      <c r="EV36" s="280">
        <v>2</v>
      </c>
      <c r="EW36" s="280">
        <v>0</v>
      </c>
      <c r="EX36" s="280">
        <v>0</v>
      </c>
      <c r="EY36" s="277">
        <v>4</v>
      </c>
      <c r="EZ36" s="282">
        <v>4</v>
      </c>
    </row>
    <row r="37" spans="2:156" ht="21" customHeight="1" x14ac:dyDescent="0.2">
      <c r="B37" s="261" t="s">
        <v>35</v>
      </c>
      <c r="C37" s="276">
        <v>0</v>
      </c>
      <c r="D37" s="280">
        <v>0</v>
      </c>
      <c r="E37" s="384">
        <v>0</v>
      </c>
      <c r="F37" s="279">
        <v>0</v>
      </c>
      <c r="G37" s="280">
        <v>4</v>
      </c>
      <c r="H37" s="280">
        <v>4</v>
      </c>
      <c r="I37" s="280">
        <v>3</v>
      </c>
      <c r="J37" s="280">
        <v>2</v>
      </c>
      <c r="K37" s="280">
        <v>0</v>
      </c>
      <c r="L37" s="281">
        <v>13</v>
      </c>
      <c r="M37" s="282">
        <v>13</v>
      </c>
      <c r="N37" s="276">
        <v>0</v>
      </c>
      <c r="O37" s="280">
        <v>0</v>
      </c>
      <c r="P37" s="277">
        <v>0</v>
      </c>
      <c r="Q37" s="279">
        <v>0</v>
      </c>
      <c r="R37" s="280">
        <v>0</v>
      </c>
      <c r="S37" s="280">
        <v>0</v>
      </c>
      <c r="T37" s="280">
        <v>0</v>
      </c>
      <c r="U37" s="280">
        <v>0</v>
      </c>
      <c r="V37" s="280">
        <v>0</v>
      </c>
      <c r="W37" s="277">
        <v>0</v>
      </c>
      <c r="X37" s="282">
        <v>0</v>
      </c>
      <c r="Y37" s="276">
        <v>0</v>
      </c>
      <c r="Z37" s="280">
        <v>2</v>
      </c>
      <c r="AA37" s="277">
        <v>2</v>
      </c>
      <c r="AB37" s="279">
        <v>0</v>
      </c>
      <c r="AC37" s="280">
        <v>2</v>
      </c>
      <c r="AD37" s="280">
        <v>1</v>
      </c>
      <c r="AE37" s="280">
        <v>2</v>
      </c>
      <c r="AF37" s="280">
        <v>4</v>
      </c>
      <c r="AG37" s="280">
        <v>0</v>
      </c>
      <c r="AH37" s="277">
        <v>9</v>
      </c>
      <c r="AI37" s="282">
        <v>11</v>
      </c>
      <c r="AJ37" s="276">
        <v>0</v>
      </c>
      <c r="AK37" s="280">
        <v>0</v>
      </c>
      <c r="AL37" s="277">
        <v>0</v>
      </c>
      <c r="AM37" s="279">
        <v>0</v>
      </c>
      <c r="AN37" s="280">
        <v>2</v>
      </c>
      <c r="AO37" s="280">
        <v>0</v>
      </c>
      <c r="AP37" s="280">
        <v>0</v>
      </c>
      <c r="AQ37" s="280">
        <v>0</v>
      </c>
      <c r="AR37" s="280">
        <v>0</v>
      </c>
      <c r="AS37" s="277">
        <v>2</v>
      </c>
      <c r="AT37" s="282">
        <v>2</v>
      </c>
      <c r="AU37" s="276">
        <v>3</v>
      </c>
      <c r="AV37" s="280">
        <v>2</v>
      </c>
      <c r="AW37" s="277">
        <v>5</v>
      </c>
      <c r="AX37" s="279">
        <v>0</v>
      </c>
      <c r="AY37" s="280">
        <v>2</v>
      </c>
      <c r="AZ37" s="280">
        <v>3</v>
      </c>
      <c r="BA37" s="280">
        <v>5</v>
      </c>
      <c r="BB37" s="280">
        <v>10</v>
      </c>
      <c r="BC37" s="280">
        <v>0</v>
      </c>
      <c r="BD37" s="281">
        <v>20</v>
      </c>
      <c r="BE37" s="282">
        <v>25</v>
      </c>
      <c r="BF37" s="276">
        <v>0</v>
      </c>
      <c r="BG37" s="280">
        <v>0</v>
      </c>
      <c r="BH37" s="277">
        <v>0</v>
      </c>
      <c r="BI37" s="279">
        <v>0</v>
      </c>
      <c r="BJ37" s="280">
        <v>4</v>
      </c>
      <c r="BK37" s="280">
        <v>3</v>
      </c>
      <c r="BL37" s="280">
        <v>1</v>
      </c>
      <c r="BM37" s="280">
        <v>1</v>
      </c>
      <c r="BN37" s="280">
        <v>0</v>
      </c>
      <c r="BO37" s="277">
        <v>9</v>
      </c>
      <c r="BP37" s="282">
        <v>9</v>
      </c>
      <c r="BQ37" s="276">
        <v>0</v>
      </c>
      <c r="BR37" s="280">
        <v>2</v>
      </c>
      <c r="BS37" s="277">
        <v>2</v>
      </c>
      <c r="BT37" s="279">
        <v>0</v>
      </c>
      <c r="BU37" s="280">
        <v>1</v>
      </c>
      <c r="BV37" s="280">
        <v>3</v>
      </c>
      <c r="BW37" s="280">
        <v>0</v>
      </c>
      <c r="BX37" s="280">
        <v>1</v>
      </c>
      <c r="BY37" s="280">
        <v>0</v>
      </c>
      <c r="BZ37" s="277">
        <v>5</v>
      </c>
      <c r="CA37" s="282">
        <v>7</v>
      </c>
      <c r="CB37" s="276">
        <v>0</v>
      </c>
      <c r="CC37" s="280">
        <v>0</v>
      </c>
      <c r="CD37" s="277">
        <v>0</v>
      </c>
      <c r="CE37" s="279">
        <v>0</v>
      </c>
      <c r="CF37" s="280">
        <v>0</v>
      </c>
      <c r="CG37" s="280">
        <v>0</v>
      </c>
      <c r="CH37" s="280">
        <v>0</v>
      </c>
      <c r="CI37" s="280">
        <v>2</v>
      </c>
      <c r="CJ37" s="280">
        <v>0</v>
      </c>
      <c r="CK37" s="277">
        <v>2</v>
      </c>
      <c r="CL37" s="282">
        <v>2</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1</v>
      </c>
      <c r="DU37" s="280">
        <v>3</v>
      </c>
      <c r="DV37" s="277">
        <v>4</v>
      </c>
      <c r="DW37" s="279">
        <v>0</v>
      </c>
      <c r="DX37" s="280">
        <v>4</v>
      </c>
      <c r="DY37" s="280">
        <v>8</v>
      </c>
      <c r="DZ37" s="280">
        <v>5</v>
      </c>
      <c r="EA37" s="280">
        <v>4</v>
      </c>
      <c r="EB37" s="280">
        <v>0</v>
      </c>
      <c r="EC37" s="277">
        <v>21</v>
      </c>
      <c r="ED37" s="282">
        <v>25</v>
      </c>
      <c r="EE37" s="276">
        <v>3</v>
      </c>
      <c r="EF37" s="280">
        <v>0</v>
      </c>
      <c r="EG37" s="277">
        <v>3</v>
      </c>
      <c r="EH37" s="279">
        <v>0</v>
      </c>
      <c r="EI37" s="280">
        <v>1</v>
      </c>
      <c r="EJ37" s="280">
        <v>2</v>
      </c>
      <c r="EK37" s="280">
        <v>4</v>
      </c>
      <c r="EL37" s="280">
        <v>5</v>
      </c>
      <c r="EM37" s="280">
        <v>0</v>
      </c>
      <c r="EN37" s="277">
        <v>12</v>
      </c>
      <c r="EO37" s="282">
        <v>15</v>
      </c>
      <c r="EP37" s="276">
        <v>1</v>
      </c>
      <c r="EQ37" s="280">
        <v>4</v>
      </c>
      <c r="ER37" s="277">
        <v>5</v>
      </c>
      <c r="ES37" s="279">
        <v>0</v>
      </c>
      <c r="ET37" s="280">
        <v>10</v>
      </c>
      <c r="EU37" s="280">
        <v>8</v>
      </c>
      <c r="EV37" s="280">
        <v>5</v>
      </c>
      <c r="EW37" s="280">
        <v>4</v>
      </c>
      <c r="EX37" s="280">
        <v>0</v>
      </c>
      <c r="EY37" s="277">
        <v>27</v>
      </c>
      <c r="EZ37" s="282">
        <v>32</v>
      </c>
    </row>
    <row r="38" spans="2:156" ht="21" customHeight="1" x14ac:dyDescent="0.2">
      <c r="B38" s="261" t="s">
        <v>36</v>
      </c>
      <c r="C38" s="276">
        <v>0</v>
      </c>
      <c r="D38" s="280">
        <v>0</v>
      </c>
      <c r="E38" s="384">
        <v>0</v>
      </c>
      <c r="F38" s="279">
        <v>0</v>
      </c>
      <c r="G38" s="280">
        <v>1</v>
      </c>
      <c r="H38" s="280">
        <v>1</v>
      </c>
      <c r="I38" s="280">
        <v>0</v>
      </c>
      <c r="J38" s="280">
        <v>1</v>
      </c>
      <c r="K38" s="280">
        <v>0</v>
      </c>
      <c r="L38" s="281">
        <v>3</v>
      </c>
      <c r="M38" s="282">
        <v>3</v>
      </c>
      <c r="N38" s="276">
        <v>0</v>
      </c>
      <c r="O38" s="280">
        <v>0</v>
      </c>
      <c r="P38" s="277">
        <v>0</v>
      </c>
      <c r="Q38" s="279">
        <v>0</v>
      </c>
      <c r="R38" s="280">
        <v>1</v>
      </c>
      <c r="S38" s="280">
        <v>0</v>
      </c>
      <c r="T38" s="280">
        <v>0</v>
      </c>
      <c r="U38" s="280">
        <v>0</v>
      </c>
      <c r="V38" s="280">
        <v>0</v>
      </c>
      <c r="W38" s="277">
        <v>1</v>
      </c>
      <c r="X38" s="282">
        <v>1</v>
      </c>
      <c r="Y38" s="276">
        <v>0</v>
      </c>
      <c r="Z38" s="280">
        <v>2</v>
      </c>
      <c r="AA38" s="277">
        <v>2</v>
      </c>
      <c r="AB38" s="279">
        <v>0</v>
      </c>
      <c r="AC38" s="280">
        <v>2</v>
      </c>
      <c r="AD38" s="280">
        <v>2</v>
      </c>
      <c r="AE38" s="280">
        <v>2</v>
      </c>
      <c r="AF38" s="280">
        <v>1</v>
      </c>
      <c r="AG38" s="280">
        <v>0</v>
      </c>
      <c r="AH38" s="277">
        <v>7</v>
      </c>
      <c r="AI38" s="282">
        <v>9</v>
      </c>
      <c r="AJ38" s="276">
        <v>0</v>
      </c>
      <c r="AK38" s="280">
        <v>0</v>
      </c>
      <c r="AL38" s="277">
        <v>0</v>
      </c>
      <c r="AM38" s="279">
        <v>0</v>
      </c>
      <c r="AN38" s="280">
        <v>1</v>
      </c>
      <c r="AO38" s="280">
        <v>0</v>
      </c>
      <c r="AP38" s="280">
        <v>0</v>
      </c>
      <c r="AQ38" s="280">
        <v>0</v>
      </c>
      <c r="AR38" s="280">
        <v>0</v>
      </c>
      <c r="AS38" s="277">
        <v>1</v>
      </c>
      <c r="AT38" s="282">
        <v>1</v>
      </c>
      <c r="AU38" s="276">
        <v>0</v>
      </c>
      <c r="AV38" s="280">
        <v>0</v>
      </c>
      <c r="AW38" s="277">
        <v>0</v>
      </c>
      <c r="AX38" s="279">
        <v>0</v>
      </c>
      <c r="AY38" s="280">
        <v>1</v>
      </c>
      <c r="AZ38" s="280">
        <v>1</v>
      </c>
      <c r="BA38" s="280">
        <v>3</v>
      </c>
      <c r="BB38" s="280">
        <v>5</v>
      </c>
      <c r="BC38" s="280">
        <v>1</v>
      </c>
      <c r="BD38" s="281">
        <v>11</v>
      </c>
      <c r="BE38" s="282">
        <v>11</v>
      </c>
      <c r="BF38" s="276">
        <v>0</v>
      </c>
      <c r="BG38" s="280">
        <v>0</v>
      </c>
      <c r="BH38" s="277">
        <v>0</v>
      </c>
      <c r="BI38" s="279">
        <v>0</v>
      </c>
      <c r="BJ38" s="280">
        <v>3</v>
      </c>
      <c r="BK38" s="280">
        <v>1</v>
      </c>
      <c r="BL38" s="280">
        <v>1</v>
      </c>
      <c r="BM38" s="280">
        <v>2</v>
      </c>
      <c r="BN38" s="280">
        <v>1</v>
      </c>
      <c r="BO38" s="277">
        <v>8</v>
      </c>
      <c r="BP38" s="282">
        <v>8</v>
      </c>
      <c r="BQ38" s="276">
        <v>0</v>
      </c>
      <c r="BR38" s="280">
        <v>0</v>
      </c>
      <c r="BS38" s="277">
        <v>0</v>
      </c>
      <c r="BT38" s="279">
        <v>0</v>
      </c>
      <c r="BU38" s="280">
        <v>1</v>
      </c>
      <c r="BV38" s="280">
        <v>0</v>
      </c>
      <c r="BW38" s="280">
        <v>0</v>
      </c>
      <c r="BX38" s="280">
        <v>0</v>
      </c>
      <c r="BY38" s="280">
        <v>0</v>
      </c>
      <c r="BZ38" s="277">
        <v>1</v>
      </c>
      <c r="CA38" s="282">
        <v>1</v>
      </c>
      <c r="CB38" s="276">
        <v>0</v>
      </c>
      <c r="CC38" s="280">
        <v>0</v>
      </c>
      <c r="CD38" s="277">
        <v>0</v>
      </c>
      <c r="CE38" s="279">
        <v>0</v>
      </c>
      <c r="CF38" s="280">
        <v>0</v>
      </c>
      <c r="CG38" s="280">
        <v>1</v>
      </c>
      <c r="CH38" s="280">
        <v>1</v>
      </c>
      <c r="CI38" s="280">
        <v>0</v>
      </c>
      <c r="CJ38" s="280">
        <v>0</v>
      </c>
      <c r="CK38" s="277">
        <v>2</v>
      </c>
      <c r="CL38" s="282">
        <v>2</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1</v>
      </c>
      <c r="DV38" s="277">
        <v>1</v>
      </c>
      <c r="DW38" s="279">
        <v>0</v>
      </c>
      <c r="DX38" s="280">
        <v>4</v>
      </c>
      <c r="DY38" s="280">
        <v>3</v>
      </c>
      <c r="DZ38" s="280">
        <v>2</v>
      </c>
      <c r="EA38" s="280">
        <v>2</v>
      </c>
      <c r="EB38" s="280">
        <v>1</v>
      </c>
      <c r="EC38" s="277">
        <v>12</v>
      </c>
      <c r="ED38" s="282">
        <v>13</v>
      </c>
      <c r="EE38" s="276">
        <v>0</v>
      </c>
      <c r="EF38" s="280">
        <v>0</v>
      </c>
      <c r="EG38" s="277">
        <v>0</v>
      </c>
      <c r="EH38" s="279">
        <v>0</v>
      </c>
      <c r="EI38" s="280">
        <v>0</v>
      </c>
      <c r="EJ38" s="280">
        <v>1</v>
      </c>
      <c r="EK38" s="280">
        <v>2</v>
      </c>
      <c r="EL38" s="280">
        <v>3</v>
      </c>
      <c r="EM38" s="280">
        <v>0</v>
      </c>
      <c r="EN38" s="277">
        <v>6</v>
      </c>
      <c r="EO38" s="282">
        <v>6</v>
      </c>
      <c r="EP38" s="276">
        <v>0</v>
      </c>
      <c r="EQ38" s="280">
        <v>3</v>
      </c>
      <c r="ER38" s="277">
        <v>3</v>
      </c>
      <c r="ES38" s="279">
        <v>0</v>
      </c>
      <c r="ET38" s="280">
        <v>6</v>
      </c>
      <c r="EU38" s="280">
        <v>4</v>
      </c>
      <c r="EV38" s="280">
        <v>2</v>
      </c>
      <c r="EW38" s="280">
        <v>3</v>
      </c>
      <c r="EX38" s="280">
        <v>1</v>
      </c>
      <c r="EY38" s="277">
        <v>16</v>
      </c>
      <c r="EZ38" s="282">
        <v>19</v>
      </c>
    </row>
    <row r="39" spans="2:156" ht="21" customHeight="1" thickBot="1" x14ac:dyDescent="0.25">
      <c r="B39" s="262" t="s">
        <v>37</v>
      </c>
      <c r="C39" s="283">
        <v>0</v>
      </c>
      <c r="D39" s="287">
        <v>0</v>
      </c>
      <c r="E39" s="385">
        <v>0</v>
      </c>
      <c r="F39" s="286">
        <v>0</v>
      </c>
      <c r="G39" s="287">
        <v>0</v>
      </c>
      <c r="H39" s="287">
        <v>0</v>
      </c>
      <c r="I39" s="287">
        <v>0</v>
      </c>
      <c r="J39" s="287">
        <v>0</v>
      </c>
      <c r="K39" s="287">
        <v>1</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1</v>
      </c>
      <c r="BD39" s="288">
        <v>2</v>
      </c>
      <c r="BE39" s="289">
        <v>2</v>
      </c>
      <c r="BF39" s="283">
        <v>0</v>
      </c>
      <c r="BG39" s="287">
        <v>0</v>
      </c>
      <c r="BH39" s="284">
        <v>0</v>
      </c>
      <c r="BI39" s="286">
        <v>0</v>
      </c>
      <c r="BJ39" s="287">
        <v>0</v>
      </c>
      <c r="BK39" s="287">
        <v>0</v>
      </c>
      <c r="BL39" s="287">
        <v>0</v>
      </c>
      <c r="BM39" s="287">
        <v>0</v>
      </c>
      <c r="BN39" s="287">
        <v>0</v>
      </c>
      <c r="BO39" s="284">
        <v>0</v>
      </c>
      <c r="BP39" s="289">
        <v>0</v>
      </c>
      <c r="BQ39" s="283">
        <v>0</v>
      </c>
      <c r="BR39" s="287">
        <v>1</v>
      </c>
      <c r="BS39" s="284">
        <v>1</v>
      </c>
      <c r="BT39" s="286">
        <v>0</v>
      </c>
      <c r="BU39" s="287">
        <v>0</v>
      </c>
      <c r="BV39" s="287">
        <v>0</v>
      </c>
      <c r="BW39" s="287">
        <v>0</v>
      </c>
      <c r="BX39" s="287">
        <v>0</v>
      </c>
      <c r="BY39" s="287">
        <v>0</v>
      </c>
      <c r="BZ39" s="284">
        <v>0</v>
      </c>
      <c r="CA39" s="289">
        <v>1</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1</v>
      </c>
      <c r="CV39" s="284">
        <v>1</v>
      </c>
      <c r="CW39" s="289">
        <v>1</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0</v>
      </c>
      <c r="DZ39" s="287">
        <v>0</v>
      </c>
      <c r="EA39" s="287">
        <v>0</v>
      </c>
      <c r="EB39" s="287">
        <v>1</v>
      </c>
      <c r="EC39" s="284">
        <v>1</v>
      </c>
      <c r="ED39" s="289">
        <v>1</v>
      </c>
      <c r="EE39" s="283">
        <v>0</v>
      </c>
      <c r="EF39" s="287">
        <v>0</v>
      </c>
      <c r="EG39" s="284">
        <v>0</v>
      </c>
      <c r="EH39" s="286">
        <v>0</v>
      </c>
      <c r="EI39" s="287">
        <v>0</v>
      </c>
      <c r="EJ39" s="287">
        <v>0</v>
      </c>
      <c r="EK39" s="287">
        <v>0</v>
      </c>
      <c r="EL39" s="287">
        <v>1</v>
      </c>
      <c r="EM39" s="287">
        <v>0</v>
      </c>
      <c r="EN39" s="284">
        <v>1</v>
      </c>
      <c r="EO39" s="289">
        <v>1</v>
      </c>
      <c r="EP39" s="283">
        <v>0</v>
      </c>
      <c r="EQ39" s="287">
        <v>1</v>
      </c>
      <c r="ER39" s="284">
        <v>1</v>
      </c>
      <c r="ES39" s="286">
        <v>0</v>
      </c>
      <c r="ET39" s="287">
        <v>0</v>
      </c>
      <c r="EU39" s="287">
        <v>0</v>
      </c>
      <c r="EV39" s="287">
        <v>0</v>
      </c>
      <c r="EW39" s="287">
        <v>0</v>
      </c>
      <c r="EX39" s="287">
        <v>1</v>
      </c>
      <c r="EY39" s="284">
        <v>1</v>
      </c>
      <c r="EZ39" s="289">
        <v>2</v>
      </c>
    </row>
  </sheetData>
  <mergeCells count="59">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 ref="C4:E4"/>
    <mergeCell ref="F4:L4"/>
    <mergeCell ref="M4:M5"/>
    <mergeCell ref="N4:P4"/>
    <mergeCell ref="Q4:W4"/>
    <mergeCell ref="CX3:DH3"/>
    <mergeCell ref="DI3:DS3"/>
    <mergeCell ref="DT3:ED3"/>
    <mergeCell ref="EE3:EO3"/>
    <mergeCell ref="EP3:EZ3"/>
    <mergeCell ref="CA4:CA5"/>
    <mergeCell ref="AJ4:AL4"/>
    <mergeCell ref="AM4:AS4"/>
    <mergeCell ref="AT4:AT5"/>
    <mergeCell ref="AU4:AW4"/>
    <mergeCell ref="AX4:BD4"/>
    <mergeCell ref="BE4:BE5"/>
    <mergeCell ref="BF4:BH4"/>
    <mergeCell ref="BI4:BO4"/>
    <mergeCell ref="BP4:BP5"/>
    <mergeCell ref="BQ4:BS4"/>
    <mergeCell ref="BT4:BZ4"/>
    <mergeCell ref="DS4:DS5"/>
    <mergeCell ref="CB4:CD4"/>
    <mergeCell ref="CE4:CK4"/>
    <mergeCell ref="CL4:CL5"/>
    <mergeCell ref="CM4:CO4"/>
    <mergeCell ref="CP4:CV4"/>
    <mergeCell ref="CW4:CW5"/>
    <mergeCell ref="CX4:CZ4"/>
    <mergeCell ref="DA4:DG4"/>
    <mergeCell ref="DH4:DH5"/>
    <mergeCell ref="DI4:DK4"/>
    <mergeCell ref="DL4:DR4"/>
    <mergeCell ref="EP4:ER4"/>
    <mergeCell ref="ES4:EY4"/>
    <mergeCell ref="EZ4:EZ5"/>
    <mergeCell ref="DT4:DV4"/>
    <mergeCell ref="DW4:EC4"/>
    <mergeCell ref="ED4:ED5"/>
    <mergeCell ref="EE4:EG4"/>
    <mergeCell ref="EH4:EN4"/>
    <mergeCell ref="EO4:EO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77734375" style="255" customWidth="1"/>
    <col min="18" max="27" width="9" style="255"/>
    <col min="28" max="28" width="6.88671875" style="255" customWidth="1"/>
    <col min="29" max="38" width="9" style="255"/>
    <col min="39" max="39" width="7.21875" style="255" customWidth="1"/>
    <col min="40" max="49" width="9" style="255"/>
    <col min="50" max="50" width="7.44140625" style="255" customWidth="1"/>
    <col min="51" max="60" width="9" style="255"/>
    <col min="61" max="61" width="7.6640625" style="255" customWidth="1"/>
    <col min="62" max="71" width="9" style="255"/>
    <col min="72" max="72" width="7.88671875" style="255" customWidth="1"/>
    <col min="73" max="82" width="9" style="255"/>
    <col min="83" max="83" width="7" style="255" customWidth="1"/>
    <col min="84" max="93" width="9" style="255"/>
    <col min="94" max="94" width="7.6640625" style="255" customWidth="1"/>
    <col min="95" max="16384" width="9" style="255"/>
  </cols>
  <sheetData>
    <row r="1" spans="2:112" ht="24" customHeight="1" x14ac:dyDescent="0.2">
      <c r="B1" s="290" t="s">
        <v>123</v>
      </c>
      <c r="J1" s="524">
        <f>第１表!F2</f>
        <v>5</v>
      </c>
      <c r="K1" s="524"/>
      <c r="L1" s="248">
        <f>第１表!G2</f>
        <v>4</v>
      </c>
      <c r="M1" s="529">
        <f>IF(L1&lt;3,L1+12-2,L1-2)</f>
        <v>2</v>
      </c>
      <c r="N1" s="529"/>
    </row>
    <row r="2" spans="2:112" ht="24" customHeight="1" thickBot="1" x14ac:dyDescent="0.25">
      <c r="B2" s="290" t="s">
        <v>139</v>
      </c>
    </row>
    <row r="3" spans="2:112" ht="21" customHeight="1" thickBot="1" x14ac:dyDescent="0.25">
      <c r="B3" s="549"/>
      <c r="C3" s="552" t="s">
        <v>112</v>
      </c>
      <c r="D3" s="552"/>
      <c r="E3" s="552"/>
      <c r="F3" s="552"/>
      <c r="G3" s="552"/>
      <c r="H3" s="552"/>
      <c r="I3" s="552"/>
      <c r="J3" s="552"/>
      <c r="K3" s="552"/>
      <c r="L3" s="552"/>
      <c r="M3" s="553"/>
      <c r="N3" s="547" t="s">
        <v>111</v>
      </c>
      <c r="O3" s="547"/>
      <c r="P3" s="547"/>
      <c r="Q3" s="547"/>
      <c r="R3" s="547"/>
      <c r="S3" s="547"/>
      <c r="T3" s="547"/>
      <c r="U3" s="547"/>
      <c r="V3" s="547"/>
      <c r="W3" s="547"/>
      <c r="X3" s="548"/>
      <c r="Y3" s="546" t="s">
        <v>110</v>
      </c>
      <c r="Z3" s="547"/>
      <c r="AA3" s="547"/>
      <c r="AB3" s="547"/>
      <c r="AC3" s="547"/>
      <c r="AD3" s="547"/>
      <c r="AE3" s="547"/>
      <c r="AF3" s="547"/>
      <c r="AG3" s="547"/>
      <c r="AH3" s="547"/>
      <c r="AI3" s="548"/>
      <c r="AJ3" s="546" t="s">
        <v>109</v>
      </c>
      <c r="AK3" s="547"/>
      <c r="AL3" s="547"/>
      <c r="AM3" s="547"/>
      <c r="AN3" s="547"/>
      <c r="AO3" s="547"/>
      <c r="AP3" s="547"/>
      <c r="AQ3" s="547"/>
      <c r="AR3" s="547"/>
      <c r="AS3" s="547"/>
      <c r="AT3" s="548"/>
      <c r="AU3" s="546" t="s">
        <v>108</v>
      </c>
      <c r="AV3" s="547"/>
      <c r="AW3" s="547"/>
      <c r="AX3" s="547"/>
      <c r="AY3" s="547"/>
      <c r="AZ3" s="547"/>
      <c r="BA3" s="547"/>
      <c r="BB3" s="547"/>
      <c r="BC3" s="547"/>
      <c r="BD3" s="547"/>
      <c r="BE3" s="548"/>
      <c r="BF3" s="546" t="s">
        <v>107</v>
      </c>
      <c r="BG3" s="547"/>
      <c r="BH3" s="547"/>
      <c r="BI3" s="547"/>
      <c r="BJ3" s="547"/>
      <c r="BK3" s="547"/>
      <c r="BL3" s="547"/>
      <c r="BM3" s="547"/>
      <c r="BN3" s="547"/>
      <c r="BO3" s="547"/>
      <c r="BP3" s="548"/>
      <c r="BQ3" s="546" t="s">
        <v>106</v>
      </c>
      <c r="BR3" s="547"/>
      <c r="BS3" s="547"/>
      <c r="BT3" s="547"/>
      <c r="BU3" s="547"/>
      <c r="BV3" s="547"/>
      <c r="BW3" s="547"/>
      <c r="BX3" s="547"/>
      <c r="BY3" s="547"/>
      <c r="BZ3" s="547"/>
      <c r="CA3" s="548"/>
      <c r="CB3" s="546" t="s">
        <v>128</v>
      </c>
      <c r="CC3" s="547"/>
      <c r="CD3" s="547"/>
      <c r="CE3" s="547"/>
      <c r="CF3" s="547"/>
      <c r="CG3" s="547"/>
      <c r="CH3" s="547"/>
      <c r="CI3" s="547"/>
      <c r="CJ3" s="547"/>
      <c r="CK3" s="547"/>
      <c r="CL3" s="548"/>
      <c r="CM3" s="546" t="s">
        <v>105</v>
      </c>
      <c r="CN3" s="547"/>
      <c r="CO3" s="547"/>
      <c r="CP3" s="547"/>
      <c r="CQ3" s="547"/>
      <c r="CR3" s="547"/>
      <c r="CS3" s="547"/>
      <c r="CT3" s="547"/>
      <c r="CU3" s="547"/>
      <c r="CV3" s="547"/>
      <c r="CW3" s="548"/>
      <c r="CX3" s="546" t="s">
        <v>160</v>
      </c>
      <c r="CY3" s="547"/>
      <c r="CZ3" s="547"/>
      <c r="DA3" s="547"/>
      <c r="DB3" s="547"/>
      <c r="DC3" s="547"/>
      <c r="DD3" s="547"/>
      <c r="DE3" s="547"/>
      <c r="DF3" s="547"/>
      <c r="DG3" s="547"/>
      <c r="DH3" s="548"/>
    </row>
    <row r="4" spans="2:112" ht="21" customHeight="1" x14ac:dyDescent="0.2">
      <c r="B4" s="550"/>
      <c r="C4" s="554" t="s">
        <v>61</v>
      </c>
      <c r="D4" s="533"/>
      <c r="E4" s="534"/>
      <c r="F4" s="535" t="s">
        <v>62</v>
      </c>
      <c r="G4" s="533"/>
      <c r="H4" s="533"/>
      <c r="I4" s="533"/>
      <c r="J4" s="533"/>
      <c r="K4" s="533"/>
      <c r="L4" s="536"/>
      <c r="M4" s="530" t="s">
        <v>52</v>
      </c>
      <c r="N4" s="554" t="s">
        <v>61</v>
      </c>
      <c r="O4" s="533"/>
      <c r="P4" s="534"/>
      <c r="Q4" s="535" t="s">
        <v>62</v>
      </c>
      <c r="R4" s="533"/>
      <c r="S4" s="533"/>
      <c r="T4" s="533"/>
      <c r="U4" s="533"/>
      <c r="V4" s="533"/>
      <c r="W4" s="534"/>
      <c r="X4" s="530" t="s">
        <v>52</v>
      </c>
      <c r="Y4" s="532" t="s">
        <v>61</v>
      </c>
      <c r="Z4" s="533"/>
      <c r="AA4" s="536"/>
      <c r="AB4" s="535" t="s">
        <v>62</v>
      </c>
      <c r="AC4" s="533"/>
      <c r="AD4" s="533"/>
      <c r="AE4" s="533"/>
      <c r="AF4" s="533"/>
      <c r="AG4" s="533"/>
      <c r="AH4" s="534"/>
      <c r="AI4" s="530" t="s">
        <v>52</v>
      </c>
      <c r="AJ4" s="532" t="s">
        <v>61</v>
      </c>
      <c r="AK4" s="533"/>
      <c r="AL4" s="534"/>
      <c r="AM4" s="535" t="s">
        <v>62</v>
      </c>
      <c r="AN4" s="533"/>
      <c r="AO4" s="533"/>
      <c r="AP4" s="533"/>
      <c r="AQ4" s="533"/>
      <c r="AR4" s="533"/>
      <c r="AS4" s="534"/>
      <c r="AT4" s="530" t="s">
        <v>52</v>
      </c>
      <c r="AU4" s="532" t="s">
        <v>61</v>
      </c>
      <c r="AV4" s="533"/>
      <c r="AW4" s="536"/>
      <c r="AX4" s="535" t="s">
        <v>62</v>
      </c>
      <c r="AY4" s="533"/>
      <c r="AZ4" s="533"/>
      <c r="BA4" s="533"/>
      <c r="BB4" s="533"/>
      <c r="BC4" s="533"/>
      <c r="BD4" s="536"/>
      <c r="BE4" s="530" t="s">
        <v>52</v>
      </c>
      <c r="BF4" s="532" t="s">
        <v>61</v>
      </c>
      <c r="BG4" s="533"/>
      <c r="BH4" s="534"/>
      <c r="BI4" s="535" t="s">
        <v>62</v>
      </c>
      <c r="BJ4" s="533"/>
      <c r="BK4" s="533"/>
      <c r="BL4" s="533"/>
      <c r="BM4" s="533"/>
      <c r="BN4" s="533"/>
      <c r="BO4" s="534"/>
      <c r="BP4" s="530" t="s">
        <v>52</v>
      </c>
      <c r="BQ4" s="532" t="s">
        <v>61</v>
      </c>
      <c r="BR4" s="533"/>
      <c r="BS4" s="534"/>
      <c r="BT4" s="535" t="s">
        <v>62</v>
      </c>
      <c r="BU4" s="533"/>
      <c r="BV4" s="533"/>
      <c r="BW4" s="533"/>
      <c r="BX4" s="533"/>
      <c r="BY4" s="533"/>
      <c r="BZ4" s="534"/>
      <c r="CA4" s="530" t="s">
        <v>52</v>
      </c>
      <c r="CB4" s="532" t="s">
        <v>61</v>
      </c>
      <c r="CC4" s="533"/>
      <c r="CD4" s="534"/>
      <c r="CE4" s="535" t="s">
        <v>62</v>
      </c>
      <c r="CF4" s="533"/>
      <c r="CG4" s="533"/>
      <c r="CH4" s="533"/>
      <c r="CI4" s="533"/>
      <c r="CJ4" s="533"/>
      <c r="CK4" s="534"/>
      <c r="CL4" s="530" t="s">
        <v>52</v>
      </c>
      <c r="CM4" s="532" t="s">
        <v>61</v>
      </c>
      <c r="CN4" s="533"/>
      <c r="CO4" s="534"/>
      <c r="CP4" s="535" t="s">
        <v>62</v>
      </c>
      <c r="CQ4" s="533"/>
      <c r="CR4" s="533"/>
      <c r="CS4" s="533"/>
      <c r="CT4" s="533"/>
      <c r="CU4" s="533"/>
      <c r="CV4" s="534"/>
      <c r="CW4" s="530" t="s">
        <v>52</v>
      </c>
      <c r="CX4" s="532" t="s">
        <v>61</v>
      </c>
      <c r="CY4" s="533"/>
      <c r="CZ4" s="534"/>
      <c r="DA4" s="535" t="s">
        <v>62</v>
      </c>
      <c r="DB4" s="533"/>
      <c r="DC4" s="533"/>
      <c r="DD4" s="533"/>
      <c r="DE4" s="533"/>
      <c r="DF4" s="533"/>
      <c r="DG4" s="534"/>
      <c r="DH4" s="530" t="s">
        <v>52</v>
      </c>
    </row>
    <row r="5" spans="2:112" ht="30" customHeight="1" thickBot="1" x14ac:dyDescent="0.25">
      <c r="B5" s="551"/>
      <c r="C5" s="264" t="s">
        <v>43</v>
      </c>
      <c r="D5" s="259" t="s">
        <v>44</v>
      </c>
      <c r="E5" s="382" t="s">
        <v>45</v>
      </c>
      <c r="F5" s="267" t="s">
        <v>83</v>
      </c>
      <c r="G5" s="259" t="s">
        <v>47</v>
      </c>
      <c r="H5" s="259" t="s">
        <v>48</v>
      </c>
      <c r="I5" s="259" t="s">
        <v>49</v>
      </c>
      <c r="J5" s="259" t="s">
        <v>50</v>
      </c>
      <c r="K5" s="259" t="s">
        <v>51</v>
      </c>
      <c r="L5" s="268" t="s">
        <v>45</v>
      </c>
      <c r="M5" s="531"/>
      <c r="N5" s="264" t="s">
        <v>43</v>
      </c>
      <c r="O5" s="259" t="s">
        <v>44</v>
      </c>
      <c r="P5" s="265" t="s">
        <v>45</v>
      </c>
      <c r="Q5" s="267" t="s">
        <v>83</v>
      </c>
      <c r="R5" s="259" t="s">
        <v>47</v>
      </c>
      <c r="S5" s="259" t="s">
        <v>48</v>
      </c>
      <c r="T5" s="259" t="s">
        <v>49</v>
      </c>
      <c r="U5" s="259" t="s">
        <v>50</v>
      </c>
      <c r="V5" s="259" t="s">
        <v>51</v>
      </c>
      <c r="W5" s="265" t="s">
        <v>45</v>
      </c>
      <c r="X5" s="531"/>
      <c r="Y5" s="311" t="s">
        <v>43</v>
      </c>
      <c r="Z5" s="259" t="s">
        <v>44</v>
      </c>
      <c r="AA5" s="268" t="s">
        <v>45</v>
      </c>
      <c r="AB5" s="267" t="s">
        <v>83</v>
      </c>
      <c r="AC5" s="259" t="s">
        <v>47</v>
      </c>
      <c r="AD5" s="259" t="s">
        <v>48</v>
      </c>
      <c r="AE5" s="259" t="s">
        <v>49</v>
      </c>
      <c r="AF5" s="259" t="s">
        <v>50</v>
      </c>
      <c r="AG5" s="259" t="s">
        <v>51</v>
      </c>
      <c r="AH5" s="265" t="s">
        <v>45</v>
      </c>
      <c r="AI5" s="531"/>
      <c r="AJ5" s="263" t="s">
        <v>43</v>
      </c>
      <c r="AK5" s="259" t="s">
        <v>44</v>
      </c>
      <c r="AL5" s="265" t="s">
        <v>45</v>
      </c>
      <c r="AM5" s="267" t="s">
        <v>83</v>
      </c>
      <c r="AN5" s="259" t="s">
        <v>47</v>
      </c>
      <c r="AO5" s="259" t="s">
        <v>48</v>
      </c>
      <c r="AP5" s="259" t="s">
        <v>49</v>
      </c>
      <c r="AQ5" s="259" t="s">
        <v>50</v>
      </c>
      <c r="AR5" s="259" t="s">
        <v>51</v>
      </c>
      <c r="AS5" s="265" t="s">
        <v>45</v>
      </c>
      <c r="AT5" s="531"/>
      <c r="AU5" s="311" t="s">
        <v>43</v>
      </c>
      <c r="AV5" s="259" t="s">
        <v>44</v>
      </c>
      <c r="AW5" s="268" t="s">
        <v>45</v>
      </c>
      <c r="AX5" s="267" t="s">
        <v>83</v>
      </c>
      <c r="AY5" s="259" t="s">
        <v>47</v>
      </c>
      <c r="AZ5" s="259" t="s">
        <v>48</v>
      </c>
      <c r="BA5" s="259" t="s">
        <v>49</v>
      </c>
      <c r="BB5" s="259" t="s">
        <v>50</v>
      </c>
      <c r="BC5" s="259" t="s">
        <v>51</v>
      </c>
      <c r="BD5" s="268" t="s">
        <v>45</v>
      </c>
      <c r="BE5" s="531"/>
      <c r="BF5" s="311" t="s">
        <v>43</v>
      </c>
      <c r="BG5" s="259" t="s">
        <v>44</v>
      </c>
      <c r="BH5" s="265" t="s">
        <v>45</v>
      </c>
      <c r="BI5" s="267" t="s">
        <v>83</v>
      </c>
      <c r="BJ5" s="259" t="s">
        <v>47</v>
      </c>
      <c r="BK5" s="259" t="s">
        <v>48</v>
      </c>
      <c r="BL5" s="259" t="s">
        <v>49</v>
      </c>
      <c r="BM5" s="259" t="s">
        <v>50</v>
      </c>
      <c r="BN5" s="259" t="s">
        <v>51</v>
      </c>
      <c r="BO5" s="265" t="s">
        <v>45</v>
      </c>
      <c r="BP5" s="531"/>
      <c r="BQ5" s="311" t="s">
        <v>43</v>
      </c>
      <c r="BR5" s="259" t="s">
        <v>44</v>
      </c>
      <c r="BS5" s="265" t="s">
        <v>45</v>
      </c>
      <c r="BT5" s="267" t="s">
        <v>83</v>
      </c>
      <c r="BU5" s="259" t="s">
        <v>47</v>
      </c>
      <c r="BV5" s="259" t="s">
        <v>48</v>
      </c>
      <c r="BW5" s="259" t="s">
        <v>49</v>
      </c>
      <c r="BX5" s="259" t="s">
        <v>50</v>
      </c>
      <c r="BY5" s="259" t="s">
        <v>51</v>
      </c>
      <c r="BZ5" s="265" t="s">
        <v>45</v>
      </c>
      <c r="CA5" s="531"/>
      <c r="CB5" s="311" t="s">
        <v>43</v>
      </c>
      <c r="CC5" s="259" t="s">
        <v>44</v>
      </c>
      <c r="CD5" s="265" t="s">
        <v>45</v>
      </c>
      <c r="CE5" s="267" t="s">
        <v>83</v>
      </c>
      <c r="CF5" s="259" t="s">
        <v>47</v>
      </c>
      <c r="CG5" s="259" t="s">
        <v>48</v>
      </c>
      <c r="CH5" s="259" t="s">
        <v>49</v>
      </c>
      <c r="CI5" s="259" t="s">
        <v>50</v>
      </c>
      <c r="CJ5" s="259" t="s">
        <v>51</v>
      </c>
      <c r="CK5" s="265" t="s">
        <v>45</v>
      </c>
      <c r="CL5" s="531"/>
      <c r="CM5" s="311" t="s">
        <v>43</v>
      </c>
      <c r="CN5" s="259" t="s">
        <v>44</v>
      </c>
      <c r="CO5" s="265" t="s">
        <v>45</v>
      </c>
      <c r="CP5" s="267" t="s">
        <v>83</v>
      </c>
      <c r="CQ5" s="259" t="s">
        <v>47</v>
      </c>
      <c r="CR5" s="259" t="s">
        <v>48</v>
      </c>
      <c r="CS5" s="259" t="s">
        <v>49</v>
      </c>
      <c r="CT5" s="259" t="s">
        <v>50</v>
      </c>
      <c r="CU5" s="259" t="s">
        <v>51</v>
      </c>
      <c r="CV5" s="265" t="s">
        <v>45</v>
      </c>
      <c r="CW5" s="531"/>
      <c r="CX5" s="365" t="s">
        <v>43</v>
      </c>
      <c r="CY5" s="259" t="s">
        <v>44</v>
      </c>
      <c r="CZ5" s="265" t="s">
        <v>45</v>
      </c>
      <c r="DA5" s="267" t="s">
        <v>83</v>
      </c>
      <c r="DB5" s="259" t="s">
        <v>47</v>
      </c>
      <c r="DC5" s="259" t="s">
        <v>48</v>
      </c>
      <c r="DD5" s="259" t="s">
        <v>49</v>
      </c>
      <c r="DE5" s="259" t="s">
        <v>50</v>
      </c>
      <c r="DF5" s="259" t="s">
        <v>51</v>
      </c>
      <c r="DG5" s="265" t="s">
        <v>45</v>
      </c>
      <c r="DH5" s="531"/>
    </row>
    <row r="6" spans="2:112" ht="21" customHeight="1" x14ac:dyDescent="0.2">
      <c r="B6" s="260" t="s">
        <v>4</v>
      </c>
      <c r="C6" s="269">
        <v>0</v>
      </c>
      <c r="D6" s="273">
        <v>0</v>
      </c>
      <c r="E6" s="383">
        <v>0</v>
      </c>
      <c r="F6" s="272">
        <v>0</v>
      </c>
      <c r="G6" s="273">
        <v>194086</v>
      </c>
      <c r="H6" s="273">
        <v>312109</v>
      </c>
      <c r="I6" s="273">
        <v>327240</v>
      </c>
      <c r="J6" s="273">
        <v>387947</v>
      </c>
      <c r="K6" s="273">
        <v>371016</v>
      </c>
      <c r="L6" s="274">
        <v>1592398</v>
      </c>
      <c r="M6" s="275">
        <v>1592398</v>
      </c>
      <c r="N6" s="269">
        <v>9</v>
      </c>
      <c r="O6" s="273">
        <v>58</v>
      </c>
      <c r="P6" s="270">
        <v>67</v>
      </c>
      <c r="Q6" s="272">
        <v>0</v>
      </c>
      <c r="R6" s="273">
        <v>442</v>
      </c>
      <c r="S6" s="273">
        <v>1866</v>
      </c>
      <c r="T6" s="273">
        <v>3674</v>
      </c>
      <c r="U6" s="273">
        <v>8568</v>
      </c>
      <c r="V6" s="273">
        <v>16578</v>
      </c>
      <c r="W6" s="270">
        <v>31128</v>
      </c>
      <c r="X6" s="275">
        <v>31195</v>
      </c>
      <c r="Y6" s="269">
        <v>11548</v>
      </c>
      <c r="Z6" s="273">
        <v>36324</v>
      </c>
      <c r="AA6" s="270">
        <v>47872</v>
      </c>
      <c r="AB6" s="272">
        <v>0</v>
      </c>
      <c r="AC6" s="273">
        <v>94504</v>
      </c>
      <c r="AD6" s="273">
        <v>149817</v>
      </c>
      <c r="AE6" s="273">
        <v>94984</v>
      </c>
      <c r="AF6" s="273">
        <v>86332</v>
      </c>
      <c r="AG6" s="273">
        <v>70123</v>
      </c>
      <c r="AH6" s="270">
        <v>495760</v>
      </c>
      <c r="AI6" s="275">
        <v>543632</v>
      </c>
      <c r="AJ6" s="269">
        <v>2111</v>
      </c>
      <c r="AK6" s="273">
        <v>7920</v>
      </c>
      <c r="AL6" s="270">
        <v>10031</v>
      </c>
      <c r="AM6" s="272">
        <v>0</v>
      </c>
      <c r="AN6" s="273">
        <v>11902</v>
      </c>
      <c r="AO6" s="273">
        <v>20001</v>
      </c>
      <c r="AP6" s="273">
        <v>13283</v>
      </c>
      <c r="AQ6" s="273">
        <v>11806</v>
      </c>
      <c r="AR6" s="273">
        <v>7246</v>
      </c>
      <c r="AS6" s="270">
        <v>64238</v>
      </c>
      <c r="AT6" s="275">
        <v>74269</v>
      </c>
      <c r="AU6" s="269">
        <v>0</v>
      </c>
      <c r="AV6" s="273">
        <v>3</v>
      </c>
      <c r="AW6" s="270">
        <v>3</v>
      </c>
      <c r="AX6" s="272">
        <v>0</v>
      </c>
      <c r="AY6" s="273">
        <v>171650</v>
      </c>
      <c r="AZ6" s="273">
        <v>173064</v>
      </c>
      <c r="BA6" s="273">
        <v>106537</v>
      </c>
      <c r="BB6" s="273">
        <v>63294</v>
      </c>
      <c r="BC6" s="273">
        <v>29092</v>
      </c>
      <c r="BD6" s="274">
        <v>543637</v>
      </c>
      <c r="BE6" s="275">
        <v>543640</v>
      </c>
      <c r="BF6" s="269">
        <v>0</v>
      </c>
      <c r="BG6" s="273">
        <v>0</v>
      </c>
      <c r="BH6" s="270">
        <v>0</v>
      </c>
      <c r="BI6" s="272">
        <v>0</v>
      </c>
      <c r="BJ6" s="273">
        <v>27789</v>
      </c>
      <c r="BK6" s="273">
        <v>43395</v>
      </c>
      <c r="BL6" s="273">
        <v>25725</v>
      </c>
      <c r="BM6" s="273">
        <v>16379</v>
      </c>
      <c r="BN6" s="273">
        <v>6040</v>
      </c>
      <c r="BO6" s="270">
        <v>119328</v>
      </c>
      <c r="BP6" s="275">
        <v>119328</v>
      </c>
      <c r="BQ6" s="269">
        <v>279</v>
      </c>
      <c r="BR6" s="273">
        <v>1101</v>
      </c>
      <c r="BS6" s="270">
        <v>1380</v>
      </c>
      <c r="BT6" s="272">
        <v>0</v>
      </c>
      <c r="BU6" s="273">
        <v>14744</v>
      </c>
      <c r="BV6" s="273">
        <v>29224</v>
      </c>
      <c r="BW6" s="273">
        <v>51832</v>
      </c>
      <c r="BX6" s="273">
        <v>39143</v>
      </c>
      <c r="BY6" s="273">
        <v>19689</v>
      </c>
      <c r="BZ6" s="270">
        <v>154632</v>
      </c>
      <c r="CA6" s="275">
        <v>156012</v>
      </c>
      <c r="CB6" s="269">
        <v>22</v>
      </c>
      <c r="CC6" s="273">
        <v>60</v>
      </c>
      <c r="CD6" s="270">
        <v>82</v>
      </c>
      <c r="CE6" s="272">
        <v>0</v>
      </c>
      <c r="CF6" s="273">
        <v>999</v>
      </c>
      <c r="CG6" s="273">
        <v>3013</v>
      </c>
      <c r="CH6" s="273">
        <v>3957</v>
      </c>
      <c r="CI6" s="273">
        <v>3606</v>
      </c>
      <c r="CJ6" s="273">
        <v>2295</v>
      </c>
      <c r="CK6" s="270">
        <v>13870</v>
      </c>
      <c r="CL6" s="275">
        <v>13952</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84">
        <v>0</v>
      </c>
      <c r="F7" s="279">
        <v>0</v>
      </c>
      <c r="G7" s="280">
        <v>65713</v>
      </c>
      <c r="H7" s="280">
        <v>133905</v>
      </c>
      <c r="I7" s="280">
        <v>117906</v>
      </c>
      <c r="J7" s="280">
        <v>135110</v>
      </c>
      <c r="K7" s="280">
        <v>137028</v>
      </c>
      <c r="L7" s="281">
        <v>589662</v>
      </c>
      <c r="M7" s="282">
        <v>589662</v>
      </c>
      <c r="N7" s="276">
        <v>6</v>
      </c>
      <c r="O7" s="280">
        <v>13</v>
      </c>
      <c r="P7" s="277">
        <v>19</v>
      </c>
      <c r="Q7" s="279">
        <v>0</v>
      </c>
      <c r="R7" s="280">
        <v>77</v>
      </c>
      <c r="S7" s="280">
        <v>629</v>
      </c>
      <c r="T7" s="280">
        <v>1391</v>
      </c>
      <c r="U7" s="280">
        <v>3437</v>
      </c>
      <c r="V7" s="280">
        <v>7254</v>
      </c>
      <c r="W7" s="277">
        <v>12788</v>
      </c>
      <c r="X7" s="282">
        <v>12807</v>
      </c>
      <c r="Y7" s="276">
        <v>5111</v>
      </c>
      <c r="Z7" s="280">
        <v>18752</v>
      </c>
      <c r="AA7" s="277">
        <v>23863</v>
      </c>
      <c r="AB7" s="279">
        <v>0</v>
      </c>
      <c r="AC7" s="280">
        <v>35010</v>
      </c>
      <c r="AD7" s="280">
        <v>79391</v>
      </c>
      <c r="AE7" s="280">
        <v>47734</v>
      </c>
      <c r="AF7" s="280">
        <v>40940</v>
      </c>
      <c r="AG7" s="280">
        <v>32782</v>
      </c>
      <c r="AH7" s="277">
        <v>235857</v>
      </c>
      <c r="AI7" s="282">
        <v>259720</v>
      </c>
      <c r="AJ7" s="276">
        <v>933</v>
      </c>
      <c r="AK7" s="280">
        <v>4274</v>
      </c>
      <c r="AL7" s="277">
        <v>5207</v>
      </c>
      <c r="AM7" s="279">
        <v>0</v>
      </c>
      <c r="AN7" s="280">
        <v>3086</v>
      </c>
      <c r="AO7" s="280">
        <v>7965</v>
      </c>
      <c r="AP7" s="280">
        <v>5629</v>
      </c>
      <c r="AQ7" s="280">
        <v>5070</v>
      </c>
      <c r="AR7" s="280">
        <v>2787</v>
      </c>
      <c r="AS7" s="277">
        <v>24537</v>
      </c>
      <c r="AT7" s="282">
        <v>29744</v>
      </c>
      <c r="AU7" s="276">
        <v>0</v>
      </c>
      <c r="AV7" s="280">
        <v>0</v>
      </c>
      <c r="AW7" s="277">
        <v>0</v>
      </c>
      <c r="AX7" s="279">
        <v>0</v>
      </c>
      <c r="AY7" s="280">
        <v>54318</v>
      </c>
      <c r="AZ7" s="280">
        <v>68553</v>
      </c>
      <c r="BA7" s="280">
        <v>37338</v>
      </c>
      <c r="BB7" s="280">
        <v>20486</v>
      </c>
      <c r="BC7" s="280">
        <v>9743</v>
      </c>
      <c r="BD7" s="281">
        <v>190438</v>
      </c>
      <c r="BE7" s="282">
        <v>190438</v>
      </c>
      <c r="BF7" s="276">
        <v>0</v>
      </c>
      <c r="BG7" s="280">
        <v>0</v>
      </c>
      <c r="BH7" s="277">
        <v>0</v>
      </c>
      <c r="BI7" s="279">
        <v>0</v>
      </c>
      <c r="BJ7" s="280">
        <v>8101</v>
      </c>
      <c r="BK7" s="280">
        <v>19179</v>
      </c>
      <c r="BL7" s="280">
        <v>11091</v>
      </c>
      <c r="BM7" s="280">
        <v>6930</v>
      </c>
      <c r="BN7" s="280">
        <v>2720</v>
      </c>
      <c r="BO7" s="277">
        <v>48021</v>
      </c>
      <c r="BP7" s="282">
        <v>48021</v>
      </c>
      <c r="BQ7" s="276">
        <v>77</v>
      </c>
      <c r="BR7" s="280">
        <v>449</v>
      </c>
      <c r="BS7" s="277">
        <v>526</v>
      </c>
      <c r="BT7" s="279">
        <v>0</v>
      </c>
      <c r="BU7" s="280">
        <v>4233</v>
      </c>
      <c r="BV7" s="280">
        <v>11157</v>
      </c>
      <c r="BW7" s="280">
        <v>20242</v>
      </c>
      <c r="BX7" s="280">
        <v>14656</v>
      </c>
      <c r="BY7" s="280">
        <v>7579</v>
      </c>
      <c r="BZ7" s="277">
        <v>57867</v>
      </c>
      <c r="CA7" s="282">
        <v>58393</v>
      </c>
      <c r="CB7" s="276">
        <v>8</v>
      </c>
      <c r="CC7" s="280">
        <v>41</v>
      </c>
      <c r="CD7" s="277">
        <v>49</v>
      </c>
      <c r="CE7" s="279">
        <v>0</v>
      </c>
      <c r="CF7" s="280">
        <v>450</v>
      </c>
      <c r="CG7" s="280">
        <v>1829</v>
      </c>
      <c r="CH7" s="280">
        <v>2286</v>
      </c>
      <c r="CI7" s="280">
        <v>2055</v>
      </c>
      <c r="CJ7" s="280">
        <v>1468</v>
      </c>
      <c r="CK7" s="277">
        <v>8088</v>
      </c>
      <c r="CL7" s="282">
        <v>8137</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4">
        <v>0</v>
      </c>
      <c r="F8" s="279">
        <v>0</v>
      </c>
      <c r="G8" s="280">
        <v>33961</v>
      </c>
      <c r="H8" s="280">
        <v>43307</v>
      </c>
      <c r="I8" s="280">
        <v>50607</v>
      </c>
      <c r="J8" s="280">
        <v>59336</v>
      </c>
      <c r="K8" s="280">
        <v>62612</v>
      </c>
      <c r="L8" s="281">
        <v>249823</v>
      </c>
      <c r="M8" s="282">
        <v>249823</v>
      </c>
      <c r="N8" s="276">
        <v>0</v>
      </c>
      <c r="O8" s="280">
        <v>11</v>
      </c>
      <c r="P8" s="277">
        <v>11</v>
      </c>
      <c r="Q8" s="279">
        <v>0</v>
      </c>
      <c r="R8" s="280">
        <v>71</v>
      </c>
      <c r="S8" s="280">
        <v>249</v>
      </c>
      <c r="T8" s="280">
        <v>492</v>
      </c>
      <c r="U8" s="280">
        <v>1149</v>
      </c>
      <c r="V8" s="280">
        <v>2388</v>
      </c>
      <c r="W8" s="277">
        <v>4349</v>
      </c>
      <c r="X8" s="282">
        <v>4360</v>
      </c>
      <c r="Y8" s="276">
        <v>1868</v>
      </c>
      <c r="Z8" s="280">
        <v>5542</v>
      </c>
      <c r="AA8" s="277">
        <v>7410</v>
      </c>
      <c r="AB8" s="279">
        <v>0</v>
      </c>
      <c r="AC8" s="280">
        <v>20599</v>
      </c>
      <c r="AD8" s="280">
        <v>21185</v>
      </c>
      <c r="AE8" s="280">
        <v>14904</v>
      </c>
      <c r="AF8" s="280">
        <v>13953</v>
      </c>
      <c r="AG8" s="280">
        <v>11664</v>
      </c>
      <c r="AH8" s="277">
        <v>82305</v>
      </c>
      <c r="AI8" s="282">
        <v>89715</v>
      </c>
      <c r="AJ8" s="276">
        <v>160</v>
      </c>
      <c r="AK8" s="280">
        <v>556</v>
      </c>
      <c r="AL8" s="277">
        <v>716</v>
      </c>
      <c r="AM8" s="279">
        <v>0</v>
      </c>
      <c r="AN8" s="280">
        <v>1863</v>
      </c>
      <c r="AO8" s="280">
        <v>2359</v>
      </c>
      <c r="AP8" s="280">
        <v>1501</v>
      </c>
      <c r="AQ8" s="280">
        <v>1412</v>
      </c>
      <c r="AR8" s="280">
        <v>958</v>
      </c>
      <c r="AS8" s="277">
        <v>8093</v>
      </c>
      <c r="AT8" s="282">
        <v>8809</v>
      </c>
      <c r="AU8" s="276">
        <v>0</v>
      </c>
      <c r="AV8" s="280">
        <v>0</v>
      </c>
      <c r="AW8" s="277">
        <v>0</v>
      </c>
      <c r="AX8" s="279">
        <v>0</v>
      </c>
      <c r="AY8" s="280">
        <v>29030</v>
      </c>
      <c r="AZ8" s="280">
        <v>21207</v>
      </c>
      <c r="BA8" s="280">
        <v>15019</v>
      </c>
      <c r="BB8" s="280">
        <v>9875</v>
      </c>
      <c r="BC8" s="280">
        <v>4728</v>
      </c>
      <c r="BD8" s="281">
        <v>79859</v>
      </c>
      <c r="BE8" s="282">
        <v>79859</v>
      </c>
      <c r="BF8" s="276">
        <v>0</v>
      </c>
      <c r="BG8" s="280">
        <v>0</v>
      </c>
      <c r="BH8" s="277">
        <v>0</v>
      </c>
      <c r="BI8" s="279">
        <v>0</v>
      </c>
      <c r="BJ8" s="280">
        <v>3762</v>
      </c>
      <c r="BK8" s="280">
        <v>4713</v>
      </c>
      <c r="BL8" s="280">
        <v>3249</v>
      </c>
      <c r="BM8" s="280">
        <v>2461</v>
      </c>
      <c r="BN8" s="280">
        <v>875</v>
      </c>
      <c r="BO8" s="277">
        <v>15060</v>
      </c>
      <c r="BP8" s="282">
        <v>15060</v>
      </c>
      <c r="BQ8" s="276">
        <v>53</v>
      </c>
      <c r="BR8" s="280">
        <v>110</v>
      </c>
      <c r="BS8" s="277">
        <v>163</v>
      </c>
      <c r="BT8" s="279">
        <v>0</v>
      </c>
      <c r="BU8" s="280">
        <v>2022</v>
      </c>
      <c r="BV8" s="280">
        <v>3197</v>
      </c>
      <c r="BW8" s="280">
        <v>5484</v>
      </c>
      <c r="BX8" s="280">
        <v>4417</v>
      </c>
      <c r="BY8" s="280">
        <v>2682</v>
      </c>
      <c r="BZ8" s="277">
        <v>17802</v>
      </c>
      <c r="CA8" s="282">
        <v>17965</v>
      </c>
      <c r="CB8" s="276">
        <v>14</v>
      </c>
      <c r="CC8" s="280">
        <v>-1</v>
      </c>
      <c r="CD8" s="277">
        <v>13</v>
      </c>
      <c r="CE8" s="279">
        <v>0</v>
      </c>
      <c r="CF8" s="280">
        <v>134</v>
      </c>
      <c r="CG8" s="280">
        <v>248</v>
      </c>
      <c r="CH8" s="280">
        <v>530</v>
      </c>
      <c r="CI8" s="280">
        <v>420</v>
      </c>
      <c r="CJ8" s="280">
        <v>267</v>
      </c>
      <c r="CK8" s="277">
        <v>1599</v>
      </c>
      <c r="CL8" s="282">
        <v>1612</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4">
        <v>0</v>
      </c>
      <c r="F9" s="279">
        <v>0</v>
      </c>
      <c r="G9" s="280">
        <v>12326</v>
      </c>
      <c r="H9" s="280">
        <v>23142</v>
      </c>
      <c r="I9" s="280">
        <v>27662</v>
      </c>
      <c r="J9" s="280">
        <v>26053</v>
      </c>
      <c r="K9" s="280">
        <v>22476</v>
      </c>
      <c r="L9" s="281">
        <v>111659</v>
      </c>
      <c r="M9" s="282">
        <v>111659</v>
      </c>
      <c r="N9" s="276">
        <v>0</v>
      </c>
      <c r="O9" s="280">
        <v>4</v>
      </c>
      <c r="P9" s="277">
        <v>4</v>
      </c>
      <c r="Q9" s="279">
        <v>0</v>
      </c>
      <c r="R9" s="280">
        <v>10</v>
      </c>
      <c r="S9" s="280">
        <v>105</v>
      </c>
      <c r="T9" s="280">
        <v>226</v>
      </c>
      <c r="U9" s="280">
        <v>516</v>
      </c>
      <c r="V9" s="280">
        <v>1113</v>
      </c>
      <c r="W9" s="277">
        <v>1970</v>
      </c>
      <c r="X9" s="282">
        <v>1974</v>
      </c>
      <c r="Y9" s="276">
        <v>622</v>
      </c>
      <c r="Z9" s="280">
        <v>2975</v>
      </c>
      <c r="AA9" s="277">
        <v>3597</v>
      </c>
      <c r="AB9" s="279">
        <v>0</v>
      </c>
      <c r="AC9" s="280">
        <v>4871</v>
      </c>
      <c r="AD9" s="280">
        <v>10507</v>
      </c>
      <c r="AE9" s="280">
        <v>6970</v>
      </c>
      <c r="AF9" s="280">
        <v>6211</v>
      </c>
      <c r="AG9" s="280">
        <v>4973</v>
      </c>
      <c r="AH9" s="277">
        <v>33532</v>
      </c>
      <c r="AI9" s="282">
        <v>37129</v>
      </c>
      <c r="AJ9" s="276">
        <v>40</v>
      </c>
      <c r="AK9" s="280">
        <v>425</v>
      </c>
      <c r="AL9" s="277">
        <v>465</v>
      </c>
      <c r="AM9" s="279">
        <v>0</v>
      </c>
      <c r="AN9" s="280">
        <v>260</v>
      </c>
      <c r="AO9" s="280">
        <v>879</v>
      </c>
      <c r="AP9" s="280">
        <v>581</v>
      </c>
      <c r="AQ9" s="280">
        <v>549</v>
      </c>
      <c r="AR9" s="280">
        <v>213</v>
      </c>
      <c r="AS9" s="277">
        <v>2482</v>
      </c>
      <c r="AT9" s="282">
        <v>2947</v>
      </c>
      <c r="AU9" s="276">
        <v>0</v>
      </c>
      <c r="AV9" s="280">
        <v>0</v>
      </c>
      <c r="AW9" s="277">
        <v>0</v>
      </c>
      <c r="AX9" s="279">
        <v>0</v>
      </c>
      <c r="AY9" s="280">
        <v>12048</v>
      </c>
      <c r="AZ9" s="280">
        <v>15751</v>
      </c>
      <c r="BA9" s="280">
        <v>11770</v>
      </c>
      <c r="BB9" s="280">
        <v>6161</v>
      </c>
      <c r="BC9" s="280">
        <v>3022</v>
      </c>
      <c r="BD9" s="281">
        <v>48752</v>
      </c>
      <c r="BE9" s="282">
        <v>48752</v>
      </c>
      <c r="BF9" s="276">
        <v>0</v>
      </c>
      <c r="BG9" s="280">
        <v>0</v>
      </c>
      <c r="BH9" s="277">
        <v>0</v>
      </c>
      <c r="BI9" s="279">
        <v>0</v>
      </c>
      <c r="BJ9" s="280">
        <v>911</v>
      </c>
      <c r="BK9" s="280">
        <v>2620</v>
      </c>
      <c r="BL9" s="280">
        <v>1759</v>
      </c>
      <c r="BM9" s="280">
        <v>1094</v>
      </c>
      <c r="BN9" s="280">
        <v>404</v>
      </c>
      <c r="BO9" s="277">
        <v>6788</v>
      </c>
      <c r="BP9" s="282">
        <v>6788</v>
      </c>
      <c r="BQ9" s="276">
        <v>13</v>
      </c>
      <c r="BR9" s="280">
        <v>64</v>
      </c>
      <c r="BS9" s="277">
        <v>77</v>
      </c>
      <c r="BT9" s="279">
        <v>0</v>
      </c>
      <c r="BU9" s="280">
        <v>846</v>
      </c>
      <c r="BV9" s="280">
        <v>2083</v>
      </c>
      <c r="BW9" s="280">
        <v>4670</v>
      </c>
      <c r="BX9" s="280">
        <v>3641</v>
      </c>
      <c r="BY9" s="280">
        <v>1859</v>
      </c>
      <c r="BZ9" s="277">
        <v>13099</v>
      </c>
      <c r="CA9" s="282">
        <v>13176</v>
      </c>
      <c r="CB9" s="276">
        <v>0</v>
      </c>
      <c r="CC9" s="280">
        <v>0</v>
      </c>
      <c r="CD9" s="277">
        <v>0</v>
      </c>
      <c r="CE9" s="279">
        <v>0</v>
      </c>
      <c r="CF9" s="280">
        <v>13</v>
      </c>
      <c r="CG9" s="280">
        <v>74</v>
      </c>
      <c r="CH9" s="280">
        <v>67</v>
      </c>
      <c r="CI9" s="280">
        <v>42</v>
      </c>
      <c r="CJ9" s="280">
        <v>30</v>
      </c>
      <c r="CK9" s="277">
        <v>226</v>
      </c>
      <c r="CL9" s="282">
        <v>226</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4">
        <v>0</v>
      </c>
      <c r="F10" s="279">
        <v>0</v>
      </c>
      <c r="G10" s="280">
        <v>16321</v>
      </c>
      <c r="H10" s="280">
        <v>17487</v>
      </c>
      <c r="I10" s="280">
        <v>19960</v>
      </c>
      <c r="J10" s="280">
        <v>26821</v>
      </c>
      <c r="K10" s="280">
        <v>22333</v>
      </c>
      <c r="L10" s="281">
        <v>102922</v>
      </c>
      <c r="M10" s="282">
        <v>102922</v>
      </c>
      <c r="N10" s="276">
        <v>0</v>
      </c>
      <c r="O10" s="280">
        <v>0</v>
      </c>
      <c r="P10" s="277">
        <v>0</v>
      </c>
      <c r="Q10" s="279">
        <v>0</v>
      </c>
      <c r="R10" s="280">
        <v>57</v>
      </c>
      <c r="S10" s="280">
        <v>192</v>
      </c>
      <c r="T10" s="280">
        <v>284</v>
      </c>
      <c r="U10" s="280">
        <v>587</v>
      </c>
      <c r="V10" s="280">
        <v>825</v>
      </c>
      <c r="W10" s="277">
        <v>1945</v>
      </c>
      <c r="X10" s="282">
        <v>1945</v>
      </c>
      <c r="Y10" s="276">
        <v>105</v>
      </c>
      <c r="Z10" s="280">
        <v>119</v>
      </c>
      <c r="AA10" s="277">
        <v>224</v>
      </c>
      <c r="AB10" s="279">
        <v>0</v>
      </c>
      <c r="AC10" s="280">
        <v>3732</v>
      </c>
      <c r="AD10" s="280">
        <v>4185</v>
      </c>
      <c r="AE10" s="280">
        <v>2710</v>
      </c>
      <c r="AF10" s="280">
        <v>3361</v>
      </c>
      <c r="AG10" s="280">
        <v>2388</v>
      </c>
      <c r="AH10" s="277">
        <v>16376</v>
      </c>
      <c r="AI10" s="282">
        <v>16600</v>
      </c>
      <c r="AJ10" s="276">
        <v>28</v>
      </c>
      <c r="AK10" s="280">
        <v>71</v>
      </c>
      <c r="AL10" s="277">
        <v>99</v>
      </c>
      <c r="AM10" s="279">
        <v>0</v>
      </c>
      <c r="AN10" s="280">
        <v>635</v>
      </c>
      <c r="AO10" s="280">
        <v>807</v>
      </c>
      <c r="AP10" s="280">
        <v>734</v>
      </c>
      <c r="AQ10" s="280">
        <v>582</v>
      </c>
      <c r="AR10" s="280">
        <v>330</v>
      </c>
      <c r="AS10" s="277">
        <v>3088</v>
      </c>
      <c r="AT10" s="282">
        <v>3187</v>
      </c>
      <c r="AU10" s="276">
        <v>0</v>
      </c>
      <c r="AV10" s="280">
        <v>0</v>
      </c>
      <c r="AW10" s="277">
        <v>0</v>
      </c>
      <c r="AX10" s="279">
        <v>0</v>
      </c>
      <c r="AY10" s="280">
        <v>12795</v>
      </c>
      <c r="AZ10" s="280">
        <v>8515</v>
      </c>
      <c r="BA10" s="280">
        <v>4868</v>
      </c>
      <c r="BB10" s="280">
        <v>2904</v>
      </c>
      <c r="BC10" s="280">
        <v>1195</v>
      </c>
      <c r="BD10" s="281">
        <v>30277</v>
      </c>
      <c r="BE10" s="282">
        <v>30277</v>
      </c>
      <c r="BF10" s="276">
        <v>0</v>
      </c>
      <c r="BG10" s="280">
        <v>0</v>
      </c>
      <c r="BH10" s="277">
        <v>0</v>
      </c>
      <c r="BI10" s="279">
        <v>0</v>
      </c>
      <c r="BJ10" s="280">
        <v>1719</v>
      </c>
      <c r="BK10" s="280">
        <v>1567</v>
      </c>
      <c r="BL10" s="280">
        <v>973</v>
      </c>
      <c r="BM10" s="280">
        <v>557</v>
      </c>
      <c r="BN10" s="280">
        <v>150</v>
      </c>
      <c r="BO10" s="277">
        <v>4966</v>
      </c>
      <c r="BP10" s="282">
        <v>4966</v>
      </c>
      <c r="BQ10" s="276">
        <v>5</v>
      </c>
      <c r="BR10" s="280">
        <v>15</v>
      </c>
      <c r="BS10" s="277">
        <v>20</v>
      </c>
      <c r="BT10" s="279">
        <v>0</v>
      </c>
      <c r="BU10" s="280">
        <v>1476</v>
      </c>
      <c r="BV10" s="280">
        <v>2337</v>
      </c>
      <c r="BW10" s="280">
        <v>2611</v>
      </c>
      <c r="BX10" s="280">
        <v>2159</v>
      </c>
      <c r="BY10" s="280">
        <v>727</v>
      </c>
      <c r="BZ10" s="277">
        <v>9310</v>
      </c>
      <c r="CA10" s="282">
        <v>9330</v>
      </c>
      <c r="CB10" s="276">
        <v>0</v>
      </c>
      <c r="CC10" s="280">
        <v>0</v>
      </c>
      <c r="CD10" s="277">
        <v>0</v>
      </c>
      <c r="CE10" s="279">
        <v>0</v>
      </c>
      <c r="CF10" s="280">
        <v>68</v>
      </c>
      <c r="CG10" s="280">
        <v>98</v>
      </c>
      <c r="CH10" s="280">
        <v>181</v>
      </c>
      <c r="CI10" s="280">
        <v>155</v>
      </c>
      <c r="CJ10" s="280">
        <v>12</v>
      </c>
      <c r="CK10" s="277">
        <v>514</v>
      </c>
      <c r="CL10" s="282">
        <v>514</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4">
        <v>0</v>
      </c>
      <c r="F11" s="279">
        <v>0</v>
      </c>
      <c r="G11" s="280">
        <v>5707</v>
      </c>
      <c r="H11" s="280">
        <v>11835</v>
      </c>
      <c r="I11" s="280">
        <v>13262</v>
      </c>
      <c r="J11" s="280">
        <v>14719</v>
      </c>
      <c r="K11" s="280">
        <v>12557</v>
      </c>
      <c r="L11" s="281">
        <v>58080</v>
      </c>
      <c r="M11" s="282">
        <v>58080</v>
      </c>
      <c r="N11" s="276">
        <v>0</v>
      </c>
      <c r="O11" s="280">
        <v>0</v>
      </c>
      <c r="P11" s="277">
        <v>0</v>
      </c>
      <c r="Q11" s="279">
        <v>0</v>
      </c>
      <c r="R11" s="280">
        <v>23</v>
      </c>
      <c r="S11" s="280">
        <v>75</v>
      </c>
      <c r="T11" s="280">
        <v>113</v>
      </c>
      <c r="U11" s="280">
        <v>238</v>
      </c>
      <c r="V11" s="280">
        <v>505</v>
      </c>
      <c r="W11" s="277">
        <v>954</v>
      </c>
      <c r="X11" s="282">
        <v>954</v>
      </c>
      <c r="Y11" s="276">
        <v>185</v>
      </c>
      <c r="Z11" s="280">
        <v>305</v>
      </c>
      <c r="AA11" s="277">
        <v>490</v>
      </c>
      <c r="AB11" s="279">
        <v>0</v>
      </c>
      <c r="AC11" s="280">
        <v>1597</v>
      </c>
      <c r="AD11" s="280">
        <v>2549</v>
      </c>
      <c r="AE11" s="280">
        <v>1653</v>
      </c>
      <c r="AF11" s="280">
        <v>1608</v>
      </c>
      <c r="AG11" s="280">
        <v>1434</v>
      </c>
      <c r="AH11" s="277">
        <v>8841</v>
      </c>
      <c r="AI11" s="282">
        <v>9331</v>
      </c>
      <c r="AJ11" s="276">
        <v>63</v>
      </c>
      <c r="AK11" s="280">
        <v>152</v>
      </c>
      <c r="AL11" s="277">
        <v>215</v>
      </c>
      <c r="AM11" s="279">
        <v>0</v>
      </c>
      <c r="AN11" s="280">
        <v>640</v>
      </c>
      <c r="AO11" s="280">
        <v>845</v>
      </c>
      <c r="AP11" s="280">
        <v>626</v>
      </c>
      <c r="AQ11" s="280">
        <v>541</v>
      </c>
      <c r="AR11" s="280">
        <v>303</v>
      </c>
      <c r="AS11" s="277">
        <v>2955</v>
      </c>
      <c r="AT11" s="282">
        <v>3170</v>
      </c>
      <c r="AU11" s="276">
        <v>0</v>
      </c>
      <c r="AV11" s="280">
        <v>0</v>
      </c>
      <c r="AW11" s="277">
        <v>0</v>
      </c>
      <c r="AX11" s="279">
        <v>0</v>
      </c>
      <c r="AY11" s="280">
        <v>4823</v>
      </c>
      <c r="AZ11" s="280">
        <v>5781</v>
      </c>
      <c r="BA11" s="280">
        <v>3634</v>
      </c>
      <c r="BB11" s="280">
        <v>2149</v>
      </c>
      <c r="BC11" s="280">
        <v>1216</v>
      </c>
      <c r="BD11" s="281">
        <v>17603</v>
      </c>
      <c r="BE11" s="282">
        <v>17603</v>
      </c>
      <c r="BF11" s="276">
        <v>0</v>
      </c>
      <c r="BG11" s="280">
        <v>0</v>
      </c>
      <c r="BH11" s="277">
        <v>0</v>
      </c>
      <c r="BI11" s="279">
        <v>0</v>
      </c>
      <c r="BJ11" s="280">
        <v>771</v>
      </c>
      <c r="BK11" s="280">
        <v>1152</v>
      </c>
      <c r="BL11" s="280">
        <v>708</v>
      </c>
      <c r="BM11" s="280">
        <v>433</v>
      </c>
      <c r="BN11" s="280">
        <v>130</v>
      </c>
      <c r="BO11" s="277">
        <v>3194</v>
      </c>
      <c r="BP11" s="282">
        <v>3194</v>
      </c>
      <c r="BQ11" s="276">
        <v>14</v>
      </c>
      <c r="BR11" s="280">
        <v>28</v>
      </c>
      <c r="BS11" s="277">
        <v>42</v>
      </c>
      <c r="BT11" s="279">
        <v>0</v>
      </c>
      <c r="BU11" s="280">
        <v>547</v>
      </c>
      <c r="BV11" s="280">
        <v>1163</v>
      </c>
      <c r="BW11" s="280">
        <v>2487</v>
      </c>
      <c r="BX11" s="280">
        <v>1402</v>
      </c>
      <c r="BY11" s="280">
        <v>542</v>
      </c>
      <c r="BZ11" s="277">
        <v>6141</v>
      </c>
      <c r="CA11" s="282">
        <v>6183</v>
      </c>
      <c r="CB11" s="276">
        <v>0</v>
      </c>
      <c r="CC11" s="280">
        <v>0</v>
      </c>
      <c r="CD11" s="277">
        <v>0</v>
      </c>
      <c r="CE11" s="279">
        <v>0</v>
      </c>
      <c r="CF11" s="280">
        <v>5</v>
      </c>
      <c r="CG11" s="280">
        <v>35</v>
      </c>
      <c r="CH11" s="280">
        <v>20</v>
      </c>
      <c r="CI11" s="280">
        <v>33</v>
      </c>
      <c r="CJ11" s="280">
        <v>0</v>
      </c>
      <c r="CK11" s="277">
        <v>93</v>
      </c>
      <c r="CL11" s="282">
        <v>93</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4">
        <v>0</v>
      </c>
      <c r="F12" s="279">
        <v>0</v>
      </c>
      <c r="G12" s="280">
        <v>5908</v>
      </c>
      <c r="H12" s="280">
        <v>7784</v>
      </c>
      <c r="I12" s="280">
        <v>9579</v>
      </c>
      <c r="J12" s="280">
        <v>13704</v>
      </c>
      <c r="K12" s="280">
        <v>14588</v>
      </c>
      <c r="L12" s="281">
        <v>51563</v>
      </c>
      <c r="M12" s="282">
        <v>51563</v>
      </c>
      <c r="N12" s="276">
        <v>0</v>
      </c>
      <c r="O12" s="280">
        <v>0</v>
      </c>
      <c r="P12" s="277">
        <v>0</v>
      </c>
      <c r="Q12" s="279">
        <v>0</v>
      </c>
      <c r="R12" s="280">
        <v>18</v>
      </c>
      <c r="S12" s="280">
        <v>24</v>
      </c>
      <c r="T12" s="280">
        <v>94</v>
      </c>
      <c r="U12" s="280">
        <v>242</v>
      </c>
      <c r="V12" s="280">
        <v>463</v>
      </c>
      <c r="W12" s="277">
        <v>841</v>
      </c>
      <c r="X12" s="282">
        <v>841</v>
      </c>
      <c r="Y12" s="276">
        <v>226</v>
      </c>
      <c r="Z12" s="280">
        <v>483</v>
      </c>
      <c r="AA12" s="277">
        <v>709</v>
      </c>
      <c r="AB12" s="279">
        <v>0</v>
      </c>
      <c r="AC12" s="280">
        <v>2828</v>
      </c>
      <c r="AD12" s="280">
        <v>2796</v>
      </c>
      <c r="AE12" s="280">
        <v>2085</v>
      </c>
      <c r="AF12" s="280">
        <v>2462</v>
      </c>
      <c r="AG12" s="280">
        <v>1984</v>
      </c>
      <c r="AH12" s="277">
        <v>12155</v>
      </c>
      <c r="AI12" s="282">
        <v>12864</v>
      </c>
      <c r="AJ12" s="276">
        <v>22</v>
      </c>
      <c r="AK12" s="280">
        <v>126</v>
      </c>
      <c r="AL12" s="277">
        <v>148</v>
      </c>
      <c r="AM12" s="279">
        <v>0</v>
      </c>
      <c r="AN12" s="280">
        <v>554</v>
      </c>
      <c r="AO12" s="280">
        <v>672</v>
      </c>
      <c r="AP12" s="280">
        <v>557</v>
      </c>
      <c r="AQ12" s="280">
        <v>439</v>
      </c>
      <c r="AR12" s="280">
        <v>405</v>
      </c>
      <c r="AS12" s="277">
        <v>2627</v>
      </c>
      <c r="AT12" s="282">
        <v>2775</v>
      </c>
      <c r="AU12" s="276">
        <v>0</v>
      </c>
      <c r="AV12" s="280">
        <v>0</v>
      </c>
      <c r="AW12" s="277">
        <v>0</v>
      </c>
      <c r="AX12" s="279">
        <v>0</v>
      </c>
      <c r="AY12" s="280">
        <v>4269</v>
      </c>
      <c r="AZ12" s="280">
        <v>3235</v>
      </c>
      <c r="BA12" s="280">
        <v>2291</v>
      </c>
      <c r="BB12" s="280">
        <v>1312</v>
      </c>
      <c r="BC12" s="280">
        <v>383</v>
      </c>
      <c r="BD12" s="281">
        <v>11490</v>
      </c>
      <c r="BE12" s="282">
        <v>11490</v>
      </c>
      <c r="BF12" s="276">
        <v>0</v>
      </c>
      <c r="BG12" s="280">
        <v>0</v>
      </c>
      <c r="BH12" s="277">
        <v>0</v>
      </c>
      <c r="BI12" s="279">
        <v>0</v>
      </c>
      <c r="BJ12" s="280">
        <v>793</v>
      </c>
      <c r="BK12" s="280">
        <v>896</v>
      </c>
      <c r="BL12" s="280">
        <v>573</v>
      </c>
      <c r="BM12" s="280">
        <v>381</v>
      </c>
      <c r="BN12" s="280">
        <v>130</v>
      </c>
      <c r="BO12" s="277">
        <v>2773</v>
      </c>
      <c r="BP12" s="282">
        <v>2773</v>
      </c>
      <c r="BQ12" s="276">
        <v>9</v>
      </c>
      <c r="BR12" s="280">
        <v>20</v>
      </c>
      <c r="BS12" s="277">
        <v>29</v>
      </c>
      <c r="BT12" s="279">
        <v>0</v>
      </c>
      <c r="BU12" s="280">
        <v>522</v>
      </c>
      <c r="BV12" s="280">
        <v>958</v>
      </c>
      <c r="BW12" s="280">
        <v>1473</v>
      </c>
      <c r="BX12" s="280">
        <v>1132</v>
      </c>
      <c r="BY12" s="280">
        <v>589</v>
      </c>
      <c r="BZ12" s="277">
        <v>4674</v>
      </c>
      <c r="CA12" s="282">
        <v>4703</v>
      </c>
      <c r="CB12" s="276">
        <v>0</v>
      </c>
      <c r="CC12" s="280">
        <v>0</v>
      </c>
      <c r="CD12" s="277">
        <v>0</v>
      </c>
      <c r="CE12" s="279">
        <v>0</v>
      </c>
      <c r="CF12" s="280">
        <v>28</v>
      </c>
      <c r="CG12" s="280">
        <v>66</v>
      </c>
      <c r="CH12" s="280">
        <v>161</v>
      </c>
      <c r="CI12" s="280">
        <v>86</v>
      </c>
      <c r="CJ12" s="280">
        <v>106</v>
      </c>
      <c r="CK12" s="277">
        <v>447</v>
      </c>
      <c r="CL12" s="282">
        <v>447</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4">
        <v>0</v>
      </c>
      <c r="F13" s="279">
        <v>0</v>
      </c>
      <c r="G13" s="280">
        <v>15511</v>
      </c>
      <c r="H13" s="280">
        <v>15199</v>
      </c>
      <c r="I13" s="280">
        <v>19287</v>
      </c>
      <c r="J13" s="280">
        <v>25265</v>
      </c>
      <c r="K13" s="280">
        <v>21503</v>
      </c>
      <c r="L13" s="281">
        <v>96765</v>
      </c>
      <c r="M13" s="282">
        <v>96765</v>
      </c>
      <c r="N13" s="276">
        <v>0</v>
      </c>
      <c r="O13" s="280">
        <v>4</v>
      </c>
      <c r="P13" s="277">
        <v>4</v>
      </c>
      <c r="Q13" s="279">
        <v>0</v>
      </c>
      <c r="R13" s="280">
        <v>52</v>
      </c>
      <c r="S13" s="280">
        <v>96</v>
      </c>
      <c r="T13" s="280">
        <v>154</v>
      </c>
      <c r="U13" s="280">
        <v>411</v>
      </c>
      <c r="V13" s="280">
        <v>778</v>
      </c>
      <c r="W13" s="277">
        <v>1491</v>
      </c>
      <c r="X13" s="282">
        <v>1495</v>
      </c>
      <c r="Y13" s="276">
        <v>864</v>
      </c>
      <c r="Z13" s="280">
        <v>1970</v>
      </c>
      <c r="AA13" s="277">
        <v>2834</v>
      </c>
      <c r="AB13" s="279">
        <v>0</v>
      </c>
      <c r="AC13" s="280">
        <v>6409</v>
      </c>
      <c r="AD13" s="280">
        <v>5265</v>
      </c>
      <c r="AE13" s="280">
        <v>3009</v>
      </c>
      <c r="AF13" s="280">
        <v>3041</v>
      </c>
      <c r="AG13" s="280">
        <v>2851</v>
      </c>
      <c r="AH13" s="277">
        <v>20575</v>
      </c>
      <c r="AI13" s="282">
        <v>23409</v>
      </c>
      <c r="AJ13" s="276">
        <v>192</v>
      </c>
      <c r="AK13" s="280">
        <v>419</v>
      </c>
      <c r="AL13" s="277">
        <v>611</v>
      </c>
      <c r="AM13" s="279">
        <v>0</v>
      </c>
      <c r="AN13" s="280">
        <v>1245</v>
      </c>
      <c r="AO13" s="280">
        <v>1093</v>
      </c>
      <c r="AP13" s="280">
        <v>631</v>
      </c>
      <c r="AQ13" s="280">
        <v>447</v>
      </c>
      <c r="AR13" s="280">
        <v>518</v>
      </c>
      <c r="AS13" s="277">
        <v>3934</v>
      </c>
      <c r="AT13" s="282">
        <v>4545</v>
      </c>
      <c r="AU13" s="276">
        <v>0</v>
      </c>
      <c r="AV13" s="280">
        <v>0</v>
      </c>
      <c r="AW13" s="277">
        <v>0</v>
      </c>
      <c r="AX13" s="279">
        <v>0</v>
      </c>
      <c r="AY13" s="280">
        <v>12013</v>
      </c>
      <c r="AZ13" s="280">
        <v>7534</v>
      </c>
      <c r="BA13" s="280">
        <v>4911</v>
      </c>
      <c r="BB13" s="280">
        <v>3149</v>
      </c>
      <c r="BC13" s="280">
        <v>1185</v>
      </c>
      <c r="BD13" s="281">
        <v>28792</v>
      </c>
      <c r="BE13" s="282">
        <v>28792</v>
      </c>
      <c r="BF13" s="276">
        <v>0</v>
      </c>
      <c r="BG13" s="280">
        <v>0</v>
      </c>
      <c r="BH13" s="277">
        <v>0</v>
      </c>
      <c r="BI13" s="279">
        <v>0</v>
      </c>
      <c r="BJ13" s="280">
        <v>1688</v>
      </c>
      <c r="BK13" s="280">
        <v>1302</v>
      </c>
      <c r="BL13" s="280">
        <v>634</v>
      </c>
      <c r="BM13" s="280">
        <v>438</v>
      </c>
      <c r="BN13" s="280">
        <v>114</v>
      </c>
      <c r="BO13" s="277">
        <v>4176</v>
      </c>
      <c r="BP13" s="282">
        <v>4176</v>
      </c>
      <c r="BQ13" s="276">
        <v>11</v>
      </c>
      <c r="BR13" s="280">
        <v>126</v>
      </c>
      <c r="BS13" s="277">
        <v>137</v>
      </c>
      <c r="BT13" s="279">
        <v>0</v>
      </c>
      <c r="BU13" s="280">
        <v>1117</v>
      </c>
      <c r="BV13" s="280">
        <v>1357</v>
      </c>
      <c r="BW13" s="280">
        <v>2178</v>
      </c>
      <c r="BX13" s="280">
        <v>1963</v>
      </c>
      <c r="BY13" s="280">
        <v>894</v>
      </c>
      <c r="BZ13" s="277">
        <v>7509</v>
      </c>
      <c r="CA13" s="282">
        <v>7646</v>
      </c>
      <c r="CB13" s="276">
        <v>0</v>
      </c>
      <c r="CC13" s="280">
        <v>8</v>
      </c>
      <c r="CD13" s="277">
        <v>8</v>
      </c>
      <c r="CE13" s="279">
        <v>0</v>
      </c>
      <c r="CF13" s="280">
        <v>53</v>
      </c>
      <c r="CG13" s="280">
        <v>90</v>
      </c>
      <c r="CH13" s="280">
        <v>50</v>
      </c>
      <c r="CI13" s="280">
        <v>88</v>
      </c>
      <c r="CJ13" s="280">
        <v>38</v>
      </c>
      <c r="CK13" s="277">
        <v>319</v>
      </c>
      <c r="CL13" s="282">
        <v>327</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4">
        <v>0</v>
      </c>
      <c r="F14" s="279">
        <v>0</v>
      </c>
      <c r="G14" s="280">
        <v>4677</v>
      </c>
      <c r="H14" s="280">
        <v>7199</v>
      </c>
      <c r="I14" s="280">
        <v>7869</v>
      </c>
      <c r="J14" s="280">
        <v>9693</v>
      </c>
      <c r="K14" s="280">
        <v>8337</v>
      </c>
      <c r="L14" s="281">
        <v>37775</v>
      </c>
      <c r="M14" s="282">
        <v>37775</v>
      </c>
      <c r="N14" s="276">
        <v>0</v>
      </c>
      <c r="O14" s="280">
        <v>4</v>
      </c>
      <c r="P14" s="277">
        <v>4</v>
      </c>
      <c r="Q14" s="279">
        <v>0</v>
      </c>
      <c r="R14" s="280">
        <v>13</v>
      </c>
      <c r="S14" s="280">
        <v>57</v>
      </c>
      <c r="T14" s="280">
        <v>113</v>
      </c>
      <c r="U14" s="280">
        <v>236</v>
      </c>
      <c r="V14" s="280">
        <v>320</v>
      </c>
      <c r="W14" s="277">
        <v>739</v>
      </c>
      <c r="X14" s="282">
        <v>743</v>
      </c>
      <c r="Y14" s="276">
        <v>182</v>
      </c>
      <c r="Z14" s="280">
        <v>342</v>
      </c>
      <c r="AA14" s="277">
        <v>524</v>
      </c>
      <c r="AB14" s="279">
        <v>0</v>
      </c>
      <c r="AC14" s="280">
        <v>2484</v>
      </c>
      <c r="AD14" s="280">
        <v>2014</v>
      </c>
      <c r="AE14" s="280">
        <v>1490</v>
      </c>
      <c r="AF14" s="280">
        <v>1491</v>
      </c>
      <c r="AG14" s="280">
        <v>1277</v>
      </c>
      <c r="AH14" s="277">
        <v>8756</v>
      </c>
      <c r="AI14" s="282">
        <v>9280</v>
      </c>
      <c r="AJ14" s="276">
        <v>20</v>
      </c>
      <c r="AK14" s="280">
        <v>69</v>
      </c>
      <c r="AL14" s="277">
        <v>89</v>
      </c>
      <c r="AM14" s="279">
        <v>0</v>
      </c>
      <c r="AN14" s="280">
        <v>347</v>
      </c>
      <c r="AO14" s="280">
        <v>339</v>
      </c>
      <c r="AP14" s="280">
        <v>340</v>
      </c>
      <c r="AQ14" s="280">
        <v>318</v>
      </c>
      <c r="AR14" s="280">
        <v>75</v>
      </c>
      <c r="AS14" s="277">
        <v>1419</v>
      </c>
      <c r="AT14" s="282">
        <v>1508</v>
      </c>
      <c r="AU14" s="276">
        <v>0</v>
      </c>
      <c r="AV14" s="280">
        <v>0</v>
      </c>
      <c r="AW14" s="277">
        <v>0</v>
      </c>
      <c r="AX14" s="279">
        <v>0</v>
      </c>
      <c r="AY14" s="280">
        <v>5782</v>
      </c>
      <c r="AZ14" s="280">
        <v>3996</v>
      </c>
      <c r="BA14" s="280">
        <v>2667</v>
      </c>
      <c r="BB14" s="280">
        <v>1941</v>
      </c>
      <c r="BC14" s="280">
        <v>851</v>
      </c>
      <c r="BD14" s="281">
        <v>15237</v>
      </c>
      <c r="BE14" s="282">
        <v>15237</v>
      </c>
      <c r="BF14" s="276">
        <v>0</v>
      </c>
      <c r="BG14" s="280">
        <v>0</v>
      </c>
      <c r="BH14" s="277">
        <v>0</v>
      </c>
      <c r="BI14" s="279">
        <v>0</v>
      </c>
      <c r="BJ14" s="280">
        <v>1334</v>
      </c>
      <c r="BK14" s="280">
        <v>976</v>
      </c>
      <c r="BL14" s="280">
        <v>676</v>
      </c>
      <c r="BM14" s="280">
        <v>401</v>
      </c>
      <c r="BN14" s="280">
        <v>134</v>
      </c>
      <c r="BO14" s="277">
        <v>3521</v>
      </c>
      <c r="BP14" s="282">
        <v>3521</v>
      </c>
      <c r="BQ14" s="276">
        <v>29</v>
      </c>
      <c r="BR14" s="280">
        <v>29</v>
      </c>
      <c r="BS14" s="277">
        <v>58</v>
      </c>
      <c r="BT14" s="279">
        <v>0</v>
      </c>
      <c r="BU14" s="280">
        <v>590</v>
      </c>
      <c r="BV14" s="280">
        <v>878</v>
      </c>
      <c r="BW14" s="280">
        <v>1054</v>
      </c>
      <c r="BX14" s="280">
        <v>874</v>
      </c>
      <c r="BY14" s="280">
        <v>435</v>
      </c>
      <c r="BZ14" s="277">
        <v>3831</v>
      </c>
      <c r="CA14" s="282">
        <v>3889</v>
      </c>
      <c r="CB14" s="276">
        <v>0</v>
      </c>
      <c r="CC14" s="280">
        <v>0</v>
      </c>
      <c r="CD14" s="277">
        <v>0</v>
      </c>
      <c r="CE14" s="279">
        <v>0</v>
      </c>
      <c r="CF14" s="280">
        <v>14</v>
      </c>
      <c r="CG14" s="280">
        <v>56</v>
      </c>
      <c r="CH14" s="280">
        <v>60</v>
      </c>
      <c r="CI14" s="280">
        <v>58</v>
      </c>
      <c r="CJ14" s="280">
        <v>81</v>
      </c>
      <c r="CK14" s="277">
        <v>269</v>
      </c>
      <c r="CL14" s="282">
        <v>269</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4">
        <v>0</v>
      </c>
      <c r="F15" s="279">
        <v>0</v>
      </c>
      <c r="G15" s="280">
        <v>5891</v>
      </c>
      <c r="H15" s="280">
        <v>7647</v>
      </c>
      <c r="I15" s="280">
        <v>8527</v>
      </c>
      <c r="J15" s="280">
        <v>12787</v>
      </c>
      <c r="K15" s="280">
        <v>11371</v>
      </c>
      <c r="L15" s="281">
        <v>46223</v>
      </c>
      <c r="M15" s="282">
        <v>46223</v>
      </c>
      <c r="N15" s="276">
        <v>0</v>
      </c>
      <c r="O15" s="280">
        <v>18</v>
      </c>
      <c r="P15" s="277">
        <v>18</v>
      </c>
      <c r="Q15" s="279">
        <v>0</v>
      </c>
      <c r="R15" s="280">
        <v>18</v>
      </c>
      <c r="S15" s="280">
        <v>68</v>
      </c>
      <c r="T15" s="280">
        <v>87</v>
      </c>
      <c r="U15" s="280">
        <v>289</v>
      </c>
      <c r="V15" s="280">
        <v>343</v>
      </c>
      <c r="W15" s="277">
        <v>805</v>
      </c>
      <c r="X15" s="282">
        <v>823</v>
      </c>
      <c r="Y15" s="276">
        <v>437</v>
      </c>
      <c r="Z15" s="280">
        <v>1312</v>
      </c>
      <c r="AA15" s="277">
        <v>1749</v>
      </c>
      <c r="AB15" s="279">
        <v>0</v>
      </c>
      <c r="AC15" s="280">
        <v>1795</v>
      </c>
      <c r="AD15" s="280">
        <v>2530</v>
      </c>
      <c r="AE15" s="280">
        <v>1862</v>
      </c>
      <c r="AF15" s="280">
        <v>1599</v>
      </c>
      <c r="AG15" s="280">
        <v>1359</v>
      </c>
      <c r="AH15" s="277">
        <v>9145</v>
      </c>
      <c r="AI15" s="282">
        <v>10894</v>
      </c>
      <c r="AJ15" s="276">
        <v>51</v>
      </c>
      <c r="AK15" s="280">
        <v>214</v>
      </c>
      <c r="AL15" s="277">
        <v>265</v>
      </c>
      <c r="AM15" s="279">
        <v>0</v>
      </c>
      <c r="AN15" s="280">
        <v>207</v>
      </c>
      <c r="AO15" s="280">
        <v>432</v>
      </c>
      <c r="AP15" s="280">
        <v>298</v>
      </c>
      <c r="AQ15" s="280">
        <v>238</v>
      </c>
      <c r="AR15" s="280">
        <v>215</v>
      </c>
      <c r="AS15" s="277">
        <v>1390</v>
      </c>
      <c r="AT15" s="282">
        <v>1655</v>
      </c>
      <c r="AU15" s="276">
        <v>0</v>
      </c>
      <c r="AV15" s="280">
        <v>0</v>
      </c>
      <c r="AW15" s="277">
        <v>0</v>
      </c>
      <c r="AX15" s="279">
        <v>0</v>
      </c>
      <c r="AY15" s="280">
        <v>5190</v>
      </c>
      <c r="AZ15" s="280">
        <v>4209</v>
      </c>
      <c r="BA15" s="280">
        <v>2659</v>
      </c>
      <c r="BB15" s="280">
        <v>2195</v>
      </c>
      <c r="BC15" s="280">
        <v>895</v>
      </c>
      <c r="BD15" s="281">
        <v>15148</v>
      </c>
      <c r="BE15" s="282">
        <v>15148</v>
      </c>
      <c r="BF15" s="276">
        <v>0</v>
      </c>
      <c r="BG15" s="280">
        <v>0</v>
      </c>
      <c r="BH15" s="277">
        <v>0</v>
      </c>
      <c r="BI15" s="279">
        <v>0</v>
      </c>
      <c r="BJ15" s="280">
        <v>830</v>
      </c>
      <c r="BK15" s="280">
        <v>1251</v>
      </c>
      <c r="BL15" s="280">
        <v>856</v>
      </c>
      <c r="BM15" s="280">
        <v>552</v>
      </c>
      <c r="BN15" s="280">
        <v>232</v>
      </c>
      <c r="BO15" s="277">
        <v>3721</v>
      </c>
      <c r="BP15" s="282">
        <v>3721</v>
      </c>
      <c r="BQ15" s="276">
        <v>7</v>
      </c>
      <c r="BR15" s="280">
        <v>52</v>
      </c>
      <c r="BS15" s="277">
        <v>59</v>
      </c>
      <c r="BT15" s="279">
        <v>0</v>
      </c>
      <c r="BU15" s="280">
        <v>612</v>
      </c>
      <c r="BV15" s="280">
        <v>614</v>
      </c>
      <c r="BW15" s="280">
        <v>1385</v>
      </c>
      <c r="BX15" s="280">
        <v>1086</v>
      </c>
      <c r="BY15" s="280">
        <v>643</v>
      </c>
      <c r="BZ15" s="277">
        <v>4340</v>
      </c>
      <c r="CA15" s="282">
        <v>4399</v>
      </c>
      <c r="CB15" s="276">
        <v>0</v>
      </c>
      <c r="CC15" s="280">
        <v>0</v>
      </c>
      <c r="CD15" s="277">
        <v>0</v>
      </c>
      <c r="CE15" s="279">
        <v>0</v>
      </c>
      <c r="CF15" s="280">
        <v>9</v>
      </c>
      <c r="CG15" s="280">
        <v>55</v>
      </c>
      <c r="CH15" s="280">
        <v>10</v>
      </c>
      <c r="CI15" s="280">
        <v>48</v>
      </c>
      <c r="CJ15" s="280">
        <v>0</v>
      </c>
      <c r="CK15" s="277">
        <v>122</v>
      </c>
      <c r="CL15" s="282">
        <v>122</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4">
        <v>0</v>
      </c>
      <c r="F16" s="279">
        <v>0</v>
      </c>
      <c r="G16" s="280">
        <v>1973</v>
      </c>
      <c r="H16" s="280">
        <v>3438</v>
      </c>
      <c r="I16" s="280">
        <v>3539</v>
      </c>
      <c r="J16" s="280">
        <v>4628</v>
      </c>
      <c r="K16" s="280">
        <v>5322</v>
      </c>
      <c r="L16" s="281">
        <v>18900</v>
      </c>
      <c r="M16" s="282">
        <v>18900</v>
      </c>
      <c r="N16" s="276">
        <v>0</v>
      </c>
      <c r="O16" s="280">
        <v>0</v>
      </c>
      <c r="P16" s="277">
        <v>0</v>
      </c>
      <c r="Q16" s="279">
        <v>0</v>
      </c>
      <c r="R16" s="280">
        <v>3</v>
      </c>
      <c r="S16" s="280">
        <v>7</v>
      </c>
      <c r="T16" s="280">
        <v>24</v>
      </c>
      <c r="U16" s="280">
        <v>55</v>
      </c>
      <c r="V16" s="280">
        <v>168</v>
      </c>
      <c r="W16" s="277">
        <v>257</v>
      </c>
      <c r="X16" s="282">
        <v>257</v>
      </c>
      <c r="Y16" s="276">
        <v>57</v>
      </c>
      <c r="Z16" s="280">
        <v>165</v>
      </c>
      <c r="AA16" s="277">
        <v>222</v>
      </c>
      <c r="AB16" s="279">
        <v>0</v>
      </c>
      <c r="AC16" s="280">
        <v>1045</v>
      </c>
      <c r="AD16" s="280">
        <v>1182</v>
      </c>
      <c r="AE16" s="280">
        <v>774</v>
      </c>
      <c r="AF16" s="280">
        <v>913</v>
      </c>
      <c r="AG16" s="280">
        <v>682</v>
      </c>
      <c r="AH16" s="277">
        <v>4596</v>
      </c>
      <c r="AI16" s="282">
        <v>4818</v>
      </c>
      <c r="AJ16" s="276">
        <v>17</v>
      </c>
      <c r="AK16" s="280">
        <v>73</v>
      </c>
      <c r="AL16" s="277">
        <v>90</v>
      </c>
      <c r="AM16" s="279">
        <v>0</v>
      </c>
      <c r="AN16" s="280">
        <v>176</v>
      </c>
      <c r="AO16" s="280">
        <v>190</v>
      </c>
      <c r="AP16" s="280">
        <v>102</v>
      </c>
      <c r="AQ16" s="280">
        <v>138</v>
      </c>
      <c r="AR16" s="280">
        <v>101</v>
      </c>
      <c r="AS16" s="277">
        <v>707</v>
      </c>
      <c r="AT16" s="282">
        <v>797</v>
      </c>
      <c r="AU16" s="276">
        <v>0</v>
      </c>
      <c r="AV16" s="280">
        <v>0</v>
      </c>
      <c r="AW16" s="277">
        <v>0</v>
      </c>
      <c r="AX16" s="279">
        <v>0</v>
      </c>
      <c r="AY16" s="280">
        <v>1319</v>
      </c>
      <c r="AZ16" s="280">
        <v>1415</v>
      </c>
      <c r="BA16" s="280">
        <v>950</v>
      </c>
      <c r="BB16" s="280">
        <v>567</v>
      </c>
      <c r="BC16" s="280">
        <v>233</v>
      </c>
      <c r="BD16" s="281">
        <v>4484</v>
      </c>
      <c r="BE16" s="282">
        <v>4484</v>
      </c>
      <c r="BF16" s="276">
        <v>0</v>
      </c>
      <c r="BG16" s="280">
        <v>0</v>
      </c>
      <c r="BH16" s="277">
        <v>0</v>
      </c>
      <c r="BI16" s="279">
        <v>0</v>
      </c>
      <c r="BJ16" s="280">
        <v>168</v>
      </c>
      <c r="BK16" s="280">
        <v>245</v>
      </c>
      <c r="BL16" s="280">
        <v>122</v>
      </c>
      <c r="BM16" s="280">
        <v>193</v>
      </c>
      <c r="BN16" s="280">
        <v>64</v>
      </c>
      <c r="BO16" s="277">
        <v>792</v>
      </c>
      <c r="BP16" s="282">
        <v>792</v>
      </c>
      <c r="BQ16" s="276">
        <v>0</v>
      </c>
      <c r="BR16" s="280">
        <v>6</v>
      </c>
      <c r="BS16" s="277">
        <v>6</v>
      </c>
      <c r="BT16" s="279">
        <v>0</v>
      </c>
      <c r="BU16" s="280">
        <v>99</v>
      </c>
      <c r="BV16" s="280">
        <v>178</v>
      </c>
      <c r="BW16" s="280">
        <v>517</v>
      </c>
      <c r="BX16" s="280">
        <v>424</v>
      </c>
      <c r="BY16" s="280">
        <v>197</v>
      </c>
      <c r="BZ16" s="277">
        <v>1415</v>
      </c>
      <c r="CA16" s="282">
        <v>1421</v>
      </c>
      <c r="CB16" s="276">
        <v>0</v>
      </c>
      <c r="CC16" s="280">
        <v>0</v>
      </c>
      <c r="CD16" s="277">
        <v>0</v>
      </c>
      <c r="CE16" s="279">
        <v>0</v>
      </c>
      <c r="CF16" s="280">
        <v>6</v>
      </c>
      <c r="CG16" s="280">
        <v>35</v>
      </c>
      <c r="CH16" s="280">
        <v>43</v>
      </c>
      <c r="CI16" s="280">
        <v>76</v>
      </c>
      <c r="CJ16" s="280">
        <v>15</v>
      </c>
      <c r="CK16" s="277">
        <v>175</v>
      </c>
      <c r="CL16" s="282">
        <v>175</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4">
        <v>0</v>
      </c>
      <c r="F17" s="279">
        <v>0</v>
      </c>
      <c r="G17" s="280">
        <v>1061</v>
      </c>
      <c r="H17" s="280">
        <v>2248</v>
      </c>
      <c r="I17" s="280">
        <v>1709</v>
      </c>
      <c r="J17" s="280">
        <v>1810</v>
      </c>
      <c r="K17" s="280">
        <v>2231</v>
      </c>
      <c r="L17" s="281">
        <v>9059</v>
      </c>
      <c r="M17" s="282">
        <v>9059</v>
      </c>
      <c r="N17" s="276">
        <v>0</v>
      </c>
      <c r="O17" s="280">
        <v>0</v>
      </c>
      <c r="P17" s="277">
        <v>0</v>
      </c>
      <c r="Q17" s="279">
        <v>0</v>
      </c>
      <c r="R17" s="280">
        <v>0</v>
      </c>
      <c r="S17" s="280">
        <v>2</v>
      </c>
      <c r="T17" s="280">
        <v>49</v>
      </c>
      <c r="U17" s="280">
        <v>79</v>
      </c>
      <c r="V17" s="280">
        <v>96</v>
      </c>
      <c r="W17" s="277">
        <v>226</v>
      </c>
      <c r="X17" s="282">
        <v>226</v>
      </c>
      <c r="Y17" s="276">
        <v>2</v>
      </c>
      <c r="Z17" s="280">
        <v>109</v>
      </c>
      <c r="AA17" s="277">
        <v>111</v>
      </c>
      <c r="AB17" s="279">
        <v>0</v>
      </c>
      <c r="AC17" s="280">
        <v>310</v>
      </c>
      <c r="AD17" s="280">
        <v>487</v>
      </c>
      <c r="AE17" s="280">
        <v>294</v>
      </c>
      <c r="AF17" s="280">
        <v>268</v>
      </c>
      <c r="AG17" s="280">
        <v>353</v>
      </c>
      <c r="AH17" s="277">
        <v>1712</v>
      </c>
      <c r="AI17" s="282">
        <v>1823</v>
      </c>
      <c r="AJ17" s="276">
        <v>0</v>
      </c>
      <c r="AK17" s="280">
        <v>0</v>
      </c>
      <c r="AL17" s="277">
        <v>0</v>
      </c>
      <c r="AM17" s="279">
        <v>0</v>
      </c>
      <c r="AN17" s="280">
        <v>73</v>
      </c>
      <c r="AO17" s="280">
        <v>164</v>
      </c>
      <c r="AP17" s="280">
        <v>48</v>
      </c>
      <c r="AQ17" s="280">
        <v>30</v>
      </c>
      <c r="AR17" s="280">
        <v>57</v>
      </c>
      <c r="AS17" s="277">
        <v>372</v>
      </c>
      <c r="AT17" s="282">
        <v>372</v>
      </c>
      <c r="AU17" s="276">
        <v>0</v>
      </c>
      <c r="AV17" s="280">
        <v>0</v>
      </c>
      <c r="AW17" s="277">
        <v>0</v>
      </c>
      <c r="AX17" s="279">
        <v>0</v>
      </c>
      <c r="AY17" s="280">
        <v>803</v>
      </c>
      <c r="AZ17" s="280">
        <v>1034</v>
      </c>
      <c r="BA17" s="280">
        <v>451</v>
      </c>
      <c r="BB17" s="280">
        <v>237</v>
      </c>
      <c r="BC17" s="280">
        <v>100</v>
      </c>
      <c r="BD17" s="281">
        <v>2625</v>
      </c>
      <c r="BE17" s="282">
        <v>2625</v>
      </c>
      <c r="BF17" s="276">
        <v>0</v>
      </c>
      <c r="BG17" s="280">
        <v>0</v>
      </c>
      <c r="BH17" s="277">
        <v>0</v>
      </c>
      <c r="BI17" s="279">
        <v>0</v>
      </c>
      <c r="BJ17" s="280">
        <v>209</v>
      </c>
      <c r="BK17" s="280">
        <v>224</v>
      </c>
      <c r="BL17" s="280">
        <v>194</v>
      </c>
      <c r="BM17" s="280">
        <v>84</v>
      </c>
      <c r="BN17" s="280">
        <v>27</v>
      </c>
      <c r="BO17" s="277">
        <v>738</v>
      </c>
      <c r="BP17" s="282">
        <v>738</v>
      </c>
      <c r="BQ17" s="276">
        <v>0</v>
      </c>
      <c r="BR17" s="280">
        <v>24</v>
      </c>
      <c r="BS17" s="277">
        <v>24</v>
      </c>
      <c r="BT17" s="279">
        <v>0</v>
      </c>
      <c r="BU17" s="280">
        <v>59</v>
      </c>
      <c r="BV17" s="280">
        <v>314</v>
      </c>
      <c r="BW17" s="280">
        <v>678</v>
      </c>
      <c r="BX17" s="280">
        <v>806</v>
      </c>
      <c r="BY17" s="280">
        <v>259</v>
      </c>
      <c r="BZ17" s="277">
        <v>2116</v>
      </c>
      <c r="CA17" s="282">
        <v>2140</v>
      </c>
      <c r="CB17" s="276">
        <v>0</v>
      </c>
      <c r="CC17" s="280">
        <v>0</v>
      </c>
      <c r="CD17" s="277">
        <v>0</v>
      </c>
      <c r="CE17" s="279">
        <v>0</v>
      </c>
      <c r="CF17" s="280">
        <v>13</v>
      </c>
      <c r="CG17" s="280">
        <v>5</v>
      </c>
      <c r="CH17" s="280">
        <v>0</v>
      </c>
      <c r="CI17" s="280">
        <v>25</v>
      </c>
      <c r="CJ17" s="280">
        <v>0</v>
      </c>
      <c r="CK17" s="277">
        <v>43</v>
      </c>
      <c r="CL17" s="282">
        <v>43</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4">
        <v>0</v>
      </c>
      <c r="F18" s="279">
        <v>0</v>
      </c>
      <c r="G18" s="280">
        <v>1980</v>
      </c>
      <c r="H18" s="280">
        <v>3524</v>
      </c>
      <c r="I18" s="280">
        <v>3778</v>
      </c>
      <c r="J18" s="280">
        <v>5149</v>
      </c>
      <c r="K18" s="280">
        <v>4169</v>
      </c>
      <c r="L18" s="281">
        <v>18600</v>
      </c>
      <c r="M18" s="282">
        <v>18600</v>
      </c>
      <c r="N18" s="276">
        <v>0</v>
      </c>
      <c r="O18" s="280">
        <v>0</v>
      </c>
      <c r="P18" s="277">
        <v>0</v>
      </c>
      <c r="Q18" s="279">
        <v>0</v>
      </c>
      <c r="R18" s="280">
        <v>11</v>
      </c>
      <c r="S18" s="280">
        <v>43</v>
      </c>
      <c r="T18" s="280">
        <v>48</v>
      </c>
      <c r="U18" s="280">
        <v>88</v>
      </c>
      <c r="V18" s="280">
        <v>189</v>
      </c>
      <c r="W18" s="277">
        <v>379</v>
      </c>
      <c r="X18" s="282">
        <v>379</v>
      </c>
      <c r="Y18" s="276">
        <v>117</v>
      </c>
      <c r="Z18" s="280">
        <v>295</v>
      </c>
      <c r="AA18" s="277">
        <v>412</v>
      </c>
      <c r="AB18" s="279">
        <v>0</v>
      </c>
      <c r="AC18" s="280">
        <v>1358</v>
      </c>
      <c r="AD18" s="280">
        <v>2236</v>
      </c>
      <c r="AE18" s="280">
        <v>1437</v>
      </c>
      <c r="AF18" s="280">
        <v>1170</v>
      </c>
      <c r="AG18" s="280">
        <v>928</v>
      </c>
      <c r="AH18" s="277">
        <v>7129</v>
      </c>
      <c r="AI18" s="282">
        <v>7541</v>
      </c>
      <c r="AJ18" s="276">
        <v>9</v>
      </c>
      <c r="AK18" s="280">
        <v>100</v>
      </c>
      <c r="AL18" s="277">
        <v>109</v>
      </c>
      <c r="AM18" s="279">
        <v>0</v>
      </c>
      <c r="AN18" s="280">
        <v>111</v>
      </c>
      <c r="AO18" s="280">
        <v>469</v>
      </c>
      <c r="AP18" s="280">
        <v>175</v>
      </c>
      <c r="AQ18" s="280">
        <v>93</v>
      </c>
      <c r="AR18" s="280">
        <v>147</v>
      </c>
      <c r="AS18" s="277">
        <v>995</v>
      </c>
      <c r="AT18" s="282">
        <v>1104</v>
      </c>
      <c r="AU18" s="276">
        <v>0</v>
      </c>
      <c r="AV18" s="280">
        <v>0</v>
      </c>
      <c r="AW18" s="277">
        <v>0</v>
      </c>
      <c r="AX18" s="279">
        <v>0</v>
      </c>
      <c r="AY18" s="280">
        <v>2765</v>
      </c>
      <c r="AZ18" s="280">
        <v>4172</v>
      </c>
      <c r="BA18" s="280">
        <v>2469</v>
      </c>
      <c r="BB18" s="280">
        <v>1897</v>
      </c>
      <c r="BC18" s="280">
        <v>1038</v>
      </c>
      <c r="BD18" s="281">
        <v>12341</v>
      </c>
      <c r="BE18" s="282">
        <v>12341</v>
      </c>
      <c r="BF18" s="276">
        <v>0</v>
      </c>
      <c r="BG18" s="280">
        <v>0</v>
      </c>
      <c r="BH18" s="277">
        <v>0</v>
      </c>
      <c r="BI18" s="279">
        <v>0</v>
      </c>
      <c r="BJ18" s="280">
        <v>1427</v>
      </c>
      <c r="BK18" s="280">
        <v>1935</v>
      </c>
      <c r="BL18" s="280">
        <v>922</v>
      </c>
      <c r="BM18" s="280">
        <v>375</v>
      </c>
      <c r="BN18" s="280">
        <v>135</v>
      </c>
      <c r="BO18" s="277">
        <v>4794</v>
      </c>
      <c r="BP18" s="282">
        <v>4794</v>
      </c>
      <c r="BQ18" s="276">
        <v>0</v>
      </c>
      <c r="BR18" s="280">
        <v>24</v>
      </c>
      <c r="BS18" s="277">
        <v>24</v>
      </c>
      <c r="BT18" s="279">
        <v>0</v>
      </c>
      <c r="BU18" s="280">
        <v>244</v>
      </c>
      <c r="BV18" s="280">
        <v>592</v>
      </c>
      <c r="BW18" s="280">
        <v>766</v>
      </c>
      <c r="BX18" s="280">
        <v>455</v>
      </c>
      <c r="BY18" s="280">
        <v>233</v>
      </c>
      <c r="BZ18" s="277">
        <v>2290</v>
      </c>
      <c r="CA18" s="282">
        <v>2314</v>
      </c>
      <c r="CB18" s="276">
        <v>0</v>
      </c>
      <c r="CC18" s="280">
        <v>0</v>
      </c>
      <c r="CD18" s="277">
        <v>0</v>
      </c>
      <c r="CE18" s="279">
        <v>0</v>
      </c>
      <c r="CF18" s="280">
        <v>3</v>
      </c>
      <c r="CG18" s="280">
        <v>27</v>
      </c>
      <c r="CH18" s="280">
        <v>63</v>
      </c>
      <c r="CI18" s="280">
        <v>72</v>
      </c>
      <c r="CJ18" s="280">
        <v>12</v>
      </c>
      <c r="CK18" s="277">
        <v>177</v>
      </c>
      <c r="CL18" s="282">
        <v>177</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4">
        <v>0</v>
      </c>
      <c r="F19" s="279">
        <v>0</v>
      </c>
      <c r="G19" s="280">
        <v>2729</v>
      </c>
      <c r="H19" s="280">
        <v>6383</v>
      </c>
      <c r="I19" s="280">
        <v>7886</v>
      </c>
      <c r="J19" s="280">
        <v>9958</v>
      </c>
      <c r="K19" s="280">
        <v>9941</v>
      </c>
      <c r="L19" s="281">
        <v>36897</v>
      </c>
      <c r="M19" s="282">
        <v>36897</v>
      </c>
      <c r="N19" s="276">
        <v>0</v>
      </c>
      <c r="O19" s="280">
        <v>4</v>
      </c>
      <c r="P19" s="277">
        <v>4</v>
      </c>
      <c r="Q19" s="279">
        <v>0</v>
      </c>
      <c r="R19" s="280">
        <v>9</v>
      </c>
      <c r="S19" s="280">
        <v>28</v>
      </c>
      <c r="T19" s="280">
        <v>84</v>
      </c>
      <c r="U19" s="280">
        <v>181</v>
      </c>
      <c r="V19" s="280">
        <v>375</v>
      </c>
      <c r="W19" s="277">
        <v>677</v>
      </c>
      <c r="X19" s="282">
        <v>681</v>
      </c>
      <c r="Y19" s="276">
        <v>123</v>
      </c>
      <c r="Z19" s="280">
        <v>530</v>
      </c>
      <c r="AA19" s="277">
        <v>653</v>
      </c>
      <c r="AB19" s="279">
        <v>0</v>
      </c>
      <c r="AC19" s="280">
        <v>1125</v>
      </c>
      <c r="AD19" s="280">
        <v>2761</v>
      </c>
      <c r="AE19" s="280">
        <v>1857</v>
      </c>
      <c r="AF19" s="280">
        <v>1617</v>
      </c>
      <c r="AG19" s="280">
        <v>1565</v>
      </c>
      <c r="AH19" s="277">
        <v>8925</v>
      </c>
      <c r="AI19" s="282">
        <v>9578</v>
      </c>
      <c r="AJ19" s="276">
        <v>47</v>
      </c>
      <c r="AK19" s="280">
        <v>128</v>
      </c>
      <c r="AL19" s="277">
        <v>175</v>
      </c>
      <c r="AM19" s="279">
        <v>0</v>
      </c>
      <c r="AN19" s="280">
        <v>56</v>
      </c>
      <c r="AO19" s="280">
        <v>395</v>
      </c>
      <c r="AP19" s="280">
        <v>269</v>
      </c>
      <c r="AQ19" s="280">
        <v>295</v>
      </c>
      <c r="AR19" s="280">
        <v>153</v>
      </c>
      <c r="AS19" s="277">
        <v>1168</v>
      </c>
      <c r="AT19" s="282">
        <v>1343</v>
      </c>
      <c r="AU19" s="276">
        <v>0</v>
      </c>
      <c r="AV19" s="280">
        <v>3</v>
      </c>
      <c r="AW19" s="277">
        <v>3</v>
      </c>
      <c r="AX19" s="279">
        <v>0</v>
      </c>
      <c r="AY19" s="280">
        <v>2781</v>
      </c>
      <c r="AZ19" s="280">
        <v>4908</v>
      </c>
      <c r="BA19" s="280">
        <v>3194</v>
      </c>
      <c r="BB19" s="280">
        <v>1935</v>
      </c>
      <c r="BC19" s="280">
        <v>992</v>
      </c>
      <c r="BD19" s="281">
        <v>13810</v>
      </c>
      <c r="BE19" s="282">
        <v>13813</v>
      </c>
      <c r="BF19" s="276">
        <v>0</v>
      </c>
      <c r="BG19" s="280">
        <v>0</v>
      </c>
      <c r="BH19" s="277">
        <v>0</v>
      </c>
      <c r="BI19" s="279">
        <v>0</v>
      </c>
      <c r="BJ19" s="280">
        <v>436</v>
      </c>
      <c r="BK19" s="280">
        <v>1371</v>
      </c>
      <c r="BL19" s="280">
        <v>682</v>
      </c>
      <c r="BM19" s="280">
        <v>287</v>
      </c>
      <c r="BN19" s="280">
        <v>177</v>
      </c>
      <c r="BO19" s="277">
        <v>2953</v>
      </c>
      <c r="BP19" s="282">
        <v>2953</v>
      </c>
      <c r="BQ19" s="276">
        <v>0</v>
      </c>
      <c r="BR19" s="280">
        <v>14</v>
      </c>
      <c r="BS19" s="277">
        <v>14</v>
      </c>
      <c r="BT19" s="279">
        <v>0</v>
      </c>
      <c r="BU19" s="280">
        <v>305</v>
      </c>
      <c r="BV19" s="280">
        <v>629</v>
      </c>
      <c r="BW19" s="280">
        <v>1276</v>
      </c>
      <c r="BX19" s="280">
        <v>977</v>
      </c>
      <c r="BY19" s="280">
        <v>482</v>
      </c>
      <c r="BZ19" s="277">
        <v>3669</v>
      </c>
      <c r="CA19" s="282">
        <v>3683</v>
      </c>
      <c r="CB19" s="276">
        <v>0</v>
      </c>
      <c r="CC19" s="280">
        <v>0</v>
      </c>
      <c r="CD19" s="277">
        <v>0</v>
      </c>
      <c r="CE19" s="279">
        <v>0</v>
      </c>
      <c r="CF19" s="280">
        <v>15</v>
      </c>
      <c r="CG19" s="280">
        <v>50</v>
      </c>
      <c r="CH19" s="280">
        <v>155</v>
      </c>
      <c r="CI19" s="280">
        <v>73</v>
      </c>
      <c r="CJ19" s="280">
        <v>111</v>
      </c>
      <c r="CK19" s="277">
        <v>404</v>
      </c>
      <c r="CL19" s="282">
        <v>404</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4">
        <v>0</v>
      </c>
      <c r="F20" s="279">
        <v>0</v>
      </c>
      <c r="G20" s="280">
        <v>5063</v>
      </c>
      <c r="H20" s="280">
        <v>7237</v>
      </c>
      <c r="I20" s="280">
        <v>9001</v>
      </c>
      <c r="J20" s="280">
        <v>11207</v>
      </c>
      <c r="K20" s="280">
        <v>9175</v>
      </c>
      <c r="L20" s="281">
        <v>41683</v>
      </c>
      <c r="M20" s="282">
        <v>41683</v>
      </c>
      <c r="N20" s="276">
        <v>0</v>
      </c>
      <c r="O20" s="280">
        <v>0</v>
      </c>
      <c r="P20" s="277">
        <v>0</v>
      </c>
      <c r="Q20" s="279">
        <v>0</v>
      </c>
      <c r="R20" s="280">
        <v>6</v>
      </c>
      <c r="S20" s="280">
        <v>51</v>
      </c>
      <c r="T20" s="280">
        <v>88</v>
      </c>
      <c r="U20" s="280">
        <v>210</v>
      </c>
      <c r="V20" s="280">
        <v>434</v>
      </c>
      <c r="W20" s="277">
        <v>789</v>
      </c>
      <c r="X20" s="282">
        <v>789</v>
      </c>
      <c r="Y20" s="276">
        <v>172</v>
      </c>
      <c r="Z20" s="280">
        <v>381</v>
      </c>
      <c r="AA20" s="277">
        <v>553</v>
      </c>
      <c r="AB20" s="279">
        <v>0</v>
      </c>
      <c r="AC20" s="280">
        <v>1965</v>
      </c>
      <c r="AD20" s="280">
        <v>2176</v>
      </c>
      <c r="AE20" s="280">
        <v>1599</v>
      </c>
      <c r="AF20" s="280">
        <v>1328</v>
      </c>
      <c r="AG20" s="280">
        <v>1215</v>
      </c>
      <c r="AH20" s="277">
        <v>8283</v>
      </c>
      <c r="AI20" s="282">
        <v>8836</v>
      </c>
      <c r="AJ20" s="276">
        <v>65</v>
      </c>
      <c r="AK20" s="280">
        <v>120</v>
      </c>
      <c r="AL20" s="277">
        <v>185</v>
      </c>
      <c r="AM20" s="279">
        <v>0</v>
      </c>
      <c r="AN20" s="280">
        <v>459</v>
      </c>
      <c r="AO20" s="280">
        <v>746</v>
      </c>
      <c r="AP20" s="280">
        <v>426</v>
      </c>
      <c r="AQ20" s="280">
        <v>219</v>
      </c>
      <c r="AR20" s="280">
        <v>201</v>
      </c>
      <c r="AS20" s="277">
        <v>2051</v>
      </c>
      <c r="AT20" s="282">
        <v>2236</v>
      </c>
      <c r="AU20" s="276">
        <v>0</v>
      </c>
      <c r="AV20" s="280">
        <v>0</v>
      </c>
      <c r="AW20" s="277">
        <v>0</v>
      </c>
      <c r="AX20" s="279">
        <v>0</v>
      </c>
      <c r="AY20" s="280">
        <v>5740</v>
      </c>
      <c r="AZ20" s="280">
        <v>5542</v>
      </c>
      <c r="BA20" s="280">
        <v>4098</v>
      </c>
      <c r="BB20" s="280">
        <v>2183</v>
      </c>
      <c r="BC20" s="280">
        <v>945</v>
      </c>
      <c r="BD20" s="281">
        <v>18508</v>
      </c>
      <c r="BE20" s="282">
        <v>18508</v>
      </c>
      <c r="BF20" s="276">
        <v>0</v>
      </c>
      <c r="BG20" s="280">
        <v>0</v>
      </c>
      <c r="BH20" s="277">
        <v>0</v>
      </c>
      <c r="BI20" s="279">
        <v>0</v>
      </c>
      <c r="BJ20" s="280">
        <v>1200</v>
      </c>
      <c r="BK20" s="280">
        <v>1323</v>
      </c>
      <c r="BL20" s="280">
        <v>692</v>
      </c>
      <c r="BM20" s="280">
        <v>531</v>
      </c>
      <c r="BN20" s="280">
        <v>138</v>
      </c>
      <c r="BO20" s="277">
        <v>3884</v>
      </c>
      <c r="BP20" s="282">
        <v>3884</v>
      </c>
      <c r="BQ20" s="276">
        <v>2</v>
      </c>
      <c r="BR20" s="280">
        <v>14</v>
      </c>
      <c r="BS20" s="277">
        <v>16</v>
      </c>
      <c r="BT20" s="279">
        <v>0</v>
      </c>
      <c r="BU20" s="280">
        <v>361</v>
      </c>
      <c r="BV20" s="280">
        <v>734</v>
      </c>
      <c r="BW20" s="280">
        <v>1893</v>
      </c>
      <c r="BX20" s="280">
        <v>1514</v>
      </c>
      <c r="BY20" s="280">
        <v>801</v>
      </c>
      <c r="BZ20" s="277">
        <v>5303</v>
      </c>
      <c r="CA20" s="282">
        <v>5319</v>
      </c>
      <c r="CB20" s="276">
        <v>0</v>
      </c>
      <c r="CC20" s="280">
        <v>0</v>
      </c>
      <c r="CD20" s="277">
        <v>0</v>
      </c>
      <c r="CE20" s="279">
        <v>0</v>
      </c>
      <c r="CF20" s="280">
        <v>8</v>
      </c>
      <c r="CG20" s="280">
        <v>30</v>
      </c>
      <c r="CH20" s="280">
        <v>26</v>
      </c>
      <c r="CI20" s="280">
        <v>9</v>
      </c>
      <c r="CJ20" s="280">
        <v>2</v>
      </c>
      <c r="CK20" s="277">
        <v>75</v>
      </c>
      <c r="CL20" s="282">
        <v>75</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4">
        <v>0</v>
      </c>
      <c r="F21" s="279">
        <v>0</v>
      </c>
      <c r="G21" s="280">
        <v>1442</v>
      </c>
      <c r="H21" s="280">
        <v>2417</v>
      </c>
      <c r="I21" s="280">
        <v>2552</v>
      </c>
      <c r="J21" s="280">
        <v>3676</v>
      </c>
      <c r="K21" s="280">
        <v>2602</v>
      </c>
      <c r="L21" s="281">
        <v>12689</v>
      </c>
      <c r="M21" s="282">
        <v>12689</v>
      </c>
      <c r="N21" s="276">
        <v>0</v>
      </c>
      <c r="O21" s="280">
        <v>0</v>
      </c>
      <c r="P21" s="277">
        <v>0</v>
      </c>
      <c r="Q21" s="279">
        <v>0</v>
      </c>
      <c r="R21" s="280">
        <v>20</v>
      </c>
      <c r="S21" s="280">
        <v>16</v>
      </c>
      <c r="T21" s="280">
        <v>64</v>
      </c>
      <c r="U21" s="280">
        <v>90</v>
      </c>
      <c r="V21" s="280">
        <v>144</v>
      </c>
      <c r="W21" s="277">
        <v>334</v>
      </c>
      <c r="X21" s="282">
        <v>334</v>
      </c>
      <c r="Y21" s="276">
        <v>155</v>
      </c>
      <c r="Z21" s="280">
        <v>247</v>
      </c>
      <c r="AA21" s="277">
        <v>402</v>
      </c>
      <c r="AB21" s="279">
        <v>0</v>
      </c>
      <c r="AC21" s="280">
        <v>1064</v>
      </c>
      <c r="AD21" s="280">
        <v>1294</v>
      </c>
      <c r="AE21" s="280">
        <v>944</v>
      </c>
      <c r="AF21" s="280">
        <v>789</v>
      </c>
      <c r="AG21" s="280">
        <v>639</v>
      </c>
      <c r="AH21" s="277">
        <v>4730</v>
      </c>
      <c r="AI21" s="282">
        <v>5132</v>
      </c>
      <c r="AJ21" s="276">
        <v>0</v>
      </c>
      <c r="AK21" s="280">
        <v>35</v>
      </c>
      <c r="AL21" s="277">
        <v>35</v>
      </c>
      <c r="AM21" s="279">
        <v>0</v>
      </c>
      <c r="AN21" s="280">
        <v>218</v>
      </c>
      <c r="AO21" s="280">
        <v>119</v>
      </c>
      <c r="AP21" s="280">
        <v>131</v>
      </c>
      <c r="AQ21" s="280">
        <v>139</v>
      </c>
      <c r="AR21" s="280">
        <v>51</v>
      </c>
      <c r="AS21" s="277">
        <v>658</v>
      </c>
      <c r="AT21" s="282">
        <v>693</v>
      </c>
      <c r="AU21" s="276">
        <v>0</v>
      </c>
      <c r="AV21" s="280">
        <v>0</v>
      </c>
      <c r="AW21" s="277">
        <v>0</v>
      </c>
      <c r="AX21" s="279">
        <v>0</v>
      </c>
      <c r="AY21" s="280">
        <v>2070</v>
      </c>
      <c r="AZ21" s="280">
        <v>2294</v>
      </c>
      <c r="BA21" s="280">
        <v>1280</v>
      </c>
      <c r="BB21" s="280">
        <v>616</v>
      </c>
      <c r="BC21" s="280">
        <v>356</v>
      </c>
      <c r="BD21" s="281">
        <v>6616</v>
      </c>
      <c r="BE21" s="282">
        <v>6616</v>
      </c>
      <c r="BF21" s="276">
        <v>0</v>
      </c>
      <c r="BG21" s="280">
        <v>0</v>
      </c>
      <c r="BH21" s="277">
        <v>0</v>
      </c>
      <c r="BI21" s="279">
        <v>0</v>
      </c>
      <c r="BJ21" s="280">
        <v>694</v>
      </c>
      <c r="BK21" s="280">
        <v>692</v>
      </c>
      <c r="BL21" s="280">
        <v>435</v>
      </c>
      <c r="BM21" s="280">
        <v>234</v>
      </c>
      <c r="BN21" s="280">
        <v>89</v>
      </c>
      <c r="BO21" s="277">
        <v>2144</v>
      </c>
      <c r="BP21" s="282">
        <v>2144</v>
      </c>
      <c r="BQ21" s="276">
        <v>0</v>
      </c>
      <c r="BR21" s="280">
        <v>10</v>
      </c>
      <c r="BS21" s="277">
        <v>10</v>
      </c>
      <c r="BT21" s="279">
        <v>0</v>
      </c>
      <c r="BU21" s="280">
        <v>142</v>
      </c>
      <c r="BV21" s="280">
        <v>341</v>
      </c>
      <c r="BW21" s="280">
        <v>499</v>
      </c>
      <c r="BX21" s="280">
        <v>157</v>
      </c>
      <c r="BY21" s="280">
        <v>159</v>
      </c>
      <c r="BZ21" s="277">
        <v>1298</v>
      </c>
      <c r="CA21" s="282">
        <v>1308</v>
      </c>
      <c r="CB21" s="276">
        <v>0</v>
      </c>
      <c r="CC21" s="280">
        <v>3</v>
      </c>
      <c r="CD21" s="277">
        <v>3</v>
      </c>
      <c r="CE21" s="279">
        <v>0</v>
      </c>
      <c r="CF21" s="280">
        <v>14</v>
      </c>
      <c r="CG21" s="280">
        <v>76</v>
      </c>
      <c r="CH21" s="280">
        <v>41</v>
      </c>
      <c r="CI21" s="280">
        <v>76</v>
      </c>
      <c r="CJ21" s="280">
        <v>47</v>
      </c>
      <c r="CK21" s="277">
        <v>254</v>
      </c>
      <c r="CL21" s="282">
        <v>257</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4">
        <v>0</v>
      </c>
      <c r="F22" s="279">
        <v>0</v>
      </c>
      <c r="G22" s="280">
        <v>2994</v>
      </c>
      <c r="H22" s="280">
        <v>2297</v>
      </c>
      <c r="I22" s="280">
        <v>4975</v>
      </c>
      <c r="J22" s="280">
        <v>4607</v>
      </c>
      <c r="K22" s="280">
        <v>3197</v>
      </c>
      <c r="L22" s="281">
        <v>18070</v>
      </c>
      <c r="M22" s="282">
        <v>18070</v>
      </c>
      <c r="N22" s="276">
        <v>0</v>
      </c>
      <c r="O22" s="280">
        <v>0</v>
      </c>
      <c r="P22" s="277">
        <v>0</v>
      </c>
      <c r="Q22" s="279">
        <v>0</v>
      </c>
      <c r="R22" s="280">
        <v>3</v>
      </c>
      <c r="S22" s="280">
        <v>18</v>
      </c>
      <c r="T22" s="280">
        <v>50</v>
      </c>
      <c r="U22" s="280">
        <v>111</v>
      </c>
      <c r="V22" s="280">
        <v>184</v>
      </c>
      <c r="W22" s="277">
        <v>366</v>
      </c>
      <c r="X22" s="282">
        <v>366</v>
      </c>
      <c r="Y22" s="276">
        <v>277</v>
      </c>
      <c r="Z22" s="280">
        <v>569</v>
      </c>
      <c r="AA22" s="277">
        <v>846</v>
      </c>
      <c r="AB22" s="279">
        <v>0</v>
      </c>
      <c r="AC22" s="280">
        <v>2167</v>
      </c>
      <c r="AD22" s="280">
        <v>1681</v>
      </c>
      <c r="AE22" s="280">
        <v>1017</v>
      </c>
      <c r="AF22" s="280">
        <v>960</v>
      </c>
      <c r="AG22" s="280">
        <v>532</v>
      </c>
      <c r="AH22" s="277">
        <v>6357</v>
      </c>
      <c r="AI22" s="282">
        <v>7203</v>
      </c>
      <c r="AJ22" s="276">
        <v>95</v>
      </c>
      <c r="AK22" s="280">
        <v>337</v>
      </c>
      <c r="AL22" s="277">
        <v>432</v>
      </c>
      <c r="AM22" s="279">
        <v>0</v>
      </c>
      <c r="AN22" s="280">
        <v>649</v>
      </c>
      <c r="AO22" s="280">
        <v>751</v>
      </c>
      <c r="AP22" s="280">
        <v>391</v>
      </c>
      <c r="AQ22" s="280">
        <v>364</v>
      </c>
      <c r="AR22" s="280">
        <v>90</v>
      </c>
      <c r="AS22" s="277">
        <v>2245</v>
      </c>
      <c r="AT22" s="282">
        <v>2677</v>
      </c>
      <c r="AU22" s="276">
        <v>0</v>
      </c>
      <c r="AV22" s="280">
        <v>0</v>
      </c>
      <c r="AW22" s="277">
        <v>0</v>
      </c>
      <c r="AX22" s="279">
        <v>0</v>
      </c>
      <c r="AY22" s="280">
        <v>2402</v>
      </c>
      <c r="AZ22" s="280">
        <v>2044</v>
      </c>
      <c r="BA22" s="280">
        <v>1429</v>
      </c>
      <c r="BB22" s="280">
        <v>851</v>
      </c>
      <c r="BC22" s="280">
        <v>263</v>
      </c>
      <c r="BD22" s="281">
        <v>6989</v>
      </c>
      <c r="BE22" s="282">
        <v>6989</v>
      </c>
      <c r="BF22" s="276">
        <v>0</v>
      </c>
      <c r="BG22" s="280">
        <v>0</v>
      </c>
      <c r="BH22" s="277">
        <v>0</v>
      </c>
      <c r="BI22" s="279">
        <v>0</v>
      </c>
      <c r="BJ22" s="280">
        <v>1031</v>
      </c>
      <c r="BK22" s="280">
        <v>905</v>
      </c>
      <c r="BL22" s="280">
        <v>491</v>
      </c>
      <c r="BM22" s="280">
        <v>315</v>
      </c>
      <c r="BN22" s="280">
        <v>67</v>
      </c>
      <c r="BO22" s="277">
        <v>2809</v>
      </c>
      <c r="BP22" s="282">
        <v>2809</v>
      </c>
      <c r="BQ22" s="276">
        <v>0</v>
      </c>
      <c r="BR22" s="280">
        <v>24</v>
      </c>
      <c r="BS22" s="277">
        <v>24</v>
      </c>
      <c r="BT22" s="279">
        <v>0</v>
      </c>
      <c r="BU22" s="280">
        <v>388</v>
      </c>
      <c r="BV22" s="280">
        <v>491</v>
      </c>
      <c r="BW22" s="280">
        <v>982</v>
      </c>
      <c r="BX22" s="280">
        <v>756</v>
      </c>
      <c r="BY22" s="280">
        <v>172</v>
      </c>
      <c r="BZ22" s="277">
        <v>2789</v>
      </c>
      <c r="CA22" s="282">
        <v>2813</v>
      </c>
      <c r="CB22" s="276">
        <v>0</v>
      </c>
      <c r="CC22" s="280">
        <v>0</v>
      </c>
      <c r="CD22" s="277">
        <v>0</v>
      </c>
      <c r="CE22" s="279">
        <v>0</v>
      </c>
      <c r="CF22" s="280">
        <v>19</v>
      </c>
      <c r="CG22" s="280">
        <v>38</v>
      </c>
      <c r="CH22" s="280">
        <v>37</v>
      </c>
      <c r="CI22" s="280">
        <v>43</v>
      </c>
      <c r="CJ22" s="280">
        <v>27</v>
      </c>
      <c r="CK22" s="277">
        <v>164</v>
      </c>
      <c r="CL22" s="282">
        <v>164</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4">
        <v>0</v>
      </c>
      <c r="F23" s="279">
        <v>0</v>
      </c>
      <c r="G23" s="280">
        <v>2312</v>
      </c>
      <c r="H23" s="280">
        <v>5254</v>
      </c>
      <c r="I23" s="280">
        <v>5796</v>
      </c>
      <c r="J23" s="280">
        <v>6799</v>
      </c>
      <c r="K23" s="280">
        <v>5539</v>
      </c>
      <c r="L23" s="281">
        <v>25700</v>
      </c>
      <c r="M23" s="282">
        <v>25700</v>
      </c>
      <c r="N23" s="276">
        <v>3</v>
      </c>
      <c r="O23" s="280">
        <v>0</v>
      </c>
      <c r="P23" s="277">
        <v>3</v>
      </c>
      <c r="Q23" s="279">
        <v>0</v>
      </c>
      <c r="R23" s="280">
        <v>2</v>
      </c>
      <c r="S23" s="280">
        <v>20</v>
      </c>
      <c r="T23" s="280">
        <v>57</v>
      </c>
      <c r="U23" s="280">
        <v>147</v>
      </c>
      <c r="V23" s="280">
        <v>169</v>
      </c>
      <c r="W23" s="277">
        <v>395</v>
      </c>
      <c r="X23" s="282">
        <v>398</v>
      </c>
      <c r="Y23" s="276">
        <v>241</v>
      </c>
      <c r="Z23" s="280">
        <v>554</v>
      </c>
      <c r="AA23" s="277">
        <v>795</v>
      </c>
      <c r="AB23" s="279">
        <v>0</v>
      </c>
      <c r="AC23" s="280">
        <v>1601</v>
      </c>
      <c r="AD23" s="280">
        <v>2385</v>
      </c>
      <c r="AE23" s="280">
        <v>1331</v>
      </c>
      <c r="AF23" s="280">
        <v>1253</v>
      </c>
      <c r="AG23" s="280">
        <v>800</v>
      </c>
      <c r="AH23" s="277">
        <v>7370</v>
      </c>
      <c r="AI23" s="282">
        <v>8165</v>
      </c>
      <c r="AJ23" s="276">
        <v>135</v>
      </c>
      <c r="AK23" s="280">
        <v>264</v>
      </c>
      <c r="AL23" s="277">
        <v>399</v>
      </c>
      <c r="AM23" s="279">
        <v>0</v>
      </c>
      <c r="AN23" s="280">
        <v>186</v>
      </c>
      <c r="AO23" s="280">
        <v>388</v>
      </c>
      <c r="AP23" s="280">
        <v>182</v>
      </c>
      <c r="AQ23" s="280">
        <v>114</v>
      </c>
      <c r="AR23" s="280">
        <v>115</v>
      </c>
      <c r="AS23" s="277">
        <v>985</v>
      </c>
      <c r="AT23" s="282">
        <v>1384</v>
      </c>
      <c r="AU23" s="276">
        <v>0</v>
      </c>
      <c r="AV23" s="280">
        <v>0</v>
      </c>
      <c r="AW23" s="277">
        <v>0</v>
      </c>
      <c r="AX23" s="279">
        <v>0</v>
      </c>
      <c r="AY23" s="280">
        <v>2261</v>
      </c>
      <c r="AZ23" s="280">
        <v>2924</v>
      </c>
      <c r="BA23" s="280">
        <v>1839</v>
      </c>
      <c r="BB23" s="280">
        <v>852</v>
      </c>
      <c r="BC23" s="280">
        <v>300</v>
      </c>
      <c r="BD23" s="281">
        <v>8176</v>
      </c>
      <c r="BE23" s="282">
        <v>8176</v>
      </c>
      <c r="BF23" s="276">
        <v>0</v>
      </c>
      <c r="BG23" s="280">
        <v>0</v>
      </c>
      <c r="BH23" s="277">
        <v>0</v>
      </c>
      <c r="BI23" s="279">
        <v>0</v>
      </c>
      <c r="BJ23" s="280">
        <v>380</v>
      </c>
      <c r="BK23" s="280">
        <v>527</v>
      </c>
      <c r="BL23" s="280">
        <v>214</v>
      </c>
      <c r="BM23" s="280">
        <v>99</v>
      </c>
      <c r="BN23" s="280">
        <v>62</v>
      </c>
      <c r="BO23" s="277">
        <v>1282</v>
      </c>
      <c r="BP23" s="282">
        <v>1282</v>
      </c>
      <c r="BQ23" s="276">
        <v>10</v>
      </c>
      <c r="BR23" s="280">
        <v>11</v>
      </c>
      <c r="BS23" s="277">
        <v>21</v>
      </c>
      <c r="BT23" s="279">
        <v>0</v>
      </c>
      <c r="BU23" s="280">
        <v>242</v>
      </c>
      <c r="BV23" s="280">
        <v>350</v>
      </c>
      <c r="BW23" s="280">
        <v>930</v>
      </c>
      <c r="BX23" s="280">
        <v>677</v>
      </c>
      <c r="BY23" s="280">
        <v>504</v>
      </c>
      <c r="BZ23" s="277">
        <v>2703</v>
      </c>
      <c r="CA23" s="282">
        <v>2724</v>
      </c>
      <c r="CB23" s="276">
        <v>0</v>
      </c>
      <c r="CC23" s="280">
        <v>0</v>
      </c>
      <c r="CD23" s="277">
        <v>0</v>
      </c>
      <c r="CE23" s="279">
        <v>0</v>
      </c>
      <c r="CF23" s="280">
        <v>12</v>
      </c>
      <c r="CG23" s="280">
        <v>24</v>
      </c>
      <c r="CH23" s="280">
        <v>24</v>
      </c>
      <c r="CI23" s="280">
        <v>46</v>
      </c>
      <c r="CJ23" s="280">
        <v>0</v>
      </c>
      <c r="CK23" s="277">
        <v>106</v>
      </c>
      <c r="CL23" s="282">
        <v>106</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4">
        <v>0</v>
      </c>
      <c r="F24" s="279">
        <v>0</v>
      </c>
      <c r="G24" s="280">
        <v>532</v>
      </c>
      <c r="H24" s="280">
        <v>901</v>
      </c>
      <c r="I24" s="280">
        <v>815</v>
      </c>
      <c r="J24" s="280">
        <v>1137</v>
      </c>
      <c r="K24" s="280">
        <v>1663</v>
      </c>
      <c r="L24" s="281">
        <v>5048</v>
      </c>
      <c r="M24" s="282">
        <v>5048</v>
      </c>
      <c r="N24" s="276">
        <v>0</v>
      </c>
      <c r="O24" s="280">
        <v>0</v>
      </c>
      <c r="P24" s="277">
        <v>0</v>
      </c>
      <c r="Q24" s="279">
        <v>0</v>
      </c>
      <c r="R24" s="280">
        <v>1</v>
      </c>
      <c r="S24" s="280">
        <v>3</v>
      </c>
      <c r="T24" s="280">
        <v>26</v>
      </c>
      <c r="U24" s="280">
        <v>54</v>
      </c>
      <c r="V24" s="280">
        <v>94</v>
      </c>
      <c r="W24" s="277">
        <v>178</v>
      </c>
      <c r="X24" s="282">
        <v>178</v>
      </c>
      <c r="Y24" s="276">
        <v>19</v>
      </c>
      <c r="Z24" s="280">
        <v>58</v>
      </c>
      <c r="AA24" s="277">
        <v>77</v>
      </c>
      <c r="AB24" s="279">
        <v>0</v>
      </c>
      <c r="AC24" s="280">
        <v>353</v>
      </c>
      <c r="AD24" s="280">
        <v>493</v>
      </c>
      <c r="AE24" s="280">
        <v>262</v>
      </c>
      <c r="AF24" s="280">
        <v>221</v>
      </c>
      <c r="AG24" s="280">
        <v>244</v>
      </c>
      <c r="AH24" s="277">
        <v>1573</v>
      </c>
      <c r="AI24" s="282">
        <v>1650</v>
      </c>
      <c r="AJ24" s="276">
        <v>0</v>
      </c>
      <c r="AK24" s="280">
        <v>24</v>
      </c>
      <c r="AL24" s="277">
        <v>24</v>
      </c>
      <c r="AM24" s="279">
        <v>0</v>
      </c>
      <c r="AN24" s="280">
        <v>56</v>
      </c>
      <c r="AO24" s="280">
        <v>185</v>
      </c>
      <c r="AP24" s="280">
        <v>93</v>
      </c>
      <c r="AQ24" s="280">
        <v>32</v>
      </c>
      <c r="AR24" s="280">
        <v>56</v>
      </c>
      <c r="AS24" s="277">
        <v>422</v>
      </c>
      <c r="AT24" s="282">
        <v>446</v>
      </c>
      <c r="AU24" s="276">
        <v>0</v>
      </c>
      <c r="AV24" s="280">
        <v>0</v>
      </c>
      <c r="AW24" s="277">
        <v>0</v>
      </c>
      <c r="AX24" s="279">
        <v>0</v>
      </c>
      <c r="AY24" s="280">
        <v>1007</v>
      </c>
      <c r="AZ24" s="280">
        <v>1089</v>
      </c>
      <c r="BA24" s="280">
        <v>458</v>
      </c>
      <c r="BB24" s="280">
        <v>380</v>
      </c>
      <c r="BC24" s="280">
        <v>180</v>
      </c>
      <c r="BD24" s="281">
        <v>3114</v>
      </c>
      <c r="BE24" s="282">
        <v>3114</v>
      </c>
      <c r="BF24" s="276">
        <v>0</v>
      </c>
      <c r="BG24" s="280">
        <v>0</v>
      </c>
      <c r="BH24" s="277">
        <v>0</v>
      </c>
      <c r="BI24" s="279">
        <v>0</v>
      </c>
      <c r="BJ24" s="280">
        <v>160</v>
      </c>
      <c r="BK24" s="280">
        <v>181</v>
      </c>
      <c r="BL24" s="280">
        <v>119</v>
      </c>
      <c r="BM24" s="280">
        <v>93</v>
      </c>
      <c r="BN24" s="280">
        <v>49</v>
      </c>
      <c r="BO24" s="277">
        <v>602</v>
      </c>
      <c r="BP24" s="282">
        <v>602</v>
      </c>
      <c r="BQ24" s="276">
        <v>0</v>
      </c>
      <c r="BR24" s="280">
        <v>2</v>
      </c>
      <c r="BS24" s="277">
        <v>2</v>
      </c>
      <c r="BT24" s="279">
        <v>0</v>
      </c>
      <c r="BU24" s="280">
        <v>66</v>
      </c>
      <c r="BV24" s="280">
        <v>158</v>
      </c>
      <c r="BW24" s="280">
        <v>415</v>
      </c>
      <c r="BX24" s="280">
        <v>181</v>
      </c>
      <c r="BY24" s="280">
        <v>109</v>
      </c>
      <c r="BZ24" s="277">
        <v>929</v>
      </c>
      <c r="CA24" s="282">
        <v>931</v>
      </c>
      <c r="CB24" s="276">
        <v>0</v>
      </c>
      <c r="CC24" s="280">
        <v>0</v>
      </c>
      <c r="CD24" s="277">
        <v>0</v>
      </c>
      <c r="CE24" s="279">
        <v>0</v>
      </c>
      <c r="CF24" s="280">
        <v>14</v>
      </c>
      <c r="CG24" s="280">
        <v>9</v>
      </c>
      <c r="CH24" s="280">
        <v>80</v>
      </c>
      <c r="CI24" s="280">
        <v>25</v>
      </c>
      <c r="CJ24" s="280">
        <v>2</v>
      </c>
      <c r="CK24" s="277">
        <v>130</v>
      </c>
      <c r="CL24" s="282">
        <v>130</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4">
        <v>0</v>
      </c>
      <c r="F25" s="279">
        <v>0</v>
      </c>
      <c r="G25" s="280">
        <v>1611</v>
      </c>
      <c r="H25" s="280">
        <v>1986</v>
      </c>
      <c r="I25" s="280">
        <v>2609</v>
      </c>
      <c r="J25" s="280">
        <v>3247</v>
      </c>
      <c r="K25" s="280">
        <v>2107</v>
      </c>
      <c r="L25" s="281">
        <v>11560</v>
      </c>
      <c r="M25" s="282">
        <v>11560</v>
      </c>
      <c r="N25" s="276">
        <v>0</v>
      </c>
      <c r="O25" s="280">
        <v>0</v>
      </c>
      <c r="P25" s="277">
        <v>0</v>
      </c>
      <c r="Q25" s="279">
        <v>0</v>
      </c>
      <c r="R25" s="280">
        <v>4</v>
      </c>
      <c r="S25" s="280">
        <v>13</v>
      </c>
      <c r="T25" s="280">
        <v>17</v>
      </c>
      <c r="U25" s="280">
        <v>41</v>
      </c>
      <c r="V25" s="280">
        <v>98</v>
      </c>
      <c r="W25" s="277">
        <v>173</v>
      </c>
      <c r="X25" s="282">
        <v>173</v>
      </c>
      <c r="Y25" s="276">
        <v>221</v>
      </c>
      <c r="Z25" s="280">
        <v>407</v>
      </c>
      <c r="AA25" s="277">
        <v>628</v>
      </c>
      <c r="AB25" s="279">
        <v>0</v>
      </c>
      <c r="AC25" s="280">
        <v>949</v>
      </c>
      <c r="AD25" s="280">
        <v>1289</v>
      </c>
      <c r="AE25" s="280">
        <v>565</v>
      </c>
      <c r="AF25" s="280">
        <v>733</v>
      </c>
      <c r="AG25" s="280">
        <v>446</v>
      </c>
      <c r="AH25" s="277">
        <v>3982</v>
      </c>
      <c r="AI25" s="282">
        <v>4610</v>
      </c>
      <c r="AJ25" s="276">
        <v>22</v>
      </c>
      <c r="AK25" s="280">
        <v>60</v>
      </c>
      <c r="AL25" s="277">
        <v>82</v>
      </c>
      <c r="AM25" s="279">
        <v>0</v>
      </c>
      <c r="AN25" s="280">
        <v>111</v>
      </c>
      <c r="AO25" s="280">
        <v>264</v>
      </c>
      <c r="AP25" s="280">
        <v>88</v>
      </c>
      <c r="AQ25" s="280">
        <v>107</v>
      </c>
      <c r="AR25" s="280">
        <v>91</v>
      </c>
      <c r="AS25" s="277">
        <v>661</v>
      </c>
      <c r="AT25" s="282">
        <v>743</v>
      </c>
      <c r="AU25" s="276">
        <v>0</v>
      </c>
      <c r="AV25" s="280">
        <v>0</v>
      </c>
      <c r="AW25" s="277">
        <v>0</v>
      </c>
      <c r="AX25" s="279">
        <v>0</v>
      </c>
      <c r="AY25" s="280">
        <v>2364</v>
      </c>
      <c r="AZ25" s="280">
        <v>2252</v>
      </c>
      <c r="BA25" s="280">
        <v>1260</v>
      </c>
      <c r="BB25" s="280">
        <v>887</v>
      </c>
      <c r="BC25" s="280">
        <v>332</v>
      </c>
      <c r="BD25" s="281">
        <v>7095</v>
      </c>
      <c r="BE25" s="282">
        <v>7095</v>
      </c>
      <c r="BF25" s="276">
        <v>0</v>
      </c>
      <c r="BG25" s="280">
        <v>0</v>
      </c>
      <c r="BH25" s="277">
        <v>0</v>
      </c>
      <c r="BI25" s="279">
        <v>0</v>
      </c>
      <c r="BJ25" s="280">
        <v>243</v>
      </c>
      <c r="BK25" s="280">
        <v>322</v>
      </c>
      <c r="BL25" s="280">
        <v>271</v>
      </c>
      <c r="BM25" s="280">
        <v>222</v>
      </c>
      <c r="BN25" s="280">
        <v>42</v>
      </c>
      <c r="BO25" s="277">
        <v>1100</v>
      </c>
      <c r="BP25" s="282">
        <v>1100</v>
      </c>
      <c r="BQ25" s="276">
        <v>8</v>
      </c>
      <c r="BR25" s="280">
        <v>19</v>
      </c>
      <c r="BS25" s="277">
        <v>27</v>
      </c>
      <c r="BT25" s="279">
        <v>0</v>
      </c>
      <c r="BU25" s="280">
        <v>89</v>
      </c>
      <c r="BV25" s="280">
        <v>392</v>
      </c>
      <c r="BW25" s="280">
        <v>405</v>
      </c>
      <c r="BX25" s="280">
        <v>493</v>
      </c>
      <c r="BY25" s="280">
        <v>172</v>
      </c>
      <c r="BZ25" s="277">
        <v>1551</v>
      </c>
      <c r="CA25" s="282">
        <v>1578</v>
      </c>
      <c r="CB25" s="276">
        <v>0</v>
      </c>
      <c r="CC25" s="280">
        <v>3</v>
      </c>
      <c r="CD25" s="277">
        <v>3</v>
      </c>
      <c r="CE25" s="279">
        <v>0</v>
      </c>
      <c r="CF25" s="280">
        <v>3</v>
      </c>
      <c r="CG25" s="280">
        <v>15</v>
      </c>
      <c r="CH25" s="280">
        <v>7</v>
      </c>
      <c r="CI25" s="280">
        <v>19</v>
      </c>
      <c r="CJ25" s="280">
        <v>30</v>
      </c>
      <c r="CK25" s="277">
        <v>74</v>
      </c>
      <c r="CL25" s="282">
        <v>77</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4">
        <v>0</v>
      </c>
      <c r="F26" s="279">
        <v>0</v>
      </c>
      <c r="G26" s="280">
        <v>656</v>
      </c>
      <c r="H26" s="280">
        <v>1014</v>
      </c>
      <c r="I26" s="280">
        <v>1351</v>
      </c>
      <c r="J26" s="280">
        <v>1526</v>
      </c>
      <c r="K26" s="280">
        <v>1968</v>
      </c>
      <c r="L26" s="281">
        <v>6515</v>
      </c>
      <c r="M26" s="282">
        <v>6515</v>
      </c>
      <c r="N26" s="276">
        <v>0</v>
      </c>
      <c r="O26" s="280">
        <v>0</v>
      </c>
      <c r="P26" s="277">
        <v>0</v>
      </c>
      <c r="Q26" s="279">
        <v>0</v>
      </c>
      <c r="R26" s="280">
        <v>0</v>
      </c>
      <c r="S26" s="280">
        <v>11</v>
      </c>
      <c r="T26" s="280">
        <v>27</v>
      </c>
      <c r="U26" s="280">
        <v>46</v>
      </c>
      <c r="V26" s="280">
        <v>112</v>
      </c>
      <c r="W26" s="277">
        <v>196</v>
      </c>
      <c r="X26" s="282">
        <v>196</v>
      </c>
      <c r="Y26" s="276">
        <v>85</v>
      </c>
      <c r="Z26" s="280">
        <v>203</v>
      </c>
      <c r="AA26" s="277">
        <v>288</v>
      </c>
      <c r="AB26" s="279">
        <v>0</v>
      </c>
      <c r="AC26" s="280">
        <v>304</v>
      </c>
      <c r="AD26" s="280">
        <v>478</v>
      </c>
      <c r="AE26" s="280">
        <v>314</v>
      </c>
      <c r="AF26" s="280">
        <v>307</v>
      </c>
      <c r="AG26" s="280">
        <v>295</v>
      </c>
      <c r="AH26" s="277">
        <v>1698</v>
      </c>
      <c r="AI26" s="282">
        <v>1986</v>
      </c>
      <c r="AJ26" s="276">
        <v>0</v>
      </c>
      <c r="AK26" s="280">
        <v>8</v>
      </c>
      <c r="AL26" s="277">
        <v>8</v>
      </c>
      <c r="AM26" s="279">
        <v>0</v>
      </c>
      <c r="AN26" s="280">
        <v>41</v>
      </c>
      <c r="AO26" s="280">
        <v>88</v>
      </c>
      <c r="AP26" s="280">
        <v>0</v>
      </c>
      <c r="AQ26" s="280">
        <v>71</v>
      </c>
      <c r="AR26" s="280">
        <v>40</v>
      </c>
      <c r="AS26" s="277">
        <v>240</v>
      </c>
      <c r="AT26" s="282">
        <v>248</v>
      </c>
      <c r="AU26" s="276">
        <v>0</v>
      </c>
      <c r="AV26" s="280">
        <v>0</v>
      </c>
      <c r="AW26" s="277">
        <v>0</v>
      </c>
      <c r="AX26" s="279">
        <v>0</v>
      </c>
      <c r="AY26" s="280">
        <v>934</v>
      </c>
      <c r="AZ26" s="280">
        <v>714</v>
      </c>
      <c r="BA26" s="280">
        <v>398</v>
      </c>
      <c r="BB26" s="280">
        <v>281</v>
      </c>
      <c r="BC26" s="280">
        <v>75</v>
      </c>
      <c r="BD26" s="281">
        <v>2402</v>
      </c>
      <c r="BE26" s="282">
        <v>2402</v>
      </c>
      <c r="BF26" s="276">
        <v>0</v>
      </c>
      <c r="BG26" s="280">
        <v>0</v>
      </c>
      <c r="BH26" s="277">
        <v>0</v>
      </c>
      <c r="BI26" s="279">
        <v>0</v>
      </c>
      <c r="BJ26" s="280">
        <v>286</v>
      </c>
      <c r="BK26" s="280">
        <v>277</v>
      </c>
      <c r="BL26" s="280">
        <v>174</v>
      </c>
      <c r="BM26" s="280">
        <v>58</v>
      </c>
      <c r="BN26" s="280">
        <v>150</v>
      </c>
      <c r="BO26" s="277">
        <v>945</v>
      </c>
      <c r="BP26" s="282">
        <v>945</v>
      </c>
      <c r="BQ26" s="276">
        <v>8</v>
      </c>
      <c r="BR26" s="280">
        <v>7</v>
      </c>
      <c r="BS26" s="277">
        <v>15</v>
      </c>
      <c r="BT26" s="279">
        <v>0</v>
      </c>
      <c r="BU26" s="280">
        <v>95</v>
      </c>
      <c r="BV26" s="280">
        <v>142</v>
      </c>
      <c r="BW26" s="280">
        <v>211</v>
      </c>
      <c r="BX26" s="280">
        <v>138</v>
      </c>
      <c r="BY26" s="280">
        <v>71</v>
      </c>
      <c r="BZ26" s="277">
        <v>657</v>
      </c>
      <c r="CA26" s="282">
        <v>672</v>
      </c>
      <c r="CB26" s="276">
        <v>0</v>
      </c>
      <c r="CC26" s="280">
        <v>0</v>
      </c>
      <c r="CD26" s="277">
        <v>0</v>
      </c>
      <c r="CE26" s="279">
        <v>0</v>
      </c>
      <c r="CF26" s="280">
        <v>14</v>
      </c>
      <c r="CG26" s="280">
        <v>23</v>
      </c>
      <c r="CH26" s="280">
        <v>9</v>
      </c>
      <c r="CI26" s="280">
        <v>4</v>
      </c>
      <c r="CJ26" s="280">
        <v>11</v>
      </c>
      <c r="CK26" s="277">
        <v>61</v>
      </c>
      <c r="CL26" s="282">
        <v>61</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4">
        <v>0</v>
      </c>
      <c r="F27" s="279">
        <v>0</v>
      </c>
      <c r="G27" s="280">
        <v>1240</v>
      </c>
      <c r="H27" s="280">
        <v>1781</v>
      </c>
      <c r="I27" s="280">
        <v>1672</v>
      </c>
      <c r="J27" s="280">
        <v>2337</v>
      </c>
      <c r="K27" s="280">
        <v>1668</v>
      </c>
      <c r="L27" s="281">
        <v>8698</v>
      </c>
      <c r="M27" s="282">
        <v>8698</v>
      </c>
      <c r="N27" s="276">
        <v>0</v>
      </c>
      <c r="O27" s="280">
        <v>0</v>
      </c>
      <c r="P27" s="277">
        <v>0</v>
      </c>
      <c r="Q27" s="279">
        <v>0</v>
      </c>
      <c r="R27" s="280">
        <v>8</v>
      </c>
      <c r="S27" s="280">
        <v>59</v>
      </c>
      <c r="T27" s="280">
        <v>53</v>
      </c>
      <c r="U27" s="280">
        <v>80</v>
      </c>
      <c r="V27" s="280">
        <v>108</v>
      </c>
      <c r="W27" s="277">
        <v>308</v>
      </c>
      <c r="X27" s="282">
        <v>308</v>
      </c>
      <c r="Y27" s="276">
        <v>95</v>
      </c>
      <c r="Z27" s="280">
        <v>266</v>
      </c>
      <c r="AA27" s="277">
        <v>361</v>
      </c>
      <c r="AB27" s="279">
        <v>0</v>
      </c>
      <c r="AC27" s="280">
        <v>498</v>
      </c>
      <c r="AD27" s="280">
        <v>684</v>
      </c>
      <c r="AE27" s="280">
        <v>367</v>
      </c>
      <c r="AF27" s="280">
        <v>256</v>
      </c>
      <c r="AG27" s="280">
        <v>218</v>
      </c>
      <c r="AH27" s="277">
        <v>2023</v>
      </c>
      <c r="AI27" s="282">
        <v>2384</v>
      </c>
      <c r="AJ27" s="276">
        <v>8</v>
      </c>
      <c r="AK27" s="280">
        <v>60</v>
      </c>
      <c r="AL27" s="277">
        <v>68</v>
      </c>
      <c r="AM27" s="279">
        <v>0</v>
      </c>
      <c r="AN27" s="280">
        <v>0</v>
      </c>
      <c r="AO27" s="280">
        <v>132</v>
      </c>
      <c r="AP27" s="280">
        <v>90</v>
      </c>
      <c r="AQ27" s="280">
        <v>46</v>
      </c>
      <c r="AR27" s="280">
        <v>49</v>
      </c>
      <c r="AS27" s="277">
        <v>317</v>
      </c>
      <c r="AT27" s="282">
        <v>385</v>
      </c>
      <c r="AU27" s="276">
        <v>0</v>
      </c>
      <c r="AV27" s="280">
        <v>0</v>
      </c>
      <c r="AW27" s="277">
        <v>0</v>
      </c>
      <c r="AX27" s="279">
        <v>0</v>
      </c>
      <c r="AY27" s="280">
        <v>1146</v>
      </c>
      <c r="AZ27" s="280">
        <v>857</v>
      </c>
      <c r="BA27" s="280">
        <v>608</v>
      </c>
      <c r="BB27" s="280">
        <v>483</v>
      </c>
      <c r="BC27" s="280">
        <v>91</v>
      </c>
      <c r="BD27" s="281">
        <v>3185</v>
      </c>
      <c r="BE27" s="282">
        <v>3185</v>
      </c>
      <c r="BF27" s="276">
        <v>0</v>
      </c>
      <c r="BG27" s="280">
        <v>0</v>
      </c>
      <c r="BH27" s="277">
        <v>0</v>
      </c>
      <c r="BI27" s="279">
        <v>0</v>
      </c>
      <c r="BJ27" s="280">
        <v>233</v>
      </c>
      <c r="BK27" s="280">
        <v>440</v>
      </c>
      <c r="BL27" s="280">
        <v>161</v>
      </c>
      <c r="BM27" s="280">
        <v>130</v>
      </c>
      <c r="BN27" s="280">
        <v>18</v>
      </c>
      <c r="BO27" s="277">
        <v>982</v>
      </c>
      <c r="BP27" s="282">
        <v>982</v>
      </c>
      <c r="BQ27" s="276">
        <v>19</v>
      </c>
      <c r="BR27" s="280">
        <v>7</v>
      </c>
      <c r="BS27" s="277">
        <v>26</v>
      </c>
      <c r="BT27" s="279">
        <v>0</v>
      </c>
      <c r="BU27" s="280">
        <v>77</v>
      </c>
      <c r="BV27" s="280">
        <v>208</v>
      </c>
      <c r="BW27" s="280">
        <v>192</v>
      </c>
      <c r="BX27" s="280">
        <v>90</v>
      </c>
      <c r="BY27" s="280">
        <v>30</v>
      </c>
      <c r="BZ27" s="277">
        <v>597</v>
      </c>
      <c r="CA27" s="282">
        <v>623</v>
      </c>
      <c r="CB27" s="276">
        <v>0</v>
      </c>
      <c r="CC27" s="280">
        <v>0</v>
      </c>
      <c r="CD27" s="277">
        <v>0</v>
      </c>
      <c r="CE27" s="279">
        <v>0</v>
      </c>
      <c r="CF27" s="280">
        <v>34</v>
      </c>
      <c r="CG27" s="280">
        <v>51</v>
      </c>
      <c r="CH27" s="280">
        <v>22</v>
      </c>
      <c r="CI27" s="280">
        <v>27</v>
      </c>
      <c r="CJ27" s="280">
        <v>5</v>
      </c>
      <c r="CK27" s="277">
        <v>139</v>
      </c>
      <c r="CL27" s="282">
        <v>139</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4">
        <v>0</v>
      </c>
      <c r="F28" s="279">
        <v>0</v>
      </c>
      <c r="G28" s="280">
        <v>788</v>
      </c>
      <c r="H28" s="280">
        <v>1064</v>
      </c>
      <c r="I28" s="280">
        <v>1120</v>
      </c>
      <c r="J28" s="280">
        <v>1285</v>
      </c>
      <c r="K28" s="280">
        <v>1599</v>
      </c>
      <c r="L28" s="281">
        <v>5856</v>
      </c>
      <c r="M28" s="282">
        <v>5856</v>
      </c>
      <c r="N28" s="276">
        <v>0</v>
      </c>
      <c r="O28" s="280">
        <v>0</v>
      </c>
      <c r="P28" s="277">
        <v>0</v>
      </c>
      <c r="Q28" s="279">
        <v>0</v>
      </c>
      <c r="R28" s="280">
        <v>0</v>
      </c>
      <c r="S28" s="280">
        <v>2</v>
      </c>
      <c r="T28" s="280">
        <v>14</v>
      </c>
      <c r="U28" s="280">
        <v>49</v>
      </c>
      <c r="V28" s="280">
        <v>56</v>
      </c>
      <c r="W28" s="277">
        <v>121</v>
      </c>
      <c r="X28" s="282">
        <v>121</v>
      </c>
      <c r="Y28" s="276">
        <v>51</v>
      </c>
      <c r="Z28" s="280">
        <v>54</v>
      </c>
      <c r="AA28" s="277">
        <v>105</v>
      </c>
      <c r="AB28" s="279">
        <v>0</v>
      </c>
      <c r="AC28" s="280">
        <v>379</v>
      </c>
      <c r="AD28" s="280">
        <v>435</v>
      </c>
      <c r="AE28" s="280">
        <v>286</v>
      </c>
      <c r="AF28" s="280">
        <v>342</v>
      </c>
      <c r="AG28" s="280">
        <v>312</v>
      </c>
      <c r="AH28" s="277">
        <v>1754</v>
      </c>
      <c r="AI28" s="282">
        <v>1859</v>
      </c>
      <c r="AJ28" s="276">
        <v>0</v>
      </c>
      <c r="AK28" s="280">
        <v>0</v>
      </c>
      <c r="AL28" s="277">
        <v>0</v>
      </c>
      <c r="AM28" s="279">
        <v>0</v>
      </c>
      <c r="AN28" s="280">
        <v>12</v>
      </c>
      <c r="AO28" s="280">
        <v>88</v>
      </c>
      <c r="AP28" s="280">
        <v>40</v>
      </c>
      <c r="AQ28" s="280">
        <v>56</v>
      </c>
      <c r="AR28" s="280">
        <v>41</v>
      </c>
      <c r="AS28" s="277">
        <v>237</v>
      </c>
      <c r="AT28" s="282">
        <v>237</v>
      </c>
      <c r="AU28" s="276">
        <v>0</v>
      </c>
      <c r="AV28" s="280">
        <v>0</v>
      </c>
      <c r="AW28" s="277">
        <v>0</v>
      </c>
      <c r="AX28" s="279">
        <v>0</v>
      </c>
      <c r="AY28" s="280">
        <v>828</v>
      </c>
      <c r="AZ28" s="280">
        <v>787</v>
      </c>
      <c r="BA28" s="280">
        <v>367</v>
      </c>
      <c r="BB28" s="280">
        <v>191</v>
      </c>
      <c r="BC28" s="280">
        <v>203</v>
      </c>
      <c r="BD28" s="281">
        <v>2376</v>
      </c>
      <c r="BE28" s="282">
        <v>2376</v>
      </c>
      <c r="BF28" s="276">
        <v>0</v>
      </c>
      <c r="BG28" s="280">
        <v>0</v>
      </c>
      <c r="BH28" s="277">
        <v>0</v>
      </c>
      <c r="BI28" s="279">
        <v>0</v>
      </c>
      <c r="BJ28" s="280">
        <v>110</v>
      </c>
      <c r="BK28" s="280">
        <v>220</v>
      </c>
      <c r="BL28" s="280">
        <v>78</v>
      </c>
      <c r="BM28" s="280">
        <v>67</v>
      </c>
      <c r="BN28" s="280">
        <v>21</v>
      </c>
      <c r="BO28" s="277">
        <v>496</v>
      </c>
      <c r="BP28" s="282">
        <v>496</v>
      </c>
      <c r="BQ28" s="276">
        <v>0</v>
      </c>
      <c r="BR28" s="280">
        <v>19</v>
      </c>
      <c r="BS28" s="277">
        <v>19</v>
      </c>
      <c r="BT28" s="279">
        <v>0</v>
      </c>
      <c r="BU28" s="280">
        <v>114</v>
      </c>
      <c r="BV28" s="280">
        <v>130</v>
      </c>
      <c r="BW28" s="280">
        <v>272</v>
      </c>
      <c r="BX28" s="280">
        <v>131</v>
      </c>
      <c r="BY28" s="280">
        <v>69</v>
      </c>
      <c r="BZ28" s="277">
        <v>716</v>
      </c>
      <c r="CA28" s="282">
        <v>735</v>
      </c>
      <c r="CB28" s="276">
        <v>0</v>
      </c>
      <c r="CC28" s="280">
        <v>0</v>
      </c>
      <c r="CD28" s="277">
        <v>0</v>
      </c>
      <c r="CE28" s="279">
        <v>0</v>
      </c>
      <c r="CF28" s="280">
        <v>14</v>
      </c>
      <c r="CG28" s="280">
        <v>18</v>
      </c>
      <c r="CH28" s="280">
        <v>23</v>
      </c>
      <c r="CI28" s="280">
        <v>11</v>
      </c>
      <c r="CJ28" s="280">
        <v>0</v>
      </c>
      <c r="CK28" s="277">
        <v>66</v>
      </c>
      <c r="CL28" s="282">
        <v>66</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4">
        <v>0</v>
      </c>
      <c r="F29" s="279">
        <v>0</v>
      </c>
      <c r="G29" s="280">
        <v>596</v>
      </c>
      <c r="H29" s="280">
        <v>700</v>
      </c>
      <c r="I29" s="280">
        <v>1008</v>
      </c>
      <c r="J29" s="280">
        <v>991</v>
      </c>
      <c r="K29" s="280">
        <v>1243</v>
      </c>
      <c r="L29" s="281">
        <v>4538</v>
      </c>
      <c r="M29" s="282">
        <v>4538</v>
      </c>
      <c r="N29" s="276">
        <v>0</v>
      </c>
      <c r="O29" s="280">
        <v>0</v>
      </c>
      <c r="P29" s="277">
        <v>0</v>
      </c>
      <c r="Q29" s="279">
        <v>0</v>
      </c>
      <c r="R29" s="280">
        <v>4</v>
      </c>
      <c r="S29" s="280">
        <v>12</v>
      </c>
      <c r="T29" s="280">
        <v>17</v>
      </c>
      <c r="U29" s="280">
        <v>36</v>
      </c>
      <c r="V29" s="280">
        <v>72</v>
      </c>
      <c r="W29" s="277">
        <v>141</v>
      </c>
      <c r="X29" s="282">
        <v>141</v>
      </c>
      <c r="Y29" s="276">
        <v>153</v>
      </c>
      <c r="Z29" s="280">
        <v>240</v>
      </c>
      <c r="AA29" s="277">
        <v>393</v>
      </c>
      <c r="AB29" s="279">
        <v>0</v>
      </c>
      <c r="AC29" s="280">
        <v>214</v>
      </c>
      <c r="AD29" s="280">
        <v>266</v>
      </c>
      <c r="AE29" s="280">
        <v>306</v>
      </c>
      <c r="AF29" s="280">
        <v>270</v>
      </c>
      <c r="AG29" s="280">
        <v>265</v>
      </c>
      <c r="AH29" s="277">
        <v>1321</v>
      </c>
      <c r="AI29" s="282">
        <v>1714</v>
      </c>
      <c r="AJ29" s="276">
        <v>0</v>
      </c>
      <c r="AK29" s="280">
        <v>10</v>
      </c>
      <c r="AL29" s="277">
        <v>10</v>
      </c>
      <c r="AM29" s="279">
        <v>0</v>
      </c>
      <c r="AN29" s="280">
        <v>0</v>
      </c>
      <c r="AO29" s="280">
        <v>9</v>
      </c>
      <c r="AP29" s="280">
        <v>0</v>
      </c>
      <c r="AQ29" s="280">
        <v>0</v>
      </c>
      <c r="AR29" s="280">
        <v>12</v>
      </c>
      <c r="AS29" s="277">
        <v>21</v>
      </c>
      <c r="AT29" s="282">
        <v>31</v>
      </c>
      <c r="AU29" s="276">
        <v>0</v>
      </c>
      <c r="AV29" s="280">
        <v>0</v>
      </c>
      <c r="AW29" s="277">
        <v>0</v>
      </c>
      <c r="AX29" s="279">
        <v>0</v>
      </c>
      <c r="AY29" s="280">
        <v>863</v>
      </c>
      <c r="AZ29" s="280">
        <v>636</v>
      </c>
      <c r="BA29" s="280">
        <v>327</v>
      </c>
      <c r="BB29" s="280">
        <v>309</v>
      </c>
      <c r="BC29" s="280">
        <v>110</v>
      </c>
      <c r="BD29" s="281">
        <v>2245</v>
      </c>
      <c r="BE29" s="282">
        <v>2245</v>
      </c>
      <c r="BF29" s="276">
        <v>0</v>
      </c>
      <c r="BG29" s="280">
        <v>0</v>
      </c>
      <c r="BH29" s="277">
        <v>0</v>
      </c>
      <c r="BI29" s="279">
        <v>0</v>
      </c>
      <c r="BJ29" s="280">
        <v>100</v>
      </c>
      <c r="BK29" s="280">
        <v>194</v>
      </c>
      <c r="BL29" s="280">
        <v>86</v>
      </c>
      <c r="BM29" s="280">
        <v>41</v>
      </c>
      <c r="BN29" s="280">
        <v>24</v>
      </c>
      <c r="BO29" s="277">
        <v>445</v>
      </c>
      <c r="BP29" s="282">
        <v>445</v>
      </c>
      <c r="BQ29" s="276">
        <v>8</v>
      </c>
      <c r="BR29" s="280">
        <v>16</v>
      </c>
      <c r="BS29" s="277">
        <v>24</v>
      </c>
      <c r="BT29" s="279">
        <v>0</v>
      </c>
      <c r="BU29" s="280">
        <v>56</v>
      </c>
      <c r="BV29" s="280">
        <v>128</v>
      </c>
      <c r="BW29" s="280">
        <v>188</v>
      </c>
      <c r="BX29" s="280">
        <v>62</v>
      </c>
      <c r="BY29" s="280">
        <v>46</v>
      </c>
      <c r="BZ29" s="277">
        <v>480</v>
      </c>
      <c r="CA29" s="282">
        <v>504</v>
      </c>
      <c r="CB29" s="276">
        <v>0</v>
      </c>
      <c r="CC29" s="280">
        <v>0</v>
      </c>
      <c r="CD29" s="277">
        <v>0</v>
      </c>
      <c r="CE29" s="279">
        <v>0</v>
      </c>
      <c r="CF29" s="280">
        <v>14</v>
      </c>
      <c r="CG29" s="280">
        <v>2</v>
      </c>
      <c r="CH29" s="280">
        <v>33</v>
      </c>
      <c r="CI29" s="280">
        <v>5</v>
      </c>
      <c r="CJ29" s="280">
        <v>8</v>
      </c>
      <c r="CK29" s="277">
        <v>62</v>
      </c>
      <c r="CL29" s="282">
        <v>62</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4">
        <v>0</v>
      </c>
      <c r="F30" s="279">
        <v>0</v>
      </c>
      <c r="G30" s="280">
        <v>69</v>
      </c>
      <c r="H30" s="280">
        <v>251</v>
      </c>
      <c r="I30" s="280">
        <v>166</v>
      </c>
      <c r="J30" s="280">
        <v>167</v>
      </c>
      <c r="K30" s="280">
        <v>101</v>
      </c>
      <c r="L30" s="281">
        <v>754</v>
      </c>
      <c r="M30" s="282">
        <v>754</v>
      </c>
      <c r="N30" s="276">
        <v>0</v>
      </c>
      <c r="O30" s="280">
        <v>0</v>
      </c>
      <c r="P30" s="277">
        <v>0</v>
      </c>
      <c r="Q30" s="279">
        <v>0</v>
      </c>
      <c r="R30" s="280">
        <v>0</v>
      </c>
      <c r="S30" s="280">
        <v>6</v>
      </c>
      <c r="T30" s="280">
        <v>14</v>
      </c>
      <c r="U30" s="280">
        <v>9</v>
      </c>
      <c r="V30" s="280">
        <v>9</v>
      </c>
      <c r="W30" s="277">
        <v>38</v>
      </c>
      <c r="X30" s="282">
        <v>38</v>
      </c>
      <c r="Y30" s="276">
        <v>9</v>
      </c>
      <c r="Z30" s="280">
        <v>13</v>
      </c>
      <c r="AA30" s="277">
        <v>22</v>
      </c>
      <c r="AB30" s="279">
        <v>0</v>
      </c>
      <c r="AC30" s="280">
        <v>20</v>
      </c>
      <c r="AD30" s="280">
        <v>101</v>
      </c>
      <c r="AE30" s="280">
        <v>92</v>
      </c>
      <c r="AF30" s="280">
        <v>67</v>
      </c>
      <c r="AG30" s="280">
        <v>48</v>
      </c>
      <c r="AH30" s="277">
        <v>328</v>
      </c>
      <c r="AI30" s="282">
        <v>350</v>
      </c>
      <c r="AJ30" s="276">
        <v>0</v>
      </c>
      <c r="AK30" s="280">
        <v>0</v>
      </c>
      <c r="AL30" s="277">
        <v>0</v>
      </c>
      <c r="AM30" s="279">
        <v>0</v>
      </c>
      <c r="AN30" s="280">
        <v>32</v>
      </c>
      <c r="AO30" s="280">
        <v>0</v>
      </c>
      <c r="AP30" s="280">
        <v>0</v>
      </c>
      <c r="AQ30" s="280">
        <v>6</v>
      </c>
      <c r="AR30" s="280">
        <v>20</v>
      </c>
      <c r="AS30" s="277">
        <v>58</v>
      </c>
      <c r="AT30" s="282">
        <v>58</v>
      </c>
      <c r="AU30" s="276">
        <v>0</v>
      </c>
      <c r="AV30" s="280">
        <v>0</v>
      </c>
      <c r="AW30" s="277">
        <v>0</v>
      </c>
      <c r="AX30" s="279">
        <v>0</v>
      </c>
      <c r="AY30" s="280">
        <v>277</v>
      </c>
      <c r="AZ30" s="280">
        <v>241</v>
      </c>
      <c r="BA30" s="280">
        <v>225</v>
      </c>
      <c r="BB30" s="280">
        <v>104</v>
      </c>
      <c r="BC30" s="280">
        <v>55</v>
      </c>
      <c r="BD30" s="281">
        <v>902</v>
      </c>
      <c r="BE30" s="282">
        <v>902</v>
      </c>
      <c r="BF30" s="276">
        <v>0</v>
      </c>
      <c r="BG30" s="280">
        <v>0</v>
      </c>
      <c r="BH30" s="277">
        <v>0</v>
      </c>
      <c r="BI30" s="279">
        <v>0</v>
      </c>
      <c r="BJ30" s="280">
        <v>39</v>
      </c>
      <c r="BK30" s="280">
        <v>122</v>
      </c>
      <c r="BL30" s="280">
        <v>67</v>
      </c>
      <c r="BM30" s="280">
        <v>66</v>
      </c>
      <c r="BN30" s="280">
        <v>33</v>
      </c>
      <c r="BO30" s="277">
        <v>327</v>
      </c>
      <c r="BP30" s="282">
        <v>327</v>
      </c>
      <c r="BQ30" s="276">
        <v>0</v>
      </c>
      <c r="BR30" s="280">
        <v>0</v>
      </c>
      <c r="BS30" s="277">
        <v>0</v>
      </c>
      <c r="BT30" s="279">
        <v>0</v>
      </c>
      <c r="BU30" s="280">
        <v>11</v>
      </c>
      <c r="BV30" s="280">
        <v>29</v>
      </c>
      <c r="BW30" s="280">
        <v>72</v>
      </c>
      <c r="BX30" s="280">
        <v>94</v>
      </c>
      <c r="BY30" s="280">
        <v>54</v>
      </c>
      <c r="BZ30" s="277">
        <v>260</v>
      </c>
      <c r="CA30" s="282">
        <v>260</v>
      </c>
      <c r="CB30" s="276">
        <v>0</v>
      </c>
      <c r="CC30" s="280">
        <v>2</v>
      </c>
      <c r="CD30" s="277">
        <v>2</v>
      </c>
      <c r="CE30" s="279">
        <v>0</v>
      </c>
      <c r="CF30" s="280">
        <v>5</v>
      </c>
      <c r="CG30" s="280">
        <v>6</v>
      </c>
      <c r="CH30" s="280">
        <v>6</v>
      </c>
      <c r="CI30" s="280">
        <v>21</v>
      </c>
      <c r="CJ30" s="280">
        <v>14</v>
      </c>
      <c r="CK30" s="277">
        <v>52</v>
      </c>
      <c r="CL30" s="282">
        <v>54</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4">
        <v>0</v>
      </c>
      <c r="F31" s="279">
        <v>0</v>
      </c>
      <c r="G31" s="280">
        <v>198</v>
      </c>
      <c r="H31" s="280">
        <v>365</v>
      </c>
      <c r="I31" s="280">
        <v>83</v>
      </c>
      <c r="J31" s="280">
        <v>581</v>
      </c>
      <c r="K31" s="280">
        <v>771</v>
      </c>
      <c r="L31" s="281">
        <v>1998</v>
      </c>
      <c r="M31" s="282">
        <v>1998</v>
      </c>
      <c r="N31" s="276">
        <v>0</v>
      </c>
      <c r="O31" s="280">
        <v>0</v>
      </c>
      <c r="P31" s="277">
        <v>0</v>
      </c>
      <c r="Q31" s="279">
        <v>0</v>
      </c>
      <c r="R31" s="280">
        <v>0</v>
      </c>
      <c r="S31" s="280">
        <v>3</v>
      </c>
      <c r="T31" s="280">
        <v>0</v>
      </c>
      <c r="U31" s="280">
        <v>9</v>
      </c>
      <c r="V31" s="280">
        <v>26</v>
      </c>
      <c r="W31" s="277">
        <v>38</v>
      </c>
      <c r="X31" s="282">
        <v>38</v>
      </c>
      <c r="Y31" s="276">
        <v>8</v>
      </c>
      <c r="Z31" s="280">
        <v>26</v>
      </c>
      <c r="AA31" s="277">
        <v>34</v>
      </c>
      <c r="AB31" s="279">
        <v>0</v>
      </c>
      <c r="AC31" s="280">
        <v>152</v>
      </c>
      <c r="AD31" s="280">
        <v>159</v>
      </c>
      <c r="AE31" s="280">
        <v>125</v>
      </c>
      <c r="AF31" s="280">
        <v>64</v>
      </c>
      <c r="AG31" s="280">
        <v>58</v>
      </c>
      <c r="AH31" s="277">
        <v>558</v>
      </c>
      <c r="AI31" s="282">
        <v>592</v>
      </c>
      <c r="AJ31" s="276">
        <v>12</v>
      </c>
      <c r="AK31" s="280">
        <v>12</v>
      </c>
      <c r="AL31" s="277">
        <v>24</v>
      </c>
      <c r="AM31" s="279">
        <v>0</v>
      </c>
      <c r="AN31" s="280">
        <v>36</v>
      </c>
      <c r="AO31" s="280">
        <v>39</v>
      </c>
      <c r="AP31" s="280">
        <v>12</v>
      </c>
      <c r="AQ31" s="280">
        <v>56</v>
      </c>
      <c r="AR31" s="280">
        <v>0</v>
      </c>
      <c r="AS31" s="277">
        <v>143</v>
      </c>
      <c r="AT31" s="282">
        <v>167</v>
      </c>
      <c r="AU31" s="276">
        <v>0</v>
      </c>
      <c r="AV31" s="280">
        <v>0</v>
      </c>
      <c r="AW31" s="277">
        <v>0</v>
      </c>
      <c r="AX31" s="279">
        <v>0</v>
      </c>
      <c r="AY31" s="280">
        <v>338</v>
      </c>
      <c r="AZ31" s="280">
        <v>361</v>
      </c>
      <c r="BA31" s="280">
        <v>215</v>
      </c>
      <c r="BB31" s="280">
        <v>193</v>
      </c>
      <c r="BC31" s="280">
        <v>33</v>
      </c>
      <c r="BD31" s="281">
        <v>1140</v>
      </c>
      <c r="BE31" s="282">
        <v>1140</v>
      </c>
      <c r="BF31" s="276">
        <v>0</v>
      </c>
      <c r="BG31" s="280">
        <v>0</v>
      </c>
      <c r="BH31" s="277">
        <v>0</v>
      </c>
      <c r="BI31" s="279">
        <v>0</v>
      </c>
      <c r="BJ31" s="280">
        <v>121</v>
      </c>
      <c r="BK31" s="280">
        <v>76</v>
      </c>
      <c r="BL31" s="280">
        <v>62</v>
      </c>
      <c r="BM31" s="280">
        <v>29</v>
      </c>
      <c r="BN31" s="280">
        <v>0</v>
      </c>
      <c r="BO31" s="277">
        <v>288</v>
      </c>
      <c r="BP31" s="282">
        <v>288</v>
      </c>
      <c r="BQ31" s="276">
        <v>0</v>
      </c>
      <c r="BR31" s="280">
        <v>7</v>
      </c>
      <c r="BS31" s="277">
        <v>7</v>
      </c>
      <c r="BT31" s="279">
        <v>0</v>
      </c>
      <c r="BU31" s="280">
        <v>47</v>
      </c>
      <c r="BV31" s="280">
        <v>92</v>
      </c>
      <c r="BW31" s="280">
        <v>131</v>
      </c>
      <c r="BX31" s="280">
        <v>89</v>
      </c>
      <c r="BY31" s="280">
        <v>46</v>
      </c>
      <c r="BZ31" s="277">
        <v>405</v>
      </c>
      <c r="CA31" s="282">
        <v>412</v>
      </c>
      <c r="CB31" s="276">
        <v>0</v>
      </c>
      <c r="CC31" s="280">
        <v>0</v>
      </c>
      <c r="CD31" s="277">
        <v>0</v>
      </c>
      <c r="CE31" s="279">
        <v>0</v>
      </c>
      <c r="CF31" s="280">
        <v>5</v>
      </c>
      <c r="CG31" s="280">
        <v>7</v>
      </c>
      <c r="CH31" s="280">
        <v>0</v>
      </c>
      <c r="CI31" s="280">
        <v>4</v>
      </c>
      <c r="CJ31" s="280">
        <v>0</v>
      </c>
      <c r="CK31" s="277">
        <v>16</v>
      </c>
      <c r="CL31" s="282">
        <v>16</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4">
        <v>0</v>
      </c>
      <c r="F32" s="279">
        <v>0</v>
      </c>
      <c r="G32" s="280">
        <v>292</v>
      </c>
      <c r="H32" s="280">
        <v>340</v>
      </c>
      <c r="I32" s="280">
        <v>541</v>
      </c>
      <c r="J32" s="280">
        <v>462</v>
      </c>
      <c r="K32" s="280">
        <v>790</v>
      </c>
      <c r="L32" s="281">
        <v>2425</v>
      </c>
      <c r="M32" s="282">
        <v>2425</v>
      </c>
      <c r="N32" s="276">
        <v>0</v>
      </c>
      <c r="O32" s="280">
        <v>0</v>
      </c>
      <c r="P32" s="277">
        <v>0</v>
      </c>
      <c r="Q32" s="279">
        <v>0</v>
      </c>
      <c r="R32" s="280">
        <v>4</v>
      </c>
      <c r="S32" s="280">
        <v>0</v>
      </c>
      <c r="T32" s="280">
        <v>4</v>
      </c>
      <c r="U32" s="280">
        <v>36</v>
      </c>
      <c r="V32" s="280">
        <v>32</v>
      </c>
      <c r="W32" s="277">
        <v>76</v>
      </c>
      <c r="X32" s="282">
        <v>76</v>
      </c>
      <c r="Y32" s="276">
        <v>22</v>
      </c>
      <c r="Z32" s="280">
        <v>26</v>
      </c>
      <c r="AA32" s="277">
        <v>48</v>
      </c>
      <c r="AB32" s="279">
        <v>0</v>
      </c>
      <c r="AC32" s="280">
        <v>198</v>
      </c>
      <c r="AD32" s="280">
        <v>89</v>
      </c>
      <c r="AE32" s="280">
        <v>219</v>
      </c>
      <c r="AF32" s="280">
        <v>149</v>
      </c>
      <c r="AG32" s="280">
        <v>82</v>
      </c>
      <c r="AH32" s="277">
        <v>737</v>
      </c>
      <c r="AI32" s="282">
        <v>785</v>
      </c>
      <c r="AJ32" s="276">
        <v>0</v>
      </c>
      <c r="AK32" s="280">
        <v>0</v>
      </c>
      <c r="AL32" s="277">
        <v>0</v>
      </c>
      <c r="AM32" s="279">
        <v>0</v>
      </c>
      <c r="AN32" s="280">
        <v>12</v>
      </c>
      <c r="AO32" s="280">
        <v>0</v>
      </c>
      <c r="AP32" s="280">
        <v>58</v>
      </c>
      <c r="AQ32" s="280">
        <v>12</v>
      </c>
      <c r="AR32" s="280">
        <v>0</v>
      </c>
      <c r="AS32" s="277">
        <v>82</v>
      </c>
      <c r="AT32" s="282">
        <v>82</v>
      </c>
      <c r="AU32" s="276">
        <v>0</v>
      </c>
      <c r="AV32" s="280">
        <v>0</v>
      </c>
      <c r="AW32" s="277">
        <v>0</v>
      </c>
      <c r="AX32" s="279">
        <v>0</v>
      </c>
      <c r="AY32" s="280">
        <v>237</v>
      </c>
      <c r="AZ32" s="280">
        <v>201</v>
      </c>
      <c r="BA32" s="280">
        <v>150</v>
      </c>
      <c r="BB32" s="280">
        <v>98</v>
      </c>
      <c r="BC32" s="280">
        <v>17</v>
      </c>
      <c r="BD32" s="281">
        <v>703</v>
      </c>
      <c r="BE32" s="282">
        <v>703</v>
      </c>
      <c r="BF32" s="276">
        <v>0</v>
      </c>
      <c r="BG32" s="280">
        <v>0</v>
      </c>
      <c r="BH32" s="277">
        <v>0</v>
      </c>
      <c r="BI32" s="279">
        <v>0</v>
      </c>
      <c r="BJ32" s="280">
        <v>38</v>
      </c>
      <c r="BK32" s="280">
        <v>67</v>
      </c>
      <c r="BL32" s="280">
        <v>51</v>
      </c>
      <c r="BM32" s="280">
        <v>41</v>
      </c>
      <c r="BN32" s="280">
        <v>0</v>
      </c>
      <c r="BO32" s="277">
        <v>197</v>
      </c>
      <c r="BP32" s="282">
        <v>197</v>
      </c>
      <c r="BQ32" s="276">
        <v>0</v>
      </c>
      <c r="BR32" s="280">
        <v>0</v>
      </c>
      <c r="BS32" s="277">
        <v>0</v>
      </c>
      <c r="BT32" s="279">
        <v>0</v>
      </c>
      <c r="BU32" s="280">
        <v>36</v>
      </c>
      <c r="BV32" s="280">
        <v>57</v>
      </c>
      <c r="BW32" s="280">
        <v>103</v>
      </c>
      <c r="BX32" s="280">
        <v>101</v>
      </c>
      <c r="BY32" s="280">
        <v>4</v>
      </c>
      <c r="BZ32" s="277">
        <v>301</v>
      </c>
      <c r="CA32" s="282">
        <v>301</v>
      </c>
      <c r="CB32" s="276">
        <v>0</v>
      </c>
      <c r="CC32" s="280">
        <v>0</v>
      </c>
      <c r="CD32" s="277">
        <v>0</v>
      </c>
      <c r="CE32" s="279">
        <v>0</v>
      </c>
      <c r="CF32" s="280">
        <v>0</v>
      </c>
      <c r="CG32" s="280">
        <v>11</v>
      </c>
      <c r="CH32" s="280">
        <v>2</v>
      </c>
      <c r="CI32" s="280">
        <v>9</v>
      </c>
      <c r="CJ32" s="280">
        <v>0</v>
      </c>
      <c r="CK32" s="277">
        <v>22</v>
      </c>
      <c r="CL32" s="282">
        <v>22</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4">
        <v>0</v>
      </c>
      <c r="F33" s="279">
        <v>0</v>
      </c>
      <c r="G33" s="280">
        <v>89</v>
      </c>
      <c r="H33" s="280">
        <v>188</v>
      </c>
      <c r="I33" s="280">
        <v>192</v>
      </c>
      <c r="J33" s="280">
        <v>144</v>
      </c>
      <c r="K33" s="280">
        <v>350</v>
      </c>
      <c r="L33" s="281">
        <v>963</v>
      </c>
      <c r="M33" s="282">
        <v>963</v>
      </c>
      <c r="N33" s="276">
        <v>0</v>
      </c>
      <c r="O33" s="280">
        <v>0</v>
      </c>
      <c r="P33" s="277">
        <v>0</v>
      </c>
      <c r="Q33" s="279">
        <v>0</v>
      </c>
      <c r="R33" s="280">
        <v>0</v>
      </c>
      <c r="S33" s="280">
        <v>8</v>
      </c>
      <c r="T33" s="280">
        <v>23</v>
      </c>
      <c r="U33" s="280">
        <v>31</v>
      </c>
      <c r="V33" s="280">
        <v>29</v>
      </c>
      <c r="W33" s="277">
        <v>91</v>
      </c>
      <c r="X33" s="282">
        <v>91</v>
      </c>
      <c r="Y33" s="276">
        <v>9</v>
      </c>
      <c r="Z33" s="280">
        <v>30</v>
      </c>
      <c r="AA33" s="277">
        <v>39</v>
      </c>
      <c r="AB33" s="279">
        <v>0</v>
      </c>
      <c r="AC33" s="280">
        <v>93</v>
      </c>
      <c r="AD33" s="280">
        <v>121</v>
      </c>
      <c r="AE33" s="280">
        <v>74</v>
      </c>
      <c r="AF33" s="280">
        <v>101</v>
      </c>
      <c r="AG33" s="280">
        <v>83</v>
      </c>
      <c r="AH33" s="277">
        <v>472</v>
      </c>
      <c r="AI33" s="282">
        <v>511</v>
      </c>
      <c r="AJ33" s="276">
        <v>0</v>
      </c>
      <c r="AK33" s="280">
        <v>18</v>
      </c>
      <c r="AL33" s="277">
        <v>18</v>
      </c>
      <c r="AM33" s="279">
        <v>0</v>
      </c>
      <c r="AN33" s="280">
        <v>32</v>
      </c>
      <c r="AO33" s="280">
        <v>24</v>
      </c>
      <c r="AP33" s="280">
        <v>33</v>
      </c>
      <c r="AQ33" s="280">
        <v>53</v>
      </c>
      <c r="AR33" s="280">
        <v>14</v>
      </c>
      <c r="AS33" s="277">
        <v>156</v>
      </c>
      <c r="AT33" s="282">
        <v>174</v>
      </c>
      <c r="AU33" s="276">
        <v>0</v>
      </c>
      <c r="AV33" s="280">
        <v>0</v>
      </c>
      <c r="AW33" s="277">
        <v>0</v>
      </c>
      <c r="AX33" s="279">
        <v>0</v>
      </c>
      <c r="AY33" s="280">
        <v>281</v>
      </c>
      <c r="AZ33" s="280">
        <v>332</v>
      </c>
      <c r="BA33" s="280">
        <v>354</v>
      </c>
      <c r="BB33" s="280">
        <v>101</v>
      </c>
      <c r="BC33" s="280">
        <v>34</v>
      </c>
      <c r="BD33" s="281">
        <v>1102</v>
      </c>
      <c r="BE33" s="282">
        <v>1102</v>
      </c>
      <c r="BF33" s="276">
        <v>0</v>
      </c>
      <c r="BG33" s="280">
        <v>0</v>
      </c>
      <c r="BH33" s="277">
        <v>0</v>
      </c>
      <c r="BI33" s="279">
        <v>0</v>
      </c>
      <c r="BJ33" s="280">
        <v>27</v>
      </c>
      <c r="BK33" s="280">
        <v>74</v>
      </c>
      <c r="BL33" s="280">
        <v>34</v>
      </c>
      <c r="BM33" s="280">
        <v>23</v>
      </c>
      <c r="BN33" s="280">
        <v>7</v>
      </c>
      <c r="BO33" s="277">
        <v>165</v>
      </c>
      <c r="BP33" s="282">
        <v>165</v>
      </c>
      <c r="BQ33" s="276">
        <v>2</v>
      </c>
      <c r="BR33" s="280">
        <v>2</v>
      </c>
      <c r="BS33" s="277">
        <v>4</v>
      </c>
      <c r="BT33" s="279">
        <v>0</v>
      </c>
      <c r="BU33" s="280">
        <v>17</v>
      </c>
      <c r="BV33" s="280">
        <v>75</v>
      </c>
      <c r="BW33" s="280">
        <v>164</v>
      </c>
      <c r="BX33" s="280">
        <v>66</v>
      </c>
      <c r="BY33" s="280">
        <v>42</v>
      </c>
      <c r="BZ33" s="277">
        <v>364</v>
      </c>
      <c r="CA33" s="282">
        <v>368</v>
      </c>
      <c r="CB33" s="276">
        <v>0</v>
      </c>
      <c r="CC33" s="280">
        <v>0</v>
      </c>
      <c r="CD33" s="277">
        <v>0</v>
      </c>
      <c r="CE33" s="279">
        <v>0</v>
      </c>
      <c r="CF33" s="280">
        <v>0</v>
      </c>
      <c r="CG33" s="280">
        <v>10</v>
      </c>
      <c r="CH33" s="280">
        <v>0</v>
      </c>
      <c r="CI33" s="280">
        <v>0</v>
      </c>
      <c r="CJ33" s="280">
        <v>5</v>
      </c>
      <c r="CK33" s="277">
        <v>15</v>
      </c>
      <c r="CL33" s="282">
        <v>15</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4">
        <v>0</v>
      </c>
      <c r="F34" s="279">
        <v>0</v>
      </c>
      <c r="G34" s="280">
        <v>293</v>
      </c>
      <c r="H34" s="280">
        <v>357</v>
      </c>
      <c r="I34" s="280">
        <v>483</v>
      </c>
      <c r="J34" s="280">
        <v>405</v>
      </c>
      <c r="K34" s="280">
        <v>665</v>
      </c>
      <c r="L34" s="281">
        <v>2203</v>
      </c>
      <c r="M34" s="282">
        <v>2203</v>
      </c>
      <c r="N34" s="276">
        <v>0</v>
      </c>
      <c r="O34" s="280">
        <v>0</v>
      </c>
      <c r="P34" s="277">
        <v>0</v>
      </c>
      <c r="Q34" s="279">
        <v>0</v>
      </c>
      <c r="R34" s="280">
        <v>0</v>
      </c>
      <c r="S34" s="280">
        <v>0</v>
      </c>
      <c r="T34" s="280">
        <v>11</v>
      </c>
      <c r="U34" s="280">
        <v>9</v>
      </c>
      <c r="V34" s="280">
        <v>38</v>
      </c>
      <c r="W34" s="277">
        <v>58</v>
      </c>
      <c r="X34" s="282">
        <v>58</v>
      </c>
      <c r="Y34" s="276">
        <v>25</v>
      </c>
      <c r="Z34" s="280">
        <v>39</v>
      </c>
      <c r="AA34" s="277">
        <v>64</v>
      </c>
      <c r="AB34" s="279">
        <v>0</v>
      </c>
      <c r="AC34" s="280">
        <v>170</v>
      </c>
      <c r="AD34" s="280">
        <v>184</v>
      </c>
      <c r="AE34" s="280">
        <v>131</v>
      </c>
      <c r="AF34" s="280">
        <v>138</v>
      </c>
      <c r="AG34" s="280">
        <v>62</v>
      </c>
      <c r="AH34" s="277">
        <v>685</v>
      </c>
      <c r="AI34" s="282">
        <v>749</v>
      </c>
      <c r="AJ34" s="276">
        <v>16</v>
      </c>
      <c r="AK34" s="280">
        <v>0</v>
      </c>
      <c r="AL34" s="277">
        <v>16</v>
      </c>
      <c r="AM34" s="279">
        <v>0</v>
      </c>
      <c r="AN34" s="280">
        <v>66</v>
      </c>
      <c r="AO34" s="280">
        <v>15</v>
      </c>
      <c r="AP34" s="280">
        <v>18</v>
      </c>
      <c r="AQ34" s="280">
        <v>42</v>
      </c>
      <c r="AR34" s="280">
        <v>15</v>
      </c>
      <c r="AS34" s="277">
        <v>156</v>
      </c>
      <c r="AT34" s="282">
        <v>172</v>
      </c>
      <c r="AU34" s="276">
        <v>0</v>
      </c>
      <c r="AV34" s="280">
        <v>0</v>
      </c>
      <c r="AW34" s="277">
        <v>0</v>
      </c>
      <c r="AX34" s="279">
        <v>0</v>
      </c>
      <c r="AY34" s="280">
        <v>531</v>
      </c>
      <c r="AZ34" s="280">
        <v>447</v>
      </c>
      <c r="BA34" s="280">
        <v>242</v>
      </c>
      <c r="BB34" s="280">
        <v>195</v>
      </c>
      <c r="BC34" s="280">
        <v>34</v>
      </c>
      <c r="BD34" s="281">
        <v>1449</v>
      </c>
      <c r="BE34" s="282">
        <v>1449</v>
      </c>
      <c r="BF34" s="276">
        <v>0</v>
      </c>
      <c r="BG34" s="280">
        <v>0</v>
      </c>
      <c r="BH34" s="277">
        <v>0</v>
      </c>
      <c r="BI34" s="279">
        <v>0</v>
      </c>
      <c r="BJ34" s="280">
        <v>69</v>
      </c>
      <c r="BK34" s="280">
        <v>72</v>
      </c>
      <c r="BL34" s="280">
        <v>35</v>
      </c>
      <c r="BM34" s="280">
        <v>35</v>
      </c>
      <c r="BN34" s="280">
        <v>23</v>
      </c>
      <c r="BO34" s="277">
        <v>234</v>
      </c>
      <c r="BP34" s="282">
        <v>234</v>
      </c>
      <c r="BQ34" s="276">
        <v>0</v>
      </c>
      <c r="BR34" s="280">
        <v>2</v>
      </c>
      <c r="BS34" s="277">
        <v>2</v>
      </c>
      <c r="BT34" s="279">
        <v>0</v>
      </c>
      <c r="BU34" s="280">
        <v>26</v>
      </c>
      <c r="BV34" s="280">
        <v>79</v>
      </c>
      <c r="BW34" s="280">
        <v>100</v>
      </c>
      <c r="BX34" s="280">
        <v>34</v>
      </c>
      <c r="BY34" s="280">
        <v>75</v>
      </c>
      <c r="BZ34" s="277">
        <v>314</v>
      </c>
      <c r="CA34" s="282">
        <v>316</v>
      </c>
      <c r="CB34" s="276">
        <v>0</v>
      </c>
      <c r="CC34" s="280">
        <v>0</v>
      </c>
      <c r="CD34" s="277">
        <v>0</v>
      </c>
      <c r="CE34" s="279">
        <v>0</v>
      </c>
      <c r="CF34" s="280">
        <v>0</v>
      </c>
      <c r="CG34" s="280">
        <v>0</v>
      </c>
      <c r="CH34" s="280">
        <v>4</v>
      </c>
      <c r="CI34" s="280">
        <v>25</v>
      </c>
      <c r="CJ34" s="280">
        <v>0</v>
      </c>
      <c r="CK34" s="277">
        <v>29</v>
      </c>
      <c r="CL34" s="282">
        <v>29</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4">
        <v>0</v>
      </c>
      <c r="F35" s="279">
        <v>0</v>
      </c>
      <c r="G35" s="280">
        <v>194</v>
      </c>
      <c r="H35" s="280">
        <v>546</v>
      </c>
      <c r="I35" s="280">
        <v>310</v>
      </c>
      <c r="J35" s="280">
        <v>340</v>
      </c>
      <c r="K35" s="280">
        <v>539</v>
      </c>
      <c r="L35" s="281">
        <v>1929</v>
      </c>
      <c r="M35" s="282">
        <v>1929</v>
      </c>
      <c r="N35" s="276">
        <v>0</v>
      </c>
      <c r="O35" s="280">
        <v>0</v>
      </c>
      <c r="P35" s="277">
        <v>0</v>
      </c>
      <c r="Q35" s="279">
        <v>0</v>
      </c>
      <c r="R35" s="280">
        <v>0</v>
      </c>
      <c r="S35" s="280">
        <v>1</v>
      </c>
      <c r="T35" s="280">
        <v>10</v>
      </c>
      <c r="U35" s="280">
        <v>12</v>
      </c>
      <c r="V35" s="280">
        <v>19</v>
      </c>
      <c r="W35" s="277">
        <v>42</v>
      </c>
      <c r="X35" s="282">
        <v>42</v>
      </c>
      <c r="Y35" s="276">
        <v>4</v>
      </c>
      <c r="Z35" s="280">
        <v>9</v>
      </c>
      <c r="AA35" s="277">
        <v>13</v>
      </c>
      <c r="AB35" s="279">
        <v>0</v>
      </c>
      <c r="AC35" s="280">
        <v>114</v>
      </c>
      <c r="AD35" s="280">
        <v>84</v>
      </c>
      <c r="AE35" s="280">
        <v>56</v>
      </c>
      <c r="AF35" s="280">
        <v>36</v>
      </c>
      <c r="AG35" s="280">
        <v>38</v>
      </c>
      <c r="AH35" s="277">
        <v>328</v>
      </c>
      <c r="AI35" s="282">
        <v>341</v>
      </c>
      <c r="AJ35" s="276">
        <v>132</v>
      </c>
      <c r="AK35" s="280">
        <v>217</v>
      </c>
      <c r="AL35" s="277">
        <v>349</v>
      </c>
      <c r="AM35" s="279">
        <v>0</v>
      </c>
      <c r="AN35" s="280">
        <v>363</v>
      </c>
      <c r="AO35" s="280">
        <v>235</v>
      </c>
      <c r="AP35" s="280">
        <v>90</v>
      </c>
      <c r="AQ35" s="280">
        <v>108</v>
      </c>
      <c r="AR35" s="280">
        <v>48</v>
      </c>
      <c r="AS35" s="277">
        <v>844</v>
      </c>
      <c r="AT35" s="282">
        <v>1193</v>
      </c>
      <c r="AU35" s="276">
        <v>0</v>
      </c>
      <c r="AV35" s="280">
        <v>0</v>
      </c>
      <c r="AW35" s="277">
        <v>0</v>
      </c>
      <c r="AX35" s="279">
        <v>0</v>
      </c>
      <c r="AY35" s="280">
        <v>100</v>
      </c>
      <c r="AZ35" s="280">
        <v>60</v>
      </c>
      <c r="BA35" s="280">
        <v>28</v>
      </c>
      <c r="BB35" s="280">
        <v>32</v>
      </c>
      <c r="BC35" s="280">
        <v>30</v>
      </c>
      <c r="BD35" s="281">
        <v>250</v>
      </c>
      <c r="BE35" s="282">
        <v>250</v>
      </c>
      <c r="BF35" s="276">
        <v>0</v>
      </c>
      <c r="BG35" s="280">
        <v>0</v>
      </c>
      <c r="BH35" s="277">
        <v>0</v>
      </c>
      <c r="BI35" s="279">
        <v>0</v>
      </c>
      <c r="BJ35" s="280">
        <v>139</v>
      </c>
      <c r="BK35" s="280">
        <v>75</v>
      </c>
      <c r="BL35" s="280">
        <v>59</v>
      </c>
      <c r="BM35" s="280">
        <v>20</v>
      </c>
      <c r="BN35" s="280">
        <v>10</v>
      </c>
      <c r="BO35" s="277">
        <v>303</v>
      </c>
      <c r="BP35" s="282">
        <v>303</v>
      </c>
      <c r="BQ35" s="276">
        <v>0</v>
      </c>
      <c r="BR35" s="280">
        <v>0</v>
      </c>
      <c r="BS35" s="277">
        <v>0</v>
      </c>
      <c r="BT35" s="279">
        <v>0</v>
      </c>
      <c r="BU35" s="280">
        <v>23</v>
      </c>
      <c r="BV35" s="280">
        <v>95</v>
      </c>
      <c r="BW35" s="280">
        <v>97</v>
      </c>
      <c r="BX35" s="280">
        <v>155</v>
      </c>
      <c r="BY35" s="280">
        <v>92</v>
      </c>
      <c r="BZ35" s="277">
        <v>462</v>
      </c>
      <c r="CA35" s="282">
        <v>462</v>
      </c>
      <c r="CB35" s="276">
        <v>0</v>
      </c>
      <c r="CC35" s="280">
        <v>0</v>
      </c>
      <c r="CD35" s="277">
        <v>0</v>
      </c>
      <c r="CE35" s="279">
        <v>0</v>
      </c>
      <c r="CF35" s="280">
        <v>7</v>
      </c>
      <c r="CG35" s="280">
        <v>9</v>
      </c>
      <c r="CH35" s="280">
        <v>0</v>
      </c>
      <c r="CI35" s="280">
        <v>21</v>
      </c>
      <c r="CJ35" s="280">
        <v>2</v>
      </c>
      <c r="CK35" s="277">
        <v>39</v>
      </c>
      <c r="CL35" s="282">
        <v>39</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4">
        <v>0</v>
      </c>
      <c r="F36" s="279">
        <v>0</v>
      </c>
      <c r="G36" s="280">
        <v>129</v>
      </c>
      <c r="H36" s="280">
        <v>157</v>
      </c>
      <c r="I36" s="280">
        <v>183</v>
      </c>
      <c r="J36" s="280">
        <v>324</v>
      </c>
      <c r="K36" s="280">
        <v>71</v>
      </c>
      <c r="L36" s="281">
        <v>864</v>
      </c>
      <c r="M36" s="282">
        <v>864</v>
      </c>
      <c r="N36" s="276">
        <v>0</v>
      </c>
      <c r="O36" s="280">
        <v>0</v>
      </c>
      <c r="P36" s="277">
        <v>0</v>
      </c>
      <c r="Q36" s="279">
        <v>0</v>
      </c>
      <c r="R36" s="280">
        <v>0</v>
      </c>
      <c r="S36" s="280">
        <v>4</v>
      </c>
      <c r="T36" s="280">
        <v>0</v>
      </c>
      <c r="U36" s="280">
        <v>8</v>
      </c>
      <c r="V36" s="280">
        <v>28</v>
      </c>
      <c r="W36" s="277">
        <v>40</v>
      </c>
      <c r="X36" s="282">
        <v>40</v>
      </c>
      <c r="Y36" s="276">
        <v>3</v>
      </c>
      <c r="Z36" s="280">
        <v>61</v>
      </c>
      <c r="AA36" s="277">
        <v>64</v>
      </c>
      <c r="AB36" s="279">
        <v>0</v>
      </c>
      <c r="AC36" s="280">
        <v>110</v>
      </c>
      <c r="AD36" s="280">
        <v>59</v>
      </c>
      <c r="AE36" s="280">
        <v>48</v>
      </c>
      <c r="AF36" s="280">
        <v>82</v>
      </c>
      <c r="AG36" s="280">
        <v>42</v>
      </c>
      <c r="AH36" s="277">
        <v>341</v>
      </c>
      <c r="AI36" s="282">
        <v>405</v>
      </c>
      <c r="AJ36" s="276">
        <v>0</v>
      </c>
      <c r="AK36" s="280">
        <v>0</v>
      </c>
      <c r="AL36" s="277">
        <v>0</v>
      </c>
      <c r="AM36" s="279">
        <v>0</v>
      </c>
      <c r="AN36" s="280">
        <v>58</v>
      </c>
      <c r="AO36" s="280">
        <v>42</v>
      </c>
      <c r="AP36" s="280">
        <v>17</v>
      </c>
      <c r="AQ36" s="280">
        <v>11</v>
      </c>
      <c r="AR36" s="280">
        <v>40</v>
      </c>
      <c r="AS36" s="277">
        <v>168</v>
      </c>
      <c r="AT36" s="282">
        <v>168</v>
      </c>
      <c r="AU36" s="276">
        <v>0</v>
      </c>
      <c r="AV36" s="280">
        <v>0</v>
      </c>
      <c r="AW36" s="277">
        <v>0</v>
      </c>
      <c r="AX36" s="279">
        <v>0</v>
      </c>
      <c r="AY36" s="280">
        <v>252</v>
      </c>
      <c r="AZ36" s="280">
        <v>186</v>
      </c>
      <c r="BA36" s="280">
        <v>118</v>
      </c>
      <c r="BB36" s="280">
        <v>123</v>
      </c>
      <c r="BC36" s="280">
        <v>0</v>
      </c>
      <c r="BD36" s="281">
        <v>679</v>
      </c>
      <c r="BE36" s="282">
        <v>679</v>
      </c>
      <c r="BF36" s="276">
        <v>0</v>
      </c>
      <c r="BG36" s="280">
        <v>0</v>
      </c>
      <c r="BH36" s="277">
        <v>0</v>
      </c>
      <c r="BI36" s="279">
        <v>0</v>
      </c>
      <c r="BJ36" s="280">
        <v>56</v>
      </c>
      <c r="BK36" s="280">
        <v>17</v>
      </c>
      <c r="BL36" s="280">
        <v>5</v>
      </c>
      <c r="BM36" s="280">
        <v>40</v>
      </c>
      <c r="BN36" s="280">
        <v>0</v>
      </c>
      <c r="BO36" s="277">
        <v>118</v>
      </c>
      <c r="BP36" s="282">
        <v>118</v>
      </c>
      <c r="BQ36" s="276">
        <v>4</v>
      </c>
      <c r="BR36" s="280">
        <v>0</v>
      </c>
      <c r="BS36" s="277">
        <v>4</v>
      </c>
      <c r="BT36" s="279">
        <v>0</v>
      </c>
      <c r="BU36" s="280">
        <v>15</v>
      </c>
      <c r="BV36" s="280">
        <v>0</v>
      </c>
      <c r="BW36" s="280">
        <v>7</v>
      </c>
      <c r="BX36" s="280">
        <v>21</v>
      </c>
      <c r="BY36" s="280">
        <v>7</v>
      </c>
      <c r="BZ36" s="277">
        <v>50</v>
      </c>
      <c r="CA36" s="282">
        <v>54</v>
      </c>
      <c r="CB36" s="276">
        <v>0</v>
      </c>
      <c r="CC36" s="280">
        <v>0</v>
      </c>
      <c r="CD36" s="277">
        <v>0</v>
      </c>
      <c r="CE36" s="279">
        <v>0</v>
      </c>
      <c r="CF36" s="280">
        <v>3</v>
      </c>
      <c r="CG36" s="280">
        <v>0</v>
      </c>
      <c r="CH36" s="280">
        <v>0</v>
      </c>
      <c r="CI36" s="280">
        <v>8</v>
      </c>
      <c r="CJ36" s="280">
        <v>0</v>
      </c>
      <c r="CK36" s="277">
        <v>11</v>
      </c>
      <c r="CL36" s="282">
        <v>11</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4">
        <v>0</v>
      </c>
      <c r="F37" s="279">
        <v>0</v>
      </c>
      <c r="G37" s="280">
        <v>1252</v>
      </c>
      <c r="H37" s="280">
        <v>964</v>
      </c>
      <c r="I37" s="280">
        <v>1309</v>
      </c>
      <c r="J37" s="280">
        <v>1303</v>
      </c>
      <c r="K37" s="280">
        <v>1028</v>
      </c>
      <c r="L37" s="281">
        <v>5856</v>
      </c>
      <c r="M37" s="282">
        <v>5856</v>
      </c>
      <c r="N37" s="276">
        <v>0</v>
      </c>
      <c r="O37" s="280">
        <v>0</v>
      </c>
      <c r="P37" s="277">
        <v>0</v>
      </c>
      <c r="Q37" s="279">
        <v>0</v>
      </c>
      <c r="R37" s="280">
        <v>0</v>
      </c>
      <c r="S37" s="280">
        <v>33</v>
      </c>
      <c r="T37" s="280">
        <v>21</v>
      </c>
      <c r="U37" s="280">
        <v>41</v>
      </c>
      <c r="V37" s="280">
        <v>60</v>
      </c>
      <c r="W37" s="277">
        <v>155</v>
      </c>
      <c r="X37" s="282">
        <v>155</v>
      </c>
      <c r="Y37" s="276">
        <v>17</v>
      </c>
      <c r="Z37" s="280">
        <v>53</v>
      </c>
      <c r="AA37" s="277">
        <v>70</v>
      </c>
      <c r="AB37" s="279">
        <v>0</v>
      </c>
      <c r="AC37" s="280">
        <v>355</v>
      </c>
      <c r="AD37" s="280">
        <v>208</v>
      </c>
      <c r="AE37" s="280">
        <v>146</v>
      </c>
      <c r="AF37" s="280">
        <v>232</v>
      </c>
      <c r="AG37" s="280">
        <v>153</v>
      </c>
      <c r="AH37" s="277">
        <v>1094</v>
      </c>
      <c r="AI37" s="282">
        <v>1164</v>
      </c>
      <c r="AJ37" s="276">
        <v>14</v>
      </c>
      <c r="AK37" s="280">
        <v>42</v>
      </c>
      <c r="AL37" s="277">
        <v>56</v>
      </c>
      <c r="AM37" s="279">
        <v>0</v>
      </c>
      <c r="AN37" s="280">
        <v>166</v>
      </c>
      <c r="AO37" s="280">
        <v>109</v>
      </c>
      <c r="AP37" s="280">
        <v>47</v>
      </c>
      <c r="AQ37" s="280">
        <v>118</v>
      </c>
      <c r="AR37" s="280">
        <v>32</v>
      </c>
      <c r="AS37" s="277">
        <v>472</v>
      </c>
      <c r="AT37" s="282">
        <v>528</v>
      </c>
      <c r="AU37" s="276">
        <v>0</v>
      </c>
      <c r="AV37" s="280">
        <v>0</v>
      </c>
      <c r="AW37" s="277">
        <v>0</v>
      </c>
      <c r="AX37" s="279">
        <v>0</v>
      </c>
      <c r="AY37" s="280">
        <v>1336</v>
      </c>
      <c r="AZ37" s="280">
        <v>1022</v>
      </c>
      <c r="BA37" s="280">
        <v>434</v>
      </c>
      <c r="BB37" s="280">
        <v>336</v>
      </c>
      <c r="BC37" s="280">
        <v>264</v>
      </c>
      <c r="BD37" s="281">
        <v>3392</v>
      </c>
      <c r="BE37" s="282">
        <v>3392</v>
      </c>
      <c r="BF37" s="276">
        <v>0</v>
      </c>
      <c r="BG37" s="280">
        <v>0</v>
      </c>
      <c r="BH37" s="277">
        <v>0</v>
      </c>
      <c r="BI37" s="279">
        <v>0</v>
      </c>
      <c r="BJ37" s="280">
        <v>478</v>
      </c>
      <c r="BK37" s="280">
        <v>187</v>
      </c>
      <c r="BL37" s="280">
        <v>80</v>
      </c>
      <c r="BM37" s="280">
        <v>84</v>
      </c>
      <c r="BN37" s="280">
        <v>1</v>
      </c>
      <c r="BO37" s="277">
        <v>830</v>
      </c>
      <c r="BP37" s="282">
        <v>830</v>
      </c>
      <c r="BQ37" s="276">
        <v>0</v>
      </c>
      <c r="BR37" s="280">
        <v>0</v>
      </c>
      <c r="BS37" s="277">
        <v>0</v>
      </c>
      <c r="BT37" s="279">
        <v>0</v>
      </c>
      <c r="BU37" s="280">
        <v>81</v>
      </c>
      <c r="BV37" s="280">
        <v>71</v>
      </c>
      <c r="BW37" s="280">
        <v>85</v>
      </c>
      <c r="BX37" s="280">
        <v>188</v>
      </c>
      <c r="BY37" s="280">
        <v>52</v>
      </c>
      <c r="BZ37" s="277">
        <v>477</v>
      </c>
      <c r="CA37" s="282">
        <v>477</v>
      </c>
      <c r="CB37" s="276">
        <v>0</v>
      </c>
      <c r="CC37" s="280">
        <v>4</v>
      </c>
      <c r="CD37" s="277">
        <v>4</v>
      </c>
      <c r="CE37" s="279">
        <v>0</v>
      </c>
      <c r="CF37" s="280">
        <v>20</v>
      </c>
      <c r="CG37" s="280">
        <v>10</v>
      </c>
      <c r="CH37" s="280">
        <v>4</v>
      </c>
      <c r="CI37" s="280">
        <v>10</v>
      </c>
      <c r="CJ37" s="280">
        <v>0</v>
      </c>
      <c r="CK37" s="277">
        <v>44</v>
      </c>
      <c r="CL37" s="282">
        <v>48</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4">
        <v>0</v>
      </c>
      <c r="F38" s="279">
        <v>0</v>
      </c>
      <c r="G38" s="280">
        <v>555</v>
      </c>
      <c r="H38" s="280">
        <v>1135</v>
      </c>
      <c r="I38" s="280">
        <v>1413</v>
      </c>
      <c r="J38" s="280">
        <v>2312</v>
      </c>
      <c r="K38" s="280">
        <v>1320</v>
      </c>
      <c r="L38" s="281">
        <v>6735</v>
      </c>
      <c r="M38" s="282">
        <v>6735</v>
      </c>
      <c r="N38" s="276">
        <v>0</v>
      </c>
      <c r="O38" s="280">
        <v>0</v>
      </c>
      <c r="P38" s="277">
        <v>0</v>
      </c>
      <c r="Q38" s="279">
        <v>0</v>
      </c>
      <c r="R38" s="280">
        <v>28</v>
      </c>
      <c r="S38" s="280">
        <v>31</v>
      </c>
      <c r="T38" s="280">
        <v>19</v>
      </c>
      <c r="U38" s="280">
        <v>41</v>
      </c>
      <c r="V38" s="280">
        <v>49</v>
      </c>
      <c r="W38" s="277">
        <v>168</v>
      </c>
      <c r="X38" s="282">
        <v>168</v>
      </c>
      <c r="Y38" s="276">
        <v>77</v>
      </c>
      <c r="Z38" s="280">
        <v>178</v>
      </c>
      <c r="AA38" s="277">
        <v>255</v>
      </c>
      <c r="AB38" s="279">
        <v>0</v>
      </c>
      <c r="AC38" s="280">
        <v>623</v>
      </c>
      <c r="AD38" s="280">
        <v>517</v>
      </c>
      <c r="AE38" s="280">
        <v>309</v>
      </c>
      <c r="AF38" s="280">
        <v>341</v>
      </c>
      <c r="AG38" s="280">
        <v>347</v>
      </c>
      <c r="AH38" s="277">
        <v>2137</v>
      </c>
      <c r="AI38" s="282">
        <v>2392</v>
      </c>
      <c r="AJ38" s="276">
        <v>30</v>
      </c>
      <c r="AK38" s="280">
        <v>106</v>
      </c>
      <c r="AL38" s="277">
        <v>136</v>
      </c>
      <c r="AM38" s="279">
        <v>0</v>
      </c>
      <c r="AN38" s="280">
        <v>152</v>
      </c>
      <c r="AO38" s="280">
        <v>150</v>
      </c>
      <c r="AP38" s="280">
        <v>76</v>
      </c>
      <c r="AQ38" s="280">
        <v>64</v>
      </c>
      <c r="AR38" s="280">
        <v>69</v>
      </c>
      <c r="AS38" s="277">
        <v>511</v>
      </c>
      <c r="AT38" s="282">
        <v>647</v>
      </c>
      <c r="AU38" s="276">
        <v>0</v>
      </c>
      <c r="AV38" s="280">
        <v>0</v>
      </c>
      <c r="AW38" s="277">
        <v>0</v>
      </c>
      <c r="AX38" s="279">
        <v>0</v>
      </c>
      <c r="AY38" s="280">
        <v>705</v>
      </c>
      <c r="AZ38" s="280">
        <v>735</v>
      </c>
      <c r="BA38" s="280">
        <v>425</v>
      </c>
      <c r="BB38" s="280">
        <v>267</v>
      </c>
      <c r="BC38" s="280">
        <v>181</v>
      </c>
      <c r="BD38" s="281">
        <v>2313</v>
      </c>
      <c r="BE38" s="282">
        <v>2313</v>
      </c>
      <c r="BF38" s="276">
        <v>0</v>
      </c>
      <c r="BG38" s="280">
        <v>0</v>
      </c>
      <c r="BH38" s="277">
        <v>0</v>
      </c>
      <c r="BI38" s="279">
        <v>0</v>
      </c>
      <c r="BJ38" s="280">
        <v>185</v>
      </c>
      <c r="BK38" s="280">
        <v>186</v>
      </c>
      <c r="BL38" s="280">
        <v>143</v>
      </c>
      <c r="BM38" s="280">
        <v>26</v>
      </c>
      <c r="BN38" s="280">
        <v>14</v>
      </c>
      <c r="BO38" s="277">
        <v>554</v>
      </c>
      <c r="BP38" s="282">
        <v>554</v>
      </c>
      <c r="BQ38" s="276">
        <v>0</v>
      </c>
      <c r="BR38" s="280">
        <v>0</v>
      </c>
      <c r="BS38" s="277">
        <v>0</v>
      </c>
      <c r="BT38" s="279">
        <v>0</v>
      </c>
      <c r="BU38" s="280">
        <v>183</v>
      </c>
      <c r="BV38" s="280">
        <v>189</v>
      </c>
      <c r="BW38" s="280">
        <v>215</v>
      </c>
      <c r="BX38" s="280">
        <v>192</v>
      </c>
      <c r="BY38" s="280">
        <v>63</v>
      </c>
      <c r="BZ38" s="277">
        <v>842</v>
      </c>
      <c r="CA38" s="282">
        <v>842</v>
      </c>
      <c r="CB38" s="276">
        <v>0</v>
      </c>
      <c r="CC38" s="280">
        <v>0</v>
      </c>
      <c r="CD38" s="277">
        <v>0</v>
      </c>
      <c r="CE38" s="279">
        <v>0</v>
      </c>
      <c r="CF38" s="280">
        <v>0</v>
      </c>
      <c r="CG38" s="280">
        <v>6</v>
      </c>
      <c r="CH38" s="280">
        <v>0</v>
      </c>
      <c r="CI38" s="280">
        <v>12</v>
      </c>
      <c r="CJ38" s="280">
        <v>0</v>
      </c>
      <c r="CK38" s="277">
        <v>18</v>
      </c>
      <c r="CL38" s="282">
        <v>18</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5">
        <v>0</v>
      </c>
      <c r="F39" s="286">
        <v>0</v>
      </c>
      <c r="G39" s="287">
        <v>23</v>
      </c>
      <c r="H39" s="287">
        <v>57</v>
      </c>
      <c r="I39" s="287">
        <v>90</v>
      </c>
      <c r="J39" s="287">
        <v>64</v>
      </c>
      <c r="K39" s="287">
        <v>152</v>
      </c>
      <c r="L39" s="288">
        <v>386</v>
      </c>
      <c r="M39" s="289">
        <v>386</v>
      </c>
      <c r="N39" s="283">
        <v>0</v>
      </c>
      <c r="O39" s="287">
        <v>0</v>
      </c>
      <c r="P39" s="284">
        <v>0</v>
      </c>
      <c r="Q39" s="286">
        <v>0</v>
      </c>
      <c r="R39" s="287">
        <v>0</v>
      </c>
      <c r="S39" s="287">
        <v>0</v>
      </c>
      <c r="T39" s="287">
        <v>0</v>
      </c>
      <c r="U39" s="287">
        <v>0</v>
      </c>
      <c r="V39" s="287">
        <v>0</v>
      </c>
      <c r="W39" s="284">
        <v>0</v>
      </c>
      <c r="X39" s="289">
        <v>0</v>
      </c>
      <c r="Y39" s="283">
        <v>6</v>
      </c>
      <c r="Z39" s="287">
        <v>11</v>
      </c>
      <c r="AA39" s="284">
        <v>17</v>
      </c>
      <c r="AB39" s="286">
        <v>0</v>
      </c>
      <c r="AC39" s="287">
        <v>12</v>
      </c>
      <c r="AD39" s="287">
        <v>26</v>
      </c>
      <c r="AE39" s="287">
        <v>14</v>
      </c>
      <c r="AF39" s="287">
        <v>29</v>
      </c>
      <c r="AG39" s="287">
        <v>4</v>
      </c>
      <c r="AH39" s="284">
        <v>85</v>
      </c>
      <c r="AI39" s="289">
        <v>102</v>
      </c>
      <c r="AJ39" s="283">
        <v>0</v>
      </c>
      <c r="AK39" s="287">
        <v>0</v>
      </c>
      <c r="AL39" s="284">
        <v>0</v>
      </c>
      <c r="AM39" s="286">
        <v>0</v>
      </c>
      <c r="AN39" s="287">
        <v>0</v>
      </c>
      <c r="AO39" s="287">
        <v>8</v>
      </c>
      <c r="AP39" s="287">
        <v>0</v>
      </c>
      <c r="AQ39" s="287">
        <v>36</v>
      </c>
      <c r="AR39" s="287">
        <v>0</v>
      </c>
      <c r="AS39" s="284">
        <v>44</v>
      </c>
      <c r="AT39" s="289">
        <v>44</v>
      </c>
      <c r="AU39" s="283">
        <v>0</v>
      </c>
      <c r="AV39" s="287">
        <v>0</v>
      </c>
      <c r="AW39" s="284">
        <v>0</v>
      </c>
      <c r="AX39" s="286">
        <v>0</v>
      </c>
      <c r="AY39" s="287">
        <v>42</v>
      </c>
      <c r="AZ39" s="287">
        <v>30</v>
      </c>
      <c r="BA39" s="287">
        <v>61</v>
      </c>
      <c r="BB39" s="287">
        <v>4</v>
      </c>
      <c r="BC39" s="287">
        <v>8</v>
      </c>
      <c r="BD39" s="288">
        <v>145</v>
      </c>
      <c r="BE39" s="289">
        <v>145</v>
      </c>
      <c r="BF39" s="283">
        <v>0</v>
      </c>
      <c r="BG39" s="287">
        <v>0</v>
      </c>
      <c r="BH39" s="284">
        <v>0</v>
      </c>
      <c r="BI39" s="286">
        <v>0</v>
      </c>
      <c r="BJ39" s="287">
        <v>51</v>
      </c>
      <c r="BK39" s="287">
        <v>7</v>
      </c>
      <c r="BL39" s="287">
        <v>29</v>
      </c>
      <c r="BM39" s="287">
        <v>39</v>
      </c>
      <c r="BN39" s="287">
        <v>0</v>
      </c>
      <c r="BO39" s="284">
        <v>126</v>
      </c>
      <c r="BP39" s="289">
        <v>126</v>
      </c>
      <c r="BQ39" s="283">
        <v>0</v>
      </c>
      <c r="BR39" s="287">
        <v>0</v>
      </c>
      <c r="BS39" s="284">
        <v>0</v>
      </c>
      <c r="BT39" s="286">
        <v>0</v>
      </c>
      <c r="BU39" s="287">
        <v>3</v>
      </c>
      <c r="BV39" s="287">
        <v>6</v>
      </c>
      <c r="BW39" s="287">
        <v>50</v>
      </c>
      <c r="BX39" s="287">
        <v>12</v>
      </c>
      <c r="BY39" s="287">
        <v>0</v>
      </c>
      <c r="BZ39" s="284">
        <v>71</v>
      </c>
      <c r="CA39" s="289">
        <v>71</v>
      </c>
      <c r="CB39" s="283">
        <v>0</v>
      </c>
      <c r="CC39" s="287">
        <v>0</v>
      </c>
      <c r="CD39" s="284">
        <v>0</v>
      </c>
      <c r="CE39" s="286">
        <v>0</v>
      </c>
      <c r="CF39" s="287">
        <v>2</v>
      </c>
      <c r="CG39" s="287">
        <v>0</v>
      </c>
      <c r="CH39" s="287">
        <v>13</v>
      </c>
      <c r="CI39" s="287">
        <v>0</v>
      </c>
      <c r="CJ39" s="287">
        <v>2</v>
      </c>
      <c r="CK39" s="284">
        <v>17</v>
      </c>
      <c r="CL39" s="289">
        <v>17</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 ref="AJ4:AL4"/>
    <mergeCell ref="AM4:AS4"/>
    <mergeCell ref="AT4:AT5"/>
    <mergeCell ref="AU4:AW4"/>
    <mergeCell ref="AX4:BD4"/>
    <mergeCell ref="CW4:CW5"/>
    <mergeCell ref="BF4:BH4"/>
    <mergeCell ref="BI4:BO4"/>
    <mergeCell ref="BP4:BP5"/>
    <mergeCell ref="BQ4:BS4"/>
    <mergeCell ref="BT4:BZ4"/>
    <mergeCell ref="CA4:CA5"/>
    <mergeCell ref="CB4:CD4"/>
    <mergeCell ref="CE4:CK4"/>
    <mergeCell ref="CL4:CL5"/>
    <mergeCell ref="CM4:CO4"/>
    <mergeCell ref="CP4:CV4"/>
    <mergeCell ref="J1:K1"/>
    <mergeCell ref="M1:N1"/>
    <mergeCell ref="CB3:CL3"/>
    <mergeCell ref="CM3:CW3"/>
    <mergeCell ref="N3:X3"/>
    <mergeCell ref="Y3:AI3"/>
    <mergeCell ref="AJ3:AT3"/>
    <mergeCell ref="AU3:BE3"/>
    <mergeCell ref="BF3:BP3"/>
    <mergeCell ref="BQ3:CA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3-07-19T02:59:54Z</dcterms:modified>
</cp:coreProperties>
</file>